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3.xml" ContentType="application/vnd.openxmlformats-officedocument.spreadsheetml.worksheet+xml"/>
  <Override PartName="/xl/worksheets/sheet2.xml" ContentType="application/vnd.openxmlformats-officedocument.spreadsheetml.worksheet+xml"/>
  <Override PartName="/xl/pivotTables/pivotTable1.xml" ContentType="application/vnd.openxmlformats-officedocument.spreadsheetml.pivotTable+xml"/>
  <Override PartName="/xl/worksheets/sheet1.xml" ContentType="application/vnd.openxmlformats-officedocument.spreadsheetml.worksheet+xml"/>
  <Override PartName="/xl/styles.xml" ContentType="application/vnd.openxmlformats-officedocument.spreadsheetml.styles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haredStrings.xml" ContentType="application/vnd.openxmlformats-officedocument.spreadsheetml.sharedStrings+xml"/>
  <Override PartName="/xl/worksheets/sheet6.xml" ContentType="application/vnd.openxmlformats-officedocument.spreadsheetml.worksheet+xml"/>
  <Override PartName="/xl/pivotCache/pivotCacheRecords1.xml" ContentType="application/vnd.openxmlformats-officedocument.spreadsheetml.pivotCacheRecords+xml"/>
  <Override PartName="/xl/pivotCache/pivotCacheDefinition1.xml" ContentType="application/vnd.openxmlformats-officedocument.spreadsheetml.pivotCacheDefinition+xml"/>
  <Override PartName="/docProps/custom.xml" ContentType="application/vnd.openxmlformats-officedocument.custom-properties+xml"/>
  <Override PartName="/docProps/app.xml" ContentType="application/vnd.openxmlformats-officedocument.extended-propertie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customXml/itemProps3.xml" ContentType="application/vnd.openxmlformats-officedocument.customXmlProperties+xml"/>
  <Override PartName="/customXml/itemProps2.xml" ContentType="application/vnd.openxmlformats-officedocument.customXml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Staff Set 2\Workpaper Request\"/>
    </mc:Choice>
  </mc:AlternateContent>
  <bookViews>
    <workbookView xWindow="0" yWindow="0" windowWidth="19200" windowHeight="7485"/>
  </bookViews>
  <sheets>
    <sheet name="Excess Gen Price" sheetId="11" r:id="rId1"/>
    <sheet name="Typical Install Excess Percent" sheetId="10" r:id="rId2"/>
    <sheet name="Solar Pivot" sheetId="4" r:id="rId3"/>
    <sheet name="Res Pivot" sheetId="6" r:id="rId4"/>
    <sheet name="Residential Profile" sheetId="5" r:id="rId5"/>
    <sheet name="Solar Profile" sheetId="2" r:id="rId6"/>
  </sheets>
  <definedNames>
    <definedName name="_xlnm.Print_Area" localSheetId="0">'Excess Gen Price'!$A$1:$I$25</definedName>
    <definedName name="_xlnm.Print_Area" localSheetId="1">'Typical Install Excess Percent'!$B$1:$M$38</definedName>
  </definedNames>
  <calcPr calcId="162913"/>
  <pivotCaches>
    <pivotCache cacheId="1" r:id="rId7"/>
  </pivotCaches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9" i="4" l="1"/>
  <c r="E7" i="10"/>
  <c r="C4" i="6"/>
  <c r="E31" i="10" l="1"/>
  <c r="A1" i="11" l="1"/>
  <c r="B23" i="11"/>
  <c r="B20" i="11"/>
  <c r="B17" i="11"/>
  <c r="D8" i="11"/>
  <c r="E8" i="11" s="1"/>
  <c r="E12" i="11" s="1"/>
  <c r="B22" i="11" s="1"/>
  <c r="D7" i="11"/>
  <c r="L31" i="10"/>
  <c r="E7" i="11" l="1"/>
  <c r="E11" i="11" s="1"/>
  <c r="B21" i="11" s="1"/>
  <c r="C32" i="6"/>
  <c r="I31" i="10" l="1"/>
  <c r="F30" i="10" l="1"/>
  <c r="F8" i="10"/>
  <c r="F9" i="10"/>
  <c r="F10" i="10"/>
  <c r="F11" i="10"/>
  <c r="F12" i="10"/>
  <c r="F13" i="10"/>
  <c r="F29" i="10"/>
  <c r="F28" i="10"/>
  <c r="F27" i="10"/>
  <c r="F13" i="4"/>
  <c r="F16" i="10" s="1"/>
  <c r="F11" i="4"/>
  <c r="F14" i="10" s="1"/>
  <c r="F21" i="4" l="1"/>
  <c r="F24" i="10" s="1"/>
  <c r="F17" i="4"/>
  <c r="F20" i="10" s="1"/>
  <c r="F20" i="4"/>
  <c r="F23" i="10" s="1"/>
  <c r="F16" i="4"/>
  <c r="F19" i="10" s="1"/>
  <c r="F12" i="4"/>
  <c r="F15" i="10" s="1"/>
  <c r="F23" i="4"/>
  <c r="F26" i="10" s="1"/>
  <c r="E35" i="10" s="1"/>
  <c r="F19" i="4"/>
  <c r="F22" i="10" s="1"/>
  <c r="F15" i="4"/>
  <c r="F18" i="10" s="1"/>
  <c r="F22" i="4"/>
  <c r="F25" i="10" s="1"/>
  <c r="F18" i="4"/>
  <c r="F21" i="10" s="1"/>
  <c r="F14" i="4"/>
  <c r="F17" i="10" s="1"/>
  <c r="G7" i="10"/>
  <c r="E8" i="10"/>
  <c r="G8" i="10" s="1"/>
  <c r="E9" i="10"/>
  <c r="G9" i="10" s="1"/>
  <c r="E10" i="10"/>
  <c r="G10" i="10" s="1"/>
  <c r="E11" i="10"/>
  <c r="G11" i="10" s="1"/>
  <c r="E12" i="10"/>
  <c r="G12" i="10" s="1"/>
  <c r="E13" i="10"/>
  <c r="G13" i="10" s="1"/>
  <c r="E14" i="10"/>
  <c r="G14" i="10" s="1"/>
  <c r="E15" i="10"/>
  <c r="E16" i="10"/>
  <c r="E17" i="10"/>
  <c r="E18" i="10"/>
  <c r="E19" i="10"/>
  <c r="G19" i="10" s="1"/>
  <c r="E20" i="10"/>
  <c r="E21" i="10"/>
  <c r="G21" i="10" s="1"/>
  <c r="H21" i="10" s="1"/>
  <c r="E22" i="10"/>
  <c r="G22" i="10" s="1"/>
  <c r="E23" i="10"/>
  <c r="E24" i="10"/>
  <c r="E25" i="10"/>
  <c r="G25" i="10" s="1"/>
  <c r="K25" i="10" s="1"/>
  <c r="M25" i="10" s="1"/>
  <c r="E26" i="10"/>
  <c r="E27" i="10"/>
  <c r="G27" i="10" s="1"/>
  <c r="E28" i="10"/>
  <c r="G28" i="10" s="1"/>
  <c r="E29" i="10"/>
  <c r="G29" i="10" s="1"/>
  <c r="E30" i="10"/>
  <c r="G5" i="6"/>
  <c r="G6" i="6"/>
  <c r="G7" i="6"/>
  <c r="G8" i="6"/>
  <c r="G9" i="6"/>
  <c r="G10" i="6"/>
  <c r="G11" i="6"/>
  <c r="G12" i="6"/>
  <c r="G13" i="6"/>
  <c r="G14" i="6"/>
  <c r="G15" i="6"/>
  <c r="G16" i="6"/>
  <c r="G17" i="6"/>
  <c r="G18" i="6"/>
  <c r="G19" i="6"/>
  <c r="G20" i="6"/>
  <c r="G21" i="6"/>
  <c r="G22" i="6"/>
  <c r="G23" i="6"/>
  <c r="G24" i="6"/>
  <c r="G25" i="6"/>
  <c r="G26" i="6"/>
  <c r="G27" i="6"/>
  <c r="G4" i="6"/>
  <c r="G23" i="10" l="1"/>
  <c r="G20" i="10"/>
  <c r="K20" i="10" s="1"/>
  <c r="M20" i="10" s="1"/>
  <c r="F31" i="10"/>
  <c r="G15" i="10"/>
  <c r="K15" i="10" s="1"/>
  <c r="M15" i="10" s="1"/>
  <c r="G26" i="10"/>
  <c r="K26" i="10" s="1"/>
  <c r="M26" i="10" s="1"/>
  <c r="G18" i="10"/>
  <c r="K14" i="10"/>
  <c r="M14" i="10" s="1"/>
  <c r="G17" i="10"/>
  <c r="G16" i="10"/>
  <c r="K16" i="10" s="1"/>
  <c r="M16" i="10" s="1"/>
  <c r="G24" i="10"/>
  <c r="G30" i="10"/>
  <c r="H22" i="10"/>
  <c r="J22" i="10" s="1"/>
  <c r="K22" i="10"/>
  <c r="M22" i="10" s="1"/>
  <c r="J21" i="10"/>
  <c r="K21" i="10"/>
  <c r="M21" i="10" s="1"/>
  <c r="H23" i="10"/>
  <c r="J23" i="10" s="1"/>
  <c r="K23" i="10"/>
  <c r="M23" i="10" s="1"/>
  <c r="E37" i="10"/>
  <c r="G31" i="10" l="1"/>
  <c r="E36" i="10"/>
  <c r="K24" i="10"/>
  <c r="M24" i="10" s="1"/>
  <c r="M31" i="10" s="1"/>
  <c r="H24" i="10"/>
  <c r="J24" i="10" s="1"/>
  <c r="J31" i="10" s="1"/>
  <c r="C27" i="6"/>
  <c r="C26" i="6"/>
  <c r="C25" i="6"/>
  <c r="C24" i="6"/>
  <c r="C23" i="6"/>
  <c r="C22" i="6"/>
  <c r="C21" i="6"/>
  <c r="C20" i="6"/>
  <c r="C19" i="6"/>
  <c r="C18" i="6"/>
  <c r="C17" i="6"/>
  <c r="C16" i="6"/>
  <c r="C15" i="6"/>
  <c r="C14" i="6"/>
  <c r="C13" i="6"/>
  <c r="C12" i="6"/>
  <c r="C11" i="6"/>
  <c r="C10" i="6"/>
  <c r="C9" i="6"/>
  <c r="C8" i="6"/>
  <c r="C7" i="6"/>
  <c r="C6" i="6"/>
  <c r="C5" i="6"/>
  <c r="C28" i="6" s="1"/>
  <c r="D8789" i="5"/>
  <c r="D8788" i="5"/>
  <c r="D8787" i="5"/>
  <c r="D8786" i="5"/>
  <c r="D8785" i="5"/>
  <c r="D8784" i="5"/>
  <c r="D8783" i="5"/>
  <c r="D8782" i="5"/>
  <c r="D8781" i="5"/>
  <c r="D8780" i="5"/>
  <c r="D8779" i="5"/>
  <c r="D8778" i="5"/>
  <c r="D8777" i="5"/>
  <c r="D8776" i="5"/>
  <c r="D8775" i="5"/>
  <c r="D8774" i="5"/>
  <c r="D8773" i="5"/>
  <c r="D8772" i="5"/>
  <c r="D8771" i="5"/>
  <c r="D8770" i="5"/>
  <c r="D8769" i="5"/>
  <c r="D8768" i="5"/>
  <c r="D8767" i="5"/>
  <c r="D8766" i="5"/>
  <c r="D8765" i="5"/>
  <c r="D8764" i="5"/>
  <c r="D8763" i="5"/>
  <c r="D8762" i="5"/>
  <c r="D8761" i="5"/>
  <c r="D8760" i="5"/>
  <c r="D8759" i="5"/>
  <c r="D8758" i="5"/>
  <c r="D8757" i="5"/>
  <c r="D8756" i="5"/>
  <c r="D8755" i="5"/>
  <c r="D8754" i="5"/>
  <c r="D8753" i="5"/>
  <c r="D8752" i="5"/>
  <c r="D8751" i="5"/>
  <c r="D8750" i="5"/>
  <c r="D8749" i="5"/>
  <c r="D8748" i="5"/>
  <c r="D8747" i="5"/>
  <c r="D8746" i="5"/>
  <c r="D8745" i="5"/>
  <c r="D8744" i="5"/>
  <c r="D8743" i="5"/>
  <c r="D8742" i="5"/>
  <c r="D8741" i="5"/>
  <c r="D8740" i="5"/>
  <c r="D8739" i="5"/>
  <c r="D8738" i="5"/>
  <c r="D8737" i="5"/>
  <c r="D8736" i="5"/>
  <c r="D8735" i="5"/>
  <c r="D8734" i="5"/>
  <c r="D8733" i="5"/>
  <c r="D8732" i="5"/>
  <c r="D8731" i="5"/>
  <c r="D8730" i="5"/>
  <c r="D8729" i="5"/>
  <c r="D8728" i="5"/>
  <c r="D8727" i="5"/>
  <c r="D8726" i="5"/>
  <c r="D8725" i="5"/>
  <c r="D8724" i="5"/>
  <c r="D8723" i="5"/>
  <c r="D8722" i="5"/>
  <c r="D8721" i="5"/>
  <c r="D8720" i="5"/>
  <c r="D8719" i="5"/>
  <c r="D8718" i="5"/>
  <c r="D8717" i="5"/>
  <c r="D8716" i="5"/>
  <c r="D8715" i="5"/>
  <c r="D8714" i="5"/>
  <c r="D8713" i="5"/>
  <c r="D8712" i="5"/>
  <c r="D8711" i="5"/>
  <c r="D8710" i="5"/>
  <c r="D8709" i="5"/>
  <c r="D8708" i="5"/>
  <c r="D8707" i="5"/>
  <c r="D8706" i="5"/>
  <c r="D8705" i="5"/>
  <c r="D8704" i="5"/>
  <c r="D8703" i="5"/>
  <c r="D8702" i="5"/>
  <c r="D8701" i="5"/>
  <c r="D8700" i="5"/>
  <c r="D8699" i="5"/>
  <c r="D8698" i="5"/>
  <c r="D8697" i="5"/>
  <c r="D8696" i="5"/>
  <c r="D8695" i="5"/>
  <c r="D8694" i="5"/>
  <c r="D8693" i="5"/>
  <c r="D8692" i="5"/>
  <c r="D8691" i="5"/>
  <c r="D8690" i="5"/>
  <c r="D8689" i="5"/>
  <c r="D8688" i="5"/>
  <c r="D8687" i="5"/>
  <c r="D8686" i="5"/>
  <c r="D8685" i="5"/>
  <c r="D8684" i="5"/>
  <c r="D8683" i="5"/>
  <c r="D8682" i="5"/>
  <c r="D8681" i="5"/>
  <c r="D8680" i="5"/>
  <c r="D8679" i="5"/>
  <c r="D8678" i="5"/>
  <c r="D8677" i="5"/>
  <c r="D8676" i="5"/>
  <c r="D8675" i="5"/>
  <c r="D8674" i="5"/>
  <c r="D8673" i="5"/>
  <c r="D8672" i="5"/>
  <c r="D8671" i="5"/>
  <c r="D8670" i="5"/>
  <c r="D8669" i="5"/>
  <c r="D8668" i="5"/>
  <c r="D8667" i="5"/>
  <c r="D8666" i="5"/>
  <c r="D8665" i="5"/>
  <c r="D8664" i="5"/>
  <c r="D8663" i="5"/>
  <c r="D8662" i="5"/>
  <c r="D8661" i="5"/>
  <c r="D8660" i="5"/>
  <c r="D8659" i="5"/>
  <c r="D8658" i="5"/>
  <c r="D8657" i="5"/>
  <c r="D8656" i="5"/>
  <c r="D8655" i="5"/>
  <c r="D8654" i="5"/>
  <c r="D8653" i="5"/>
  <c r="D8652" i="5"/>
  <c r="D8651" i="5"/>
  <c r="D8650" i="5"/>
  <c r="D8649" i="5"/>
  <c r="D8648" i="5"/>
  <c r="D8647" i="5"/>
  <c r="D8646" i="5"/>
  <c r="D8645" i="5"/>
  <c r="D8644" i="5"/>
  <c r="D8643" i="5"/>
  <c r="D8642" i="5"/>
  <c r="D8641" i="5"/>
  <c r="D8640" i="5"/>
  <c r="D8639" i="5"/>
  <c r="D8638" i="5"/>
  <c r="D8637" i="5"/>
  <c r="D8636" i="5"/>
  <c r="D8635" i="5"/>
  <c r="D8634" i="5"/>
  <c r="D8633" i="5"/>
  <c r="D8632" i="5"/>
  <c r="D8631" i="5"/>
  <c r="D8630" i="5"/>
  <c r="D8629" i="5"/>
  <c r="D8628" i="5"/>
  <c r="D8627" i="5"/>
  <c r="D8626" i="5"/>
  <c r="D8625" i="5"/>
  <c r="D8624" i="5"/>
  <c r="D8623" i="5"/>
  <c r="D8622" i="5"/>
  <c r="D8621" i="5"/>
  <c r="D8620" i="5"/>
  <c r="D8619" i="5"/>
  <c r="D8618" i="5"/>
  <c r="D8617" i="5"/>
  <c r="D8616" i="5"/>
  <c r="D8615" i="5"/>
  <c r="D8614" i="5"/>
  <c r="D8613" i="5"/>
  <c r="D8612" i="5"/>
  <c r="D8611" i="5"/>
  <c r="D8610" i="5"/>
  <c r="D8609" i="5"/>
  <c r="D8608" i="5"/>
  <c r="D8607" i="5"/>
  <c r="D8606" i="5"/>
  <c r="D8605" i="5"/>
  <c r="D8604" i="5"/>
  <c r="D8603" i="5"/>
  <c r="D8602" i="5"/>
  <c r="D8601" i="5"/>
  <c r="D8600" i="5"/>
  <c r="D8599" i="5"/>
  <c r="D8598" i="5"/>
  <c r="D8597" i="5"/>
  <c r="D8596" i="5"/>
  <c r="D8595" i="5"/>
  <c r="D8594" i="5"/>
  <c r="D8593" i="5"/>
  <c r="D8592" i="5"/>
  <c r="D8591" i="5"/>
  <c r="D8590" i="5"/>
  <c r="D8589" i="5"/>
  <c r="D8588" i="5"/>
  <c r="D8587" i="5"/>
  <c r="D8586" i="5"/>
  <c r="D8585" i="5"/>
  <c r="D8584" i="5"/>
  <c r="D8583" i="5"/>
  <c r="D8582" i="5"/>
  <c r="D8581" i="5"/>
  <c r="D8580" i="5"/>
  <c r="D8579" i="5"/>
  <c r="D8578" i="5"/>
  <c r="D8577" i="5"/>
  <c r="D8576" i="5"/>
  <c r="D8575" i="5"/>
  <c r="D8574" i="5"/>
  <c r="D8573" i="5"/>
  <c r="D8572" i="5"/>
  <c r="D8571" i="5"/>
  <c r="D8570" i="5"/>
  <c r="D8569" i="5"/>
  <c r="D8568" i="5"/>
  <c r="D8567" i="5"/>
  <c r="D8566" i="5"/>
  <c r="D8565" i="5"/>
  <c r="D8564" i="5"/>
  <c r="D8563" i="5"/>
  <c r="D8562" i="5"/>
  <c r="D8561" i="5"/>
  <c r="D8560" i="5"/>
  <c r="D8559" i="5"/>
  <c r="D8558" i="5"/>
  <c r="D8557" i="5"/>
  <c r="D8556" i="5"/>
  <c r="D8555" i="5"/>
  <c r="D8554" i="5"/>
  <c r="D8553" i="5"/>
  <c r="D8552" i="5"/>
  <c r="D8551" i="5"/>
  <c r="D8550" i="5"/>
  <c r="D8549" i="5"/>
  <c r="D8548" i="5"/>
  <c r="D8547" i="5"/>
  <c r="D8546" i="5"/>
  <c r="D8545" i="5"/>
  <c r="D8544" i="5"/>
  <c r="D8543" i="5"/>
  <c r="D8542" i="5"/>
  <c r="D8541" i="5"/>
  <c r="D8540" i="5"/>
  <c r="D8539" i="5"/>
  <c r="D8538" i="5"/>
  <c r="D8537" i="5"/>
  <c r="D8536" i="5"/>
  <c r="D8535" i="5"/>
  <c r="D8534" i="5"/>
  <c r="D8533" i="5"/>
  <c r="D8532" i="5"/>
  <c r="D8531" i="5"/>
  <c r="D8530" i="5"/>
  <c r="D8529" i="5"/>
  <c r="D8528" i="5"/>
  <c r="D8527" i="5"/>
  <c r="D8526" i="5"/>
  <c r="D8525" i="5"/>
  <c r="D8524" i="5"/>
  <c r="D8523" i="5"/>
  <c r="D8522" i="5"/>
  <c r="D8521" i="5"/>
  <c r="D8520" i="5"/>
  <c r="D8519" i="5"/>
  <c r="D8518" i="5"/>
  <c r="D8517" i="5"/>
  <c r="D8516" i="5"/>
  <c r="D8515" i="5"/>
  <c r="D8514" i="5"/>
  <c r="D8513" i="5"/>
  <c r="D8512" i="5"/>
  <c r="D8511" i="5"/>
  <c r="D8510" i="5"/>
  <c r="D8509" i="5"/>
  <c r="D8508" i="5"/>
  <c r="D8507" i="5"/>
  <c r="D8506" i="5"/>
  <c r="D8505" i="5"/>
  <c r="D8504" i="5"/>
  <c r="D8503" i="5"/>
  <c r="D8502" i="5"/>
  <c r="D8501" i="5"/>
  <c r="D8500" i="5"/>
  <c r="D8499" i="5"/>
  <c r="D8498" i="5"/>
  <c r="D8497" i="5"/>
  <c r="D8496" i="5"/>
  <c r="D8495" i="5"/>
  <c r="D8494" i="5"/>
  <c r="D8493" i="5"/>
  <c r="D8492" i="5"/>
  <c r="D8491" i="5"/>
  <c r="D8490" i="5"/>
  <c r="D8489" i="5"/>
  <c r="D8488" i="5"/>
  <c r="D8487" i="5"/>
  <c r="D8486" i="5"/>
  <c r="D8485" i="5"/>
  <c r="D8484" i="5"/>
  <c r="D8483" i="5"/>
  <c r="D8482" i="5"/>
  <c r="D8481" i="5"/>
  <c r="D8480" i="5"/>
  <c r="D8479" i="5"/>
  <c r="D8478" i="5"/>
  <c r="D8477" i="5"/>
  <c r="D8476" i="5"/>
  <c r="D8475" i="5"/>
  <c r="D8474" i="5"/>
  <c r="D8473" i="5"/>
  <c r="D8472" i="5"/>
  <c r="D8471" i="5"/>
  <c r="D8470" i="5"/>
  <c r="D8469" i="5"/>
  <c r="D8468" i="5"/>
  <c r="D8467" i="5"/>
  <c r="D8466" i="5"/>
  <c r="D8465" i="5"/>
  <c r="D8464" i="5"/>
  <c r="D8463" i="5"/>
  <c r="D8462" i="5"/>
  <c r="D8461" i="5"/>
  <c r="D8460" i="5"/>
  <c r="D8459" i="5"/>
  <c r="D8458" i="5"/>
  <c r="D8457" i="5"/>
  <c r="D8456" i="5"/>
  <c r="D8455" i="5"/>
  <c r="D8454" i="5"/>
  <c r="D8453" i="5"/>
  <c r="D8452" i="5"/>
  <c r="D8451" i="5"/>
  <c r="D8450" i="5"/>
  <c r="D8449" i="5"/>
  <c r="D8448" i="5"/>
  <c r="D8447" i="5"/>
  <c r="D8446" i="5"/>
  <c r="D8445" i="5"/>
  <c r="D8444" i="5"/>
  <c r="D8443" i="5"/>
  <c r="D8442" i="5"/>
  <c r="D8441" i="5"/>
  <c r="D8440" i="5"/>
  <c r="D8439" i="5"/>
  <c r="D8438" i="5"/>
  <c r="D8437" i="5"/>
  <c r="D8436" i="5"/>
  <c r="D8435" i="5"/>
  <c r="D8434" i="5"/>
  <c r="D8433" i="5"/>
  <c r="D8432" i="5"/>
  <c r="D8431" i="5"/>
  <c r="D8430" i="5"/>
  <c r="D8429" i="5"/>
  <c r="D8428" i="5"/>
  <c r="D8427" i="5"/>
  <c r="D8426" i="5"/>
  <c r="D8425" i="5"/>
  <c r="D8424" i="5"/>
  <c r="D8423" i="5"/>
  <c r="D8422" i="5"/>
  <c r="D8421" i="5"/>
  <c r="D8420" i="5"/>
  <c r="D8419" i="5"/>
  <c r="D8418" i="5"/>
  <c r="D8417" i="5"/>
  <c r="D8416" i="5"/>
  <c r="D8415" i="5"/>
  <c r="D8414" i="5"/>
  <c r="D8413" i="5"/>
  <c r="D8412" i="5"/>
  <c r="D8411" i="5"/>
  <c r="D8410" i="5"/>
  <c r="D8409" i="5"/>
  <c r="D8408" i="5"/>
  <c r="D8407" i="5"/>
  <c r="D8406" i="5"/>
  <c r="D8405" i="5"/>
  <c r="D8404" i="5"/>
  <c r="D8403" i="5"/>
  <c r="D8402" i="5"/>
  <c r="D8401" i="5"/>
  <c r="D8400" i="5"/>
  <c r="D8399" i="5"/>
  <c r="D8398" i="5"/>
  <c r="D8397" i="5"/>
  <c r="D8396" i="5"/>
  <c r="D8395" i="5"/>
  <c r="D8394" i="5"/>
  <c r="D8393" i="5"/>
  <c r="D8392" i="5"/>
  <c r="D8391" i="5"/>
  <c r="D8390" i="5"/>
  <c r="D8389" i="5"/>
  <c r="D8388" i="5"/>
  <c r="D8387" i="5"/>
  <c r="D8386" i="5"/>
  <c r="D8385" i="5"/>
  <c r="D8384" i="5"/>
  <c r="D8383" i="5"/>
  <c r="D8382" i="5"/>
  <c r="D8381" i="5"/>
  <c r="D8380" i="5"/>
  <c r="D8379" i="5"/>
  <c r="D8378" i="5"/>
  <c r="D8377" i="5"/>
  <c r="D8376" i="5"/>
  <c r="D8375" i="5"/>
  <c r="D8374" i="5"/>
  <c r="D8373" i="5"/>
  <c r="D8372" i="5"/>
  <c r="D8371" i="5"/>
  <c r="D8370" i="5"/>
  <c r="D8369" i="5"/>
  <c r="D8368" i="5"/>
  <c r="D8367" i="5"/>
  <c r="D8366" i="5"/>
  <c r="D8365" i="5"/>
  <c r="D8364" i="5"/>
  <c r="D8363" i="5"/>
  <c r="D8362" i="5"/>
  <c r="D8361" i="5"/>
  <c r="D8360" i="5"/>
  <c r="D8359" i="5"/>
  <c r="D8358" i="5"/>
  <c r="D8357" i="5"/>
  <c r="D8356" i="5"/>
  <c r="D8355" i="5"/>
  <c r="D8354" i="5"/>
  <c r="D8353" i="5"/>
  <c r="D8352" i="5"/>
  <c r="D8351" i="5"/>
  <c r="D8350" i="5"/>
  <c r="D8349" i="5"/>
  <c r="D8348" i="5"/>
  <c r="D8347" i="5"/>
  <c r="D8346" i="5"/>
  <c r="D8345" i="5"/>
  <c r="D8344" i="5"/>
  <c r="D8343" i="5"/>
  <c r="D8342" i="5"/>
  <c r="D8341" i="5"/>
  <c r="D8340" i="5"/>
  <c r="D8339" i="5"/>
  <c r="D8338" i="5"/>
  <c r="D8337" i="5"/>
  <c r="D8336" i="5"/>
  <c r="D8335" i="5"/>
  <c r="D8334" i="5"/>
  <c r="D8333" i="5"/>
  <c r="D8332" i="5"/>
  <c r="D8331" i="5"/>
  <c r="D8330" i="5"/>
  <c r="D8329" i="5"/>
  <c r="D8328" i="5"/>
  <c r="D8327" i="5"/>
  <c r="D8326" i="5"/>
  <c r="D8325" i="5"/>
  <c r="D8324" i="5"/>
  <c r="D8323" i="5"/>
  <c r="D8322" i="5"/>
  <c r="D8321" i="5"/>
  <c r="D8320" i="5"/>
  <c r="D8319" i="5"/>
  <c r="D8318" i="5"/>
  <c r="D8317" i="5"/>
  <c r="D8316" i="5"/>
  <c r="D8315" i="5"/>
  <c r="D8314" i="5"/>
  <c r="D8313" i="5"/>
  <c r="D8312" i="5"/>
  <c r="D8311" i="5"/>
  <c r="D8310" i="5"/>
  <c r="D8309" i="5"/>
  <c r="D8308" i="5"/>
  <c r="D8307" i="5"/>
  <c r="D8306" i="5"/>
  <c r="D8305" i="5"/>
  <c r="D8304" i="5"/>
  <c r="D8303" i="5"/>
  <c r="D8302" i="5"/>
  <c r="D8301" i="5"/>
  <c r="D8300" i="5"/>
  <c r="D8299" i="5"/>
  <c r="D8298" i="5"/>
  <c r="D8297" i="5"/>
  <c r="D8296" i="5"/>
  <c r="D8295" i="5"/>
  <c r="D8294" i="5"/>
  <c r="D8293" i="5"/>
  <c r="D8292" i="5"/>
  <c r="D8291" i="5"/>
  <c r="D8290" i="5"/>
  <c r="D8289" i="5"/>
  <c r="D8288" i="5"/>
  <c r="D8287" i="5"/>
  <c r="D8286" i="5"/>
  <c r="D8285" i="5"/>
  <c r="D8284" i="5"/>
  <c r="D8283" i="5"/>
  <c r="D8282" i="5"/>
  <c r="D8281" i="5"/>
  <c r="D8280" i="5"/>
  <c r="D8279" i="5"/>
  <c r="D8278" i="5"/>
  <c r="D8277" i="5"/>
  <c r="D8276" i="5"/>
  <c r="D8275" i="5"/>
  <c r="D8274" i="5"/>
  <c r="D8273" i="5"/>
  <c r="D8272" i="5"/>
  <c r="D8271" i="5"/>
  <c r="D8270" i="5"/>
  <c r="D8269" i="5"/>
  <c r="D8268" i="5"/>
  <c r="D8267" i="5"/>
  <c r="D8266" i="5"/>
  <c r="D8265" i="5"/>
  <c r="D8264" i="5"/>
  <c r="D8263" i="5"/>
  <c r="D8262" i="5"/>
  <c r="D8261" i="5"/>
  <c r="D8260" i="5"/>
  <c r="D8259" i="5"/>
  <c r="D8258" i="5"/>
  <c r="D8257" i="5"/>
  <c r="D8256" i="5"/>
  <c r="D8255" i="5"/>
  <c r="D8254" i="5"/>
  <c r="D8253" i="5"/>
  <c r="D8252" i="5"/>
  <c r="D8251" i="5"/>
  <c r="D8250" i="5"/>
  <c r="D8249" i="5"/>
  <c r="D8248" i="5"/>
  <c r="D8247" i="5"/>
  <c r="D8246" i="5"/>
  <c r="D8245" i="5"/>
  <c r="D8244" i="5"/>
  <c r="D8243" i="5"/>
  <c r="D8242" i="5"/>
  <c r="D8241" i="5"/>
  <c r="D8240" i="5"/>
  <c r="D8239" i="5"/>
  <c r="D8238" i="5"/>
  <c r="D8237" i="5"/>
  <c r="D8236" i="5"/>
  <c r="D8235" i="5"/>
  <c r="D8234" i="5"/>
  <c r="D8233" i="5"/>
  <c r="D8232" i="5"/>
  <c r="D8231" i="5"/>
  <c r="D8230" i="5"/>
  <c r="D8229" i="5"/>
  <c r="D8228" i="5"/>
  <c r="D8227" i="5"/>
  <c r="D8226" i="5"/>
  <c r="D8225" i="5"/>
  <c r="D8224" i="5"/>
  <c r="D8223" i="5"/>
  <c r="D8222" i="5"/>
  <c r="D8221" i="5"/>
  <c r="D8220" i="5"/>
  <c r="D8219" i="5"/>
  <c r="D8218" i="5"/>
  <c r="D8217" i="5"/>
  <c r="D8216" i="5"/>
  <c r="D8215" i="5"/>
  <c r="D8214" i="5"/>
  <c r="D8213" i="5"/>
  <c r="D8212" i="5"/>
  <c r="D8211" i="5"/>
  <c r="D8210" i="5"/>
  <c r="D8209" i="5"/>
  <c r="D8208" i="5"/>
  <c r="D8207" i="5"/>
  <c r="D8206" i="5"/>
  <c r="D8205" i="5"/>
  <c r="D8204" i="5"/>
  <c r="D8203" i="5"/>
  <c r="D8202" i="5"/>
  <c r="D8201" i="5"/>
  <c r="D8200" i="5"/>
  <c r="D8199" i="5"/>
  <c r="D8198" i="5"/>
  <c r="D8197" i="5"/>
  <c r="D8196" i="5"/>
  <c r="D8195" i="5"/>
  <c r="D8194" i="5"/>
  <c r="D8193" i="5"/>
  <c r="D8192" i="5"/>
  <c r="D8191" i="5"/>
  <c r="D8190" i="5"/>
  <c r="D8189" i="5"/>
  <c r="D8188" i="5"/>
  <c r="D8187" i="5"/>
  <c r="D8186" i="5"/>
  <c r="D8185" i="5"/>
  <c r="D8184" i="5"/>
  <c r="D8183" i="5"/>
  <c r="D8182" i="5"/>
  <c r="D8181" i="5"/>
  <c r="D8180" i="5"/>
  <c r="D8179" i="5"/>
  <c r="D8178" i="5"/>
  <c r="D8177" i="5"/>
  <c r="D8176" i="5"/>
  <c r="D8175" i="5"/>
  <c r="D8174" i="5"/>
  <c r="D8173" i="5"/>
  <c r="D8172" i="5"/>
  <c r="D8171" i="5"/>
  <c r="D8170" i="5"/>
  <c r="D8169" i="5"/>
  <c r="D8168" i="5"/>
  <c r="D8167" i="5"/>
  <c r="D8166" i="5"/>
  <c r="D8165" i="5"/>
  <c r="D8164" i="5"/>
  <c r="D8163" i="5"/>
  <c r="D8162" i="5"/>
  <c r="D8161" i="5"/>
  <c r="D8160" i="5"/>
  <c r="D8159" i="5"/>
  <c r="D8158" i="5"/>
  <c r="D8157" i="5"/>
  <c r="D8156" i="5"/>
  <c r="D8155" i="5"/>
  <c r="D8154" i="5"/>
  <c r="D8153" i="5"/>
  <c r="D8152" i="5"/>
  <c r="D8151" i="5"/>
  <c r="D8150" i="5"/>
  <c r="D8149" i="5"/>
  <c r="D8148" i="5"/>
  <c r="D8147" i="5"/>
  <c r="D8146" i="5"/>
  <c r="D8145" i="5"/>
  <c r="D8144" i="5"/>
  <c r="D8143" i="5"/>
  <c r="D8142" i="5"/>
  <c r="D8141" i="5"/>
  <c r="D8140" i="5"/>
  <c r="D8139" i="5"/>
  <c r="D8138" i="5"/>
  <c r="D8137" i="5"/>
  <c r="D8136" i="5"/>
  <c r="D8135" i="5"/>
  <c r="D8134" i="5"/>
  <c r="D8133" i="5"/>
  <c r="D8132" i="5"/>
  <c r="D8131" i="5"/>
  <c r="D8130" i="5"/>
  <c r="D8129" i="5"/>
  <c r="D8128" i="5"/>
  <c r="D8127" i="5"/>
  <c r="D8126" i="5"/>
  <c r="D8125" i="5"/>
  <c r="D8124" i="5"/>
  <c r="D8123" i="5"/>
  <c r="D8122" i="5"/>
  <c r="D8121" i="5"/>
  <c r="D8120" i="5"/>
  <c r="D8119" i="5"/>
  <c r="D8118" i="5"/>
  <c r="D8117" i="5"/>
  <c r="D8116" i="5"/>
  <c r="D8115" i="5"/>
  <c r="D8114" i="5"/>
  <c r="D8113" i="5"/>
  <c r="D8112" i="5"/>
  <c r="D8111" i="5"/>
  <c r="D8110" i="5"/>
  <c r="D8109" i="5"/>
  <c r="D8108" i="5"/>
  <c r="D8107" i="5"/>
  <c r="D8106" i="5"/>
  <c r="D8105" i="5"/>
  <c r="D8104" i="5"/>
  <c r="D8103" i="5"/>
  <c r="D8102" i="5"/>
  <c r="D8101" i="5"/>
  <c r="D8100" i="5"/>
  <c r="D8099" i="5"/>
  <c r="D8098" i="5"/>
  <c r="D8097" i="5"/>
  <c r="D8096" i="5"/>
  <c r="D8095" i="5"/>
  <c r="D8094" i="5"/>
  <c r="D8093" i="5"/>
  <c r="D8092" i="5"/>
  <c r="D8091" i="5"/>
  <c r="D8090" i="5"/>
  <c r="D8089" i="5"/>
  <c r="D8088" i="5"/>
  <c r="D8087" i="5"/>
  <c r="D8086" i="5"/>
  <c r="D8085" i="5"/>
  <c r="D8084" i="5"/>
  <c r="D8083" i="5"/>
  <c r="D8082" i="5"/>
  <c r="D8081" i="5"/>
  <c r="D8080" i="5"/>
  <c r="D8079" i="5"/>
  <c r="D8078" i="5"/>
  <c r="D8077" i="5"/>
  <c r="D8076" i="5"/>
  <c r="D8075" i="5"/>
  <c r="D8074" i="5"/>
  <c r="D8073" i="5"/>
  <c r="D8072" i="5"/>
  <c r="D8071" i="5"/>
  <c r="D8070" i="5"/>
  <c r="D8069" i="5"/>
  <c r="D8068" i="5"/>
  <c r="D8067" i="5"/>
  <c r="D8066" i="5"/>
  <c r="D8065" i="5"/>
  <c r="D8064" i="5"/>
  <c r="D8063" i="5"/>
  <c r="D8062" i="5"/>
  <c r="D8061" i="5"/>
  <c r="D8060" i="5"/>
  <c r="D8059" i="5"/>
  <c r="D8058" i="5"/>
  <c r="D8057" i="5"/>
  <c r="D8056" i="5"/>
  <c r="D8055" i="5"/>
  <c r="D8054" i="5"/>
  <c r="D8053" i="5"/>
  <c r="D8052" i="5"/>
  <c r="D8051" i="5"/>
  <c r="D8050" i="5"/>
  <c r="D8049" i="5"/>
  <c r="D8048" i="5"/>
  <c r="D8047" i="5"/>
  <c r="D8046" i="5"/>
  <c r="D8045" i="5"/>
  <c r="D8044" i="5"/>
  <c r="D8043" i="5"/>
  <c r="D8042" i="5"/>
  <c r="D8041" i="5"/>
  <c r="D8040" i="5"/>
  <c r="D8039" i="5"/>
  <c r="D8038" i="5"/>
  <c r="D8037" i="5"/>
  <c r="D8036" i="5"/>
  <c r="D8035" i="5"/>
  <c r="D8034" i="5"/>
  <c r="D8033" i="5"/>
  <c r="D8032" i="5"/>
  <c r="D8031" i="5"/>
  <c r="D8030" i="5"/>
  <c r="D8029" i="5"/>
  <c r="D8028" i="5"/>
  <c r="D8027" i="5"/>
  <c r="D8026" i="5"/>
  <c r="D8025" i="5"/>
  <c r="D8024" i="5"/>
  <c r="D8023" i="5"/>
  <c r="D8022" i="5"/>
  <c r="D8021" i="5"/>
  <c r="D8020" i="5"/>
  <c r="D8019" i="5"/>
  <c r="D8018" i="5"/>
  <c r="D8017" i="5"/>
  <c r="D8016" i="5"/>
  <c r="D8015" i="5"/>
  <c r="D8014" i="5"/>
  <c r="D8013" i="5"/>
  <c r="D8012" i="5"/>
  <c r="D8011" i="5"/>
  <c r="D8010" i="5"/>
  <c r="D8009" i="5"/>
  <c r="D8008" i="5"/>
  <c r="D8007" i="5"/>
  <c r="D8006" i="5"/>
  <c r="D8005" i="5"/>
  <c r="D8004" i="5"/>
  <c r="D8003" i="5"/>
  <c r="D8002" i="5"/>
  <c r="D8001" i="5"/>
  <c r="D8000" i="5"/>
  <c r="D7999" i="5"/>
  <c r="D7998" i="5"/>
  <c r="D7997" i="5"/>
  <c r="D7996" i="5"/>
  <c r="D7995" i="5"/>
  <c r="D7994" i="5"/>
  <c r="D7993" i="5"/>
  <c r="D7992" i="5"/>
  <c r="D7991" i="5"/>
  <c r="D7990" i="5"/>
  <c r="D7989" i="5"/>
  <c r="D7988" i="5"/>
  <c r="D7987" i="5"/>
  <c r="D7986" i="5"/>
  <c r="D7985" i="5"/>
  <c r="D7984" i="5"/>
  <c r="D7983" i="5"/>
  <c r="D7982" i="5"/>
  <c r="D7981" i="5"/>
  <c r="D7980" i="5"/>
  <c r="D7979" i="5"/>
  <c r="D7978" i="5"/>
  <c r="D7977" i="5"/>
  <c r="D7976" i="5"/>
  <c r="D7975" i="5"/>
  <c r="D7974" i="5"/>
  <c r="D7973" i="5"/>
  <c r="D7972" i="5"/>
  <c r="D7971" i="5"/>
  <c r="D7970" i="5"/>
  <c r="D7969" i="5"/>
  <c r="D7968" i="5"/>
  <c r="D7967" i="5"/>
  <c r="D7966" i="5"/>
  <c r="D7965" i="5"/>
  <c r="D7964" i="5"/>
  <c r="D7963" i="5"/>
  <c r="D7962" i="5"/>
  <c r="D7961" i="5"/>
  <c r="D7960" i="5"/>
  <c r="D7959" i="5"/>
  <c r="D7958" i="5"/>
  <c r="D7957" i="5"/>
  <c r="D7956" i="5"/>
  <c r="D7955" i="5"/>
  <c r="D7954" i="5"/>
  <c r="D7953" i="5"/>
  <c r="D7952" i="5"/>
  <c r="D7951" i="5"/>
  <c r="D7950" i="5"/>
  <c r="D7949" i="5"/>
  <c r="D7948" i="5"/>
  <c r="D7947" i="5"/>
  <c r="D7946" i="5"/>
  <c r="D7945" i="5"/>
  <c r="D7944" i="5"/>
  <c r="D7943" i="5"/>
  <c r="D7942" i="5"/>
  <c r="D7941" i="5"/>
  <c r="D7940" i="5"/>
  <c r="D7939" i="5"/>
  <c r="D7938" i="5"/>
  <c r="D7937" i="5"/>
  <c r="D7936" i="5"/>
  <c r="D7935" i="5"/>
  <c r="D7934" i="5"/>
  <c r="D7933" i="5"/>
  <c r="D7932" i="5"/>
  <c r="D7931" i="5"/>
  <c r="D7930" i="5"/>
  <c r="D7929" i="5"/>
  <c r="D7928" i="5"/>
  <c r="D7927" i="5"/>
  <c r="D7926" i="5"/>
  <c r="D7925" i="5"/>
  <c r="D7924" i="5"/>
  <c r="D7923" i="5"/>
  <c r="D7922" i="5"/>
  <c r="D7921" i="5"/>
  <c r="D7920" i="5"/>
  <c r="D7919" i="5"/>
  <c r="D7918" i="5"/>
  <c r="D7917" i="5"/>
  <c r="D7916" i="5"/>
  <c r="D7915" i="5"/>
  <c r="D7914" i="5"/>
  <c r="D7913" i="5"/>
  <c r="D7912" i="5"/>
  <c r="D7911" i="5"/>
  <c r="D7910" i="5"/>
  <c r="D7909" i="5"/>
  <c r="D7908" i="5"/>
  <c r="D7907" i="5"/>
  <c r="D7906" i="5"/>
  <c r="D7905" i="5"/>
  <c r="D7904" i="5"/>
  <c r="D7903" i="5"/>
  <c r="D7902" i="5"/>
  <c r="D7901" i="5"/>
  <c r="D7900" i="5"/>
  <c r="D7899" i="5"/>
  <c r="D7898" i="5"/>
  <c r="D7897" i="5"/>
  <c r="D7896" i="5"/>
  <c r="D7895" i="5"/>
  <c r="D7894" i="5"/>
  <c r="D7893" i="5"/>
  <c r="D7892" i="5"/>
  <c r="D7891" i="5"/>
  <c r="D7890" i="5"/>
  <c r="D7889" i="5"/>
  <c r="D7888" i="5"/>
  <c r="D7887" i="5"/>
  <c r="D7886" i="5"/>
  <c r="D7885" i="5"/>
  <c r="D7884" i="5"/>
  <c r="D7883" i="5"/>
  <c r="D7882" i="5"/>
  <c r="D7881" i="5"/>
  <c r="D7880" i="5"/>
  <c r="D7879" i="5"/>
  <c r="D7878" i="5"/>
  <c r="D7877" i="5"/>
  <c r="D7876" i="5"/>
  <c r="D7875" i="5"/>
  <c r="D7874" i="5"/>
  <c r="D7873" i="5"/>
  <c r="D7872" i="5"/>
  <c r="D7871" i="5"/>
  <c r="D7870" i="5"/>
  <c r="D7869" i="5"/>
  <c r="D7868" i="5"/>
  <c r="D7867" i="5"/>
  <c r="D7866" i="5"/>
  <c r="D7865" i="5"/>
  <c r="D7864" i="5"/>
  <c r="D7863" i="5"/>
  <c r="D7862" i="5"/>
  <c r="D7861" i="5"/>
  <c r="D7860" i="5"/>
  <c r="D7859" i="5"/>
  <c r="D7858" i="5"/>
  <c r="D7857" i="5"/>
  <c r="D7856" i="5"/>
  <c r="D7855" i="5"/>
  <c r="D7854" i="5"/>
  <c r="D7853" i="5"/>
  <c r="D7852" i="5"/>
  <c r="D7851" i="5"/>
  <c r="D7850" i="5"/>
  <c r="D7849" i="5"/>
  <c r="D7848" i="5"/>
  <c r="D7847" i="5"/>
  <c r="D7846" i="5"/>
  <c r="D7845" i="5"/>
  <c r="D7844" i="5"/>
  <c r="D7843" i="5"/>
  <c r="D7842" i="5"/>
  <c r="D7841" i="5"/>
  <c r="D7840" i="5"/>
  <c r="D7839" i="5"/>
  <c r="D7838" i="5"/>
  <c r="D7837" i="5"/>
  <c r="D7836" i="5"/>
  <c r="D7835" i="5"/>
  <c r="D7834" i="5"/>
  <c r="D7833" i="5"/>
  <c r="D7832" i="5"/>
  <c r="D7831" i="5"/>
  <c r="D7830" i="5"/>
  <c r="D7829" i="5"/>
  <c r="D7828" i="5"/>
  <c r="D7827" i="5"/>
  <c r="D7826" i="5"/>
  <c r="D7825" i="5"/>
  <c r="D7824" i="5"/>
  <c r="D7823" i="5"/>
  <c r="D7822" i="5"/>
  <c r="D7821" i="5"/>
  <c r="D7820" i="5"/>
  <c r="D7819" i="5"/>
  <c r="D7818" i="5"/>
  <c r="D7817" i="5"/>
  <c r="D7816" i="5"/>
  <c r="D7815" i="5"/>
  <c r="D7814" i="5"/>
  <c r="D7813" i="5"/>
  <c r="D7812" i="5"/>
  <c r="D7811" i="5"/>
  <c r="D7810" i="5"/>
  <c r="D7809" i="5"/>
  <c r="D7808" i="5"/>
  <c r="D7807" i="5"/>
  <c r="D7806" i="5"/>
  <c r="D7805" i="5"/>
  <c r="D7804" i="5"/>
  <c r="D7803" i="5"/>
  <c r="D7802" i="5"/>
  <c r="D7801" i="5"/>
  <c r="D7800" i="5"/>
  <c r="D7799" i="5"/>
  <c r="D7798" i="5"/>
  <c r="D7797" i="5"/>
  <c r="D7796" i="5"/>
  <c r="D7795" i="5"/>
  <c r="D7794" i="5"/>
  <c r="D7793" i="5"/>
  <c r="D7792" i="5"/>
  <c r="D7791" i="5"/>
  <c r="D7790" i="5"/>
  <c r="D7789" i="5"/>
  <c r="D7788" i="5"/>
  <c r="D7787" i="5"/>
  <c r="D7786" i="5"/>
  <c r="D7785" i="5"/>
  <c r="D7784" i="5"/>
  <c r="D7783" i="5"/>
  <c r="D7782" i="5"/>
  <c r="D7781" i="5"/>
  <c r="D7780" i="5"/>
  <c r="D7779" i="5"/>
  <c r="D7778" i="5"/>
  <c r="D7777" i="5"/>
  <c r="D7776" i="5"/>
  <c r="D7775" i="5"/>
  <c r="D7774" i="5"/>
  <c r="D7773" i="5"/>
  <c r="D7772" i="5"/>
  <c r="D7771" i="5"/>
  <c r="D7770" i="5"/>
  <c r="D7769" i="5"/>
  <c r="D7768" i="5"/>
  <c r="D7767" i="5"/>
  <c r="D7766" i="5"/>
  <c r="D7765" i="5"/>
  <c r="D7764" i="5"/>
  <c r="D7763" i="5"/>
  <c r="D7762" i="5"/>
  <c r="D7761" i="5"/>
  <c r="D7760" i="5"/>
  <c r="D7759" i="5"/>
  <c r="D7758" i="5"/>
  <c r="D7757" i="5"/>
  <c r="D7756" i="5"/>
  <c r="D7755" i="5"/>
  <c r="D7754" i="5"/>
  <c r="D7753" i="5"/>
  <c r="D7752" i="5"/>
  <c r="D7751" i="5"/>
  <c r="D7750" i="5"/>
  <c r="D7749" i="5"/>
  <c r="D7748" i="5"/>
  <c r="D7747" i="5"/>
  <c r="D7746" i="5"/>
  <c r="D7745" i="5"/>
  <c r="D7744" i="5"/>
  <c r="D7743" i="5"/>
  <c r="D7742" i="5"/>
  <c r="D7741" i="5"/>
  <c r="D7740" i="5"/>
  <c r="D7739" i="5"/>
  <c r="D7738" i="5"/>
  <c r="D7737" i="5"/>
  <c r="D7736" i="5"/>
  <c r="D7735" i="5"/>
  <c r="D7734" i="5"/>
  <c r="D7733" i="5"/>
  <c r="D7732" i="5"/>
  <c r="D7731" i="5"/>
  <c r="D7730" i="5"/>
  <c r="D7729" i="5"/>
  <c r="D7728" i="5"/>
  <c r="D7727" i="5"/>
  <c r="D7726" i="5"/>
  <c r="D7725" i="5"/>
  <c r="D7724" i="5"/>
  <c r="D7723" i="5"/>
  <c r="D7722" i="5"/>
  <c r="D7721" i="5"/>
  <c r="D7720" i="5"/>
  <c r="D7719" i="5"/>
  <c r="D7718" i="5"/>
  <c r="D7717" i="5"/>
  <c r="D7716" i="5"/>
  <c r="D7715" i="5"/>
  <c r="D7714" i="5"/>
  <c r="D7713" i="5"/>
  <c r="D7712" i="5"/>
  <c r="D7711" i="5"/>
  <c r="D7710" i="5"/>
  <c r="D7709" i="5"/>
  <c r="D7708" i="5"/>
  <c r="D7707" i="5"/>
  <c r="D7706" i="5"/>
  <c r="D7705" i="5"/>
  <c r="D7704" i="5"/>
  <c r="D7703" i="5"/>
  <c r="D7702" i="5"/>
  <c r="D7701" i="5"/>
  <c r="D7700" i="5"/>
  <c r="D7699" i="5"/>
  <c r="D7698" i="5"/>
  <c r="D7697" i="5"/>
  <c r="D7696" i="5"/>
  <c r="D7695" i="5"/>
  <c r="D7694" i="5"/>
  <c r="D7693" i="5"/>
  <c r="D7692" i="5"/>
  <c r="D7691" i="5"/>
  <c r="D7690" i="5"/>
  <c r="D7689" i="5"/>
  <c r="D7688" i="5"/>
  <c r="D7687" i="5"/>
  <c r="D7686" i="5"/>
  <c r="D7685" i="5"/>
  <c r="D7684" i="5"/>
  <c r="D7683" i="5"/>
  <c r="D7682" i="5"/>
  <c r="D7681" i="5"/>
  <c r="D7680" i="5"/>
  <c r="D7679" i="5"/>
  <c r="D7678" i="5"/>
  <c r="D7677" i="5"/>
  <c r="D7676" i="5"/>
  <c r="D7675" i="5"/>
  <c r="D7674" i="5"/>
  <c r="D7673" i="5"/>
  <c r="D7672" i="5"/>
  <c r="D7671" i="5"/>
  <c r="D7670" i="5"/>
  <c r="D7669" i="5"/>
  <c r="D7668" i="5"/>
  <c r="D7667" i="5"/>
  <c r="D7666" i="5"/>
  <c r="D7665" i="5"/>
  <c r="D7664" i="5"/>
  <c r="D7663" i="5"/>
  <c r="D7662" i="5"/>
  <c r="D7661" i="5"/>
  <c r="D7660" i="5"/>
  <c r="D7659" i="5"/>
  <c r="D7658" i="5"/>
  <c r="D7657" i="5"/>
  <c r="D7656" i="5"/>
  <c r="D7655" i="5"/>
  <c r="D7654" i="5"/>
  <c r="D7653" i="5"/>
  <c r="D7652" i="5"/>
  <c r="D7651" i="5"/>
  <c r="D7650" i="5"/>
  <c r="D7649" i="5"/>
  <c r="D7648" i="5"/>
  <c r="D7647" i="5"/>
  <c r="D7646" i="5"/>
  <c r="D7645" i="5"/>
  <c r="D7644" i="5"/>
  <c r="D7643" i="5"/>
  <c r="D7642" i="5"/>
  <c r="D7641" i="5"/>
  <c r="D7640" i="5"/>
  <c r="D7639" i="5"/>
  <c r="D7638" i="5"/>
  <c r="D7637" i="5"/>
  <c r="D7636" i="5"/>
  <c r="D7635" i="5"/>
  <c r="D7634" i="5"/>
  <c r="D7633" i="5"/>
  <c r="D7632" i="5"/>
  <c r="D7631" i="5"/>
  <c r="D7630" i="5"/>
  <c r="D7629" i="5"/>
  <c r="D7628" i="5"/>
  <c r="D7627" i="5"/>
  <c r="D7626" i="5"/>
  <c r="D7625" i="5"/>
  <c r="D7624" i="5"/>
  <c r="D7623" i="5"/>
  <c r="D7622" i="5"/>
  <c r="D7621" i="5"/>
  <c r="D7620" i="5"/>
  <c r="D7619" i="5"/>
  <c r="D7618" i="5"/>
  <c r="D7617" i="5"/>
  <c r="D7616" i="5"/>
  <c r="D7615" i="5"/>
  <c r="D7614" i="5"/>
  <c r="D7613" i="5"/>
  <c r="D7612" i="5"/>
  <c r="D7611" i="5"/>
  <c r="D7610" i="5"/>
  <c r="D7609" i="5"/>
  <c r="D7608" i="5"/>
  <c r="D7607" i="5"/>
  <c r="D7606" i="5"/>
  <c r="D7605" i="5"/>
  <c r="D7604" i="5"/>
  <c r="D7603" i="5"/>
  <c r="D7602" i="5"/>
  <c r="D7601" i="5"/>
  <c r="D7600" i="5"/>
  <c r="D7599" i="5"/>
  <c r="D7598" i="5"/>
  <c r="D7597" i="5"/>
  <c r="D7596" i="5"/>
  <c r="D7595" i="5"/>
  <c r="D7594" i="5"/>
  <c r="D7593" i="5"/>
  <c r="D7592" i="5"/>
  <c r="D7591" i="5"/>
  <c r="D7590" i="5"/>
  <c r="D7589" i="5"/>
  <c r="D7588" i="5"/>
  <c r="D7587" i="5"/>
  <c r="D7586" i="5"/>
  <c r="D7585" i="5"/>
  <c r="D7584" i="5"/>
  <c r="D7583" i="5"/>
  <c r="D7582" i="5"/>
  <c r="D7581" i="5"/>
  <c r="D7580" i="5"/>
  <c r="D7579" i="5"/>
  <c r="D7578" i="5"/>
  <c r="D7577" i="5"/>
  <c r="D7576" i="5"/>
  <c r="D7575" i="5"/>
  <c r="D7574" i="5"/>
  <c r="D7573" i="5"/>
  <c r="D7572" i="5"/>
  <c r="D7571" i="5"/>
  <c r="D7570" i="5"/>
  <c r="D7569" i="5"/>
  <c r="D7568" i="5"/>
  <c r="D7567" i="5"/>
  <c r="D7566" i="5"/>
  <c r="D7565" i="5"/>
  <c r="D7564" i="5"/>
  <c r="D7563" i="5"/>
  <c r="D7562" i="5"/>
  <c r="D7561" i="5"/>
  <c r="D7560" i="5"/>
  <c r="D7559" i="5"/>
  <c r="D7558" i="5"/>
  <c r="D7557" i="5"/>
  <c r="D7556" i="5"/>
  <c r="D7555" i="5"/>
  <c r="D7554" i="5"/>
  <c r="D7553" i="5"/>
  <c r="D7552" i="5"/>
  <c r="D7551" i="5"/>
  <c r="D7550" i="5"/>
  <c r="D7549" i="5"/>
  <c r="D7548" i="5"/>
  <c r="D7547" i="5"/>
  <c r="D7546" i="5"/>
  <c r="D7545" i="5"/>
  <c r="D7544" i="5"/>
  <c r="D7543" i="5"/>
  <c r="D7542" i="5"/>
  <c r="D7541" i="5"/>
  <c r="D7540" i="5"/>
  <c r="D7539" i="5"/>
  <c r="D7538" i="5"/>
  <c r="D7537" i="5"/>
  <c r="D7536" i="5"/>
  <c r="D7535" i="5"/>
  <c r="D7534" i="5"/>
  <c r="D7533" i="5"/>
  <c r="D7532" i="5"/>
  <c r="D7531" i="5"/>
  <c r="D7530" i="5"/>
  <c r="D7529" i="5"/>
  <c r="D7528" i="5"/>
  <c r="D7527" i="5"/>
  <c r="D7526" i="5"/>
  <c r="D7525" i="5"/>
  <c r="D7524" i="5"/>
  <c r="D7523" i="5"/>
  <c r="D7522" i="5"/>
  <c r="D7521" i="5"/>
  <c r="D7520" i="5"/>
  <c r="D7519" i="5"/>
  <c r="D7518" i="5"/>
  <c r="D7517" i="5"/>
  <c r="D7516" i="5"/>
  <c r="D7515" i="5"/>
  <c r="D7514" i="5"/>
  <c r="D7513" i="5"/>
  <c r="D7512" i="5"/>
  <c r="D7511" i="5"/>
  <c r="D7510" i="5"/>
  <c r="D7509" i="5"/>
  <c r="D7508" i="5"/>
  <c r="D7507" i="5"/>
  <c r="D7506" i="5"/>
  <c r="D7505" i="5"/>
  <c r="D7504" i="5"/>
  <c r="D7503" i="5"/>
  <c r="D7502" i="5"/>
  <c r="D7501" i="5"/>
  <c r="D7500" i="5"/>
  <c r="D7499" i="5"/>
  <c r="D7498" i="5"/>
  <c r="D7497" i="5"/>
  <c r="D7496" i="5"/>
  <c r="D7495" i="5"/>
  <c r="D7494" i="5"/>
  <c r="D7493" i="5"/>
  <c r="D7492" i="5"/>
  <c r="D7491" i="5"/>
  <c r="D7490" i="5"/>
  <c r="D7489" i="5"/>
  <c r="D7488" i="5"/>
  <c r="D7487" i="5"/>
  <c r="D7486" i="5"/>
  <c r="D7485" i="5"/>
  <c r="D7484" i="5"/>
  <c r="D7483" i="5"/>
  <c r="D7482" i="5"/>
  <c r="D7481" i="5"/>
  <c r="D7480" i="5"/>
  <c r="D7479" i="5"/>
  <c r="D7478" i="5"/>
  <c r="D7477" i="5"/>
  <c r="D7476" i="5"/>
  <c r="D7475" i="5"/>
  <c r="D7474" i="5"/>
  <c r="D7473" i="5"/>
  <c r="D7472" i="5"/>
  <c r="D7471" i="5"/>
  <c r="D7470" i="5"/>
  <c r="D7469" i="5"/>
  <c r="D7468" i="5"/>
  <c r="D7467" i="5"/>
  <c r="D7466" i="5"/>
  <c r="D7465" i="5"/>
  <c r="D7464" i="5"/>
  <c r="D7463" i="5"/>
  <c r="D7462" i="5"/>
  <c r="D7461" i="5"/>
  <c r="D7460" i="5"/>
  <c r="D7459" i="5"/>
  <c r="D7458" i="5"/>
  <c r="D7457" i="5"/>
  <c r="D7456" i="5"/>
  <c r="D7455" i="5"/>
  <c r="D7454" i="5"/>
  <c r="D7453" i="5"/>
  <c r="D7452" i="5"/>
  <c r="D7451" i="5"/>
  <c r="D7450" i="5"/>
  <c r="D7449" i="5"/>
  <c r="D7448" i="5"/>
  <c r="D7447" i="5"/>
  <c r="D7446" i="5"/>
  <c r="D7445" i="5"/>
  <c r="D7444" i="5"/>
  <c r="D7443" i="5"/>
  <c r="D7442" i="5"/>
  <c r="D7441" i="5"/>
  <c r="D7440" i="5"/>
  <c r="D7439" i="5"/>
  <c r="D7438" i="5"/>
  <c r="D7437" i="5"/>
  <c r="D7436" i="5"/>
  <c r="D7435" i="5"/>
  <c r="D7434" i="5"/>
  <c r="D7433" i="5"/>
  <c r="D7432" i="5"/>
  <c r="D7431" i="5"/>
  <c r="D7430" i="5"/>
  <c r="D7429" i="5"/>
  <c r="D7428" i="5"/>
  <c r="D7427" i="5"/>
  <c r="D7426" i="5"/>
  <c r="D7425" i="5"/>
  <c r="D7424" i="5"/>
  <c r="D7423" i="5"/>
  <c r="D7422" i="5"/>
  <c r="D7421" i="5"/>
  <c r="D7420" i="5"/>
  <c r="D7419" i="5"/>
  <c r="D7418" i="5"/>
  <c r="D7417" i="5"/>
  <c r="D7416" i="5"/>
  <c r="D7415" i="5"/>
  <c r="D7414" i="5"/>
  <c r="D7413" i="5"/>
  <c r="D7412" i="5"/>
  <c r="D7411" i="5"/>
  <c r="D7410" i="5"/>
  <c r="D7409" i="5"/>
  <c r="D7408" i="5"/>
  <c r="D7407" i="5"/>
  <c r="D7406" i="5"/>
  <c r="D7405" i="5"/>
  <c r="D7404" i="5"/>
  <c r="D7403" i="5"/>
  <c r="D7402" i="5"/>
  <c r="D7401" i="5"/>
  <c r="D7400" i="5"/>
  <c r="D7399" i="5"/>
  <c r="D7398" i="5"/>
  <c r="D7397" i="5"/>
  <c r="D7396" i="5"/>
  <c r="D7395" i="5"/>
  <c r="D7394" i="5"/>
  <c r="D7393" i="5"/>
  <c r="D7392" i="5"/>
  <c r="D7391" i="5"/>
  <c r="D7390" i="5"/>
  <c r="D7389" i="5"/>
  <c r="D7388" i="5"/>
  <c r="D7387" i="5"/>
  <c r="D7386" i="5"/>
  <c r="D7385" i="5"/>
  <c r="D7384" i="5"/>
  <c r="D7383" i="5"/>
  <c r="D7382" i="5"/>
  <c r="D7381" i="5"/>
  <c r="D7380" i="5"/>
  <c r="D7379" i="5"/>
  <c r="D7378" i="5"/>
  <c r="D7377" i="5"/>
  <c r="D7376" i="5"/>
  <c r="D7375" i="5"/>
  <c r="D7374" i="5"/>
  <c r="D7373" i="5"/>
  <c r="D7372" i="5"/>
  <c r="D7371" i="5"/>
  <c r="D7370" i="5"/>
  <c r="D7369" i="5"/>
  <c r="D7368" i="5"/>
  <c r="D7367" i="5"/>
  <c r="D7366" i="5"/>
  <c r="D7365" i="5"/>
  <c r="D7364" i="5"/>
  <c r="D7363" i="5"/>
  <c r="D7362" i="5"/>
  <c r="D7361" i="5"/>
  <c r="D7360" i="5"/>
  <c r="D7359" i="5"/>
  <c r="D7358" i="5"/>
  <c r="D7357" i="5"/>
  <c r="D7356" i="5"/>
  <c r="D7355" i="5"/>
  <c r="D7354" i="5"/>
  <c r="D7353" i="5"/>
  <c r="D7352" i="5"/>
  <c r="D7351" i="5"/>
  <c r="D7350" i="5"/>
  <c r="D7349" i="5"/>
  <c r="D7348" i="5"/>
  <c r="D7347" i="5"/>
  <c r="D7346" i="5"/>
  <c r="D7345" i="5"/>
  <c r="D7344" i="5"/>
  <c r="D7343" i="5"/>
  <c r="D7342" i="5"/>
  <c r="D7341" i="5"/>
  <c r="D7340" i="5"/>
  <c r="D7339" i="5"/>
  <c r="D7338" i="5"/>
  <c r="D7337" i="5"/>
  <c r="D7336" i="5"/>
  <c r="D7335" i="5"/>
  <c r="D7334" i="5"/>
  <c r="D7333" i="5"/>
  <c r="D7332" i="5"/>
  <c r="D7331" i="5"/>
  <c r="D7330" i="5"/>
  <c r="D7329" i="5"/>
  <c r="D7328" i="5"/>
  <c r="D7327" i="5"/>
  <c r="D7326" i="5"/>
  <c r="D7325" i="5"/>
  <c r="D7324" i="5"/>
  <c r="D7323" i="5"/>
  <c r="D7322" i="5"/>
  <c r="D7321" i="5"/>
  <c r="D7320" i="5"/>
  <c r="D7319" i="5"/>
  <c r="D7318" i="5"/>
  <c r="D7317" i="5"/>
  <c r="D7316" i="5"/>
  <c r="D7315" i="5"/>
  <c r="D7314" i="5"/>
  <c r="D7313" i="5"/>
  <c r="D7312" i="5"/>
  <c r="D7311" i="5"/>
  <c r="D7310" i="5"/>
  <c r="D7309" i="5"/>
  <c r="D7308" i="5"/>
  <c r="D7307" i="5"/>
  <c r="D7306" i="5"/>
  <c r="D7305" i="5"/>
  <c r="D7304" i="5"/>
  <c r="D7303" i="5"/>
  <c r="D7302" i="5"/>
  <c r="D7301" i="5"/>
  <c r="D7300" i="5"/>
  <c r="D7299" i="5"/>
  <c r="D7298" i="5"/>
  <c r="D7297" i="5"/>
  <c r="D7296" i="5"/>
  <c r="D7295" i="5"/>
  <c r="D7294" i="5"/>
  <c r="D7293" i="5"/>
  <c r="D7292" i="5"/>
  <c r="D7291" i="5"/>
  <c r="D7290" i="5"/>
  <c r="D7289" i="5"/>
  <c r="D7288" i="5"/>
  <c r="D7287" i="5"/>
  <c r="D7286" i="5"/>
  <c r="D7285" i="5"/>
  <c r="D7284" i="5"/>
  <c r="D7283" i="5"/>
  <c r="D7282" i="5"/>
  <c r="D7281" i="5"/>
  <c r="D7280" i="5"/>
  <c r="D7279" i="5"/>
  <c r="D7278" i="5"/>
  <c r="D7277" i="5"/>
  <c r="D7276" i="5"/>
  <c r="D7275" i="5"/>
  <c r="D7274" i="5"/>
  <c r="D7273" i="5"/>
  <c r="D7272" i="5"/>
  <c r="D7271" i="5"/>
  <c r="D7270" i="5"/>
  <c r="D7269" i="5"/>
  <c r="D7268" i="5"/>
  <c r="D7267" i="5"/>
  <c r="D7266" i="5"/>
  <c r="D7265" i="5"/>
  <c r="D7264" i="5"/>
  <c r="D7263" i="5"/>
  <c r="D7262" i="5"/>
  <c r="D7261" i="5"/>
  <c r="D7260" i="5"/>
  <c r="D7259" i="5"/>
  <c r="D7258" i="5"/>
  <c r="D7257" i="5"/>
  <c r="D7256" i="5"/>
  <c r="D7255" i="5"/>
  <c r="D7254" i="5"/>
  <c r="D7253" i="5"/>
  <c r="D7252" i="5"/>
  <c r="D7251" i="5"/>
  <c r="D7250" i="5"/>
  <c r="D7249" i="5"/>
  <c r="D7248" i="5"/>
  <c r="D7247" i="5"/>
  <c r="D7246" i="5"/>
  <c r="D7245" i="5"/>
  <c r="D7244" i="5"/>
  <c r="D7243" i="5"/>
  <c r="D7242" i="5"/>
  <c r="D7241" i="5"/>
  <c r="D7240" i="5"/>
  <c r="D7239" i="5"/>
  <c r="D7238" i="5"/>
  <c r="D7237" i="5"/>
  <c r="D7236" i="5"/>
  <c r="D7235" i="5"/>
  <c r="D7234" i="5"/>
  <c r="D7233" i="5"/>
  <c r="D7232" i="5"/>
  <c r="D7231" i="5"/>
  <c r="D7230" i="5"/>
  <c r="D7229" i="5"/>
  <c r="D7228" i="5"/>
  <c r="D7227" i="5"/>
  <c r="D7226" i="5"/>
  <c r="D7225" i="5"/>
  <c r="D7224" i="5"/>
  <c r="D7223" i="5"/>
  <c r="D7222" i="5"/>
  <c r="D7221" i="5"/>
  <c r="D7220" i="5"/>
  <c r="D7219" i="5"/>
  <c r="D7218" i="5"/>
  <c r="D7217" i="5"/>
  <c r="D7216" i="5"/>
  <c r="D7215" i="5"/>
  <c r="D7214" i="5"/>
  <c r="D7213" i="5"/>
  <c r="D7212" i="5"/>
  <c r="D7211" i="5"/>
  <c r="D7210" i="5"/>
  <c r="D7209" i="5"/>
  <c r="D7208" i="5"/>
  <c r="D7207" i="5"/>
  <c r="D7206" i="5"/>
  <c r="D7205" i="5"/>
  <c r="D7204" i="5"/>
  <c r="D7203" i="5"/>
  <c r="D7202" i="5"/>
  <c r="D7201" i="5"/>
  <c r="D7200" i="5"/>
  <c r="D7199" i="5"/>
  <c r="D7198" i="5"/>
  <c r="D7197" i="5"/>
  <c r="D7196" i="5"/>
  <c r="D7195" i="5"/>
  <c r="D7194" i="5"/>
  <c r="D7193" i="5"/>
  <c r="D7192" i="5"/>
  <c r="D7191" i="5"/>
  <c r="D7190" i="5"/>
  <c r="D7189" i="5"/>
  <c r="D7188" i="5"/>
  <c r="D7187" i="5"/>
  <c r="D7186" i="5"/>
  <c r="D7185" i="5"/>
  <c r="D7184" i="5"/>
  <c r="D7183" i="5"/>
  <c r="D7182" i="5"/>
  <c r="D7181" i="5"/>
  <c r="D7180" i="5"/>
  <c r="D7179" i="5"/>
  <c r="D7178" i="5"/>
  <c r="D7177" i="5"/>
  <c r="D7176" i="5"/>
  <c r="D7175" i="5"/>
  <c r="D7174" i="5"/>
  <c r="D7173" i="5"/>
  <c r="D7172" i="5"/>
  <c r="D7171" i="5"/>
  <c r="D7170" i="5"/>
  <c r="D7169" i="5"/>
  <c r="D7168" i="5"/>
  <c r="D7167" i="5"/>
  <c r="D7166" i="5"/>
  <c r="D7165" i="5"/>
  <c r="D7164" i="5"/>
  <c r="D7163" i="5"/>
  <c r="D7162" i="5"/>
  <c r="D7161" i="5"/>
  <c r="D7160" i="5"/>
  <c r="D7159" i="5"/>
  <c r="D7158" i="5"/>
  <c r="D7157" i="5"/>
  <c r="D7156" i="5"/>
  <c r="D7155" i="5"/>
  <c r="D7154" i="5"/>
  <c r="D7153" i="5"/>
  <c r="D7152" i="5"/>
  <c r="D7151" i="5"/>
  <c r="D7150" i="5"/>
  <c r="D7149" i="5"/>
  <c r="D7148" i="5"/>
  <c r="D7147" i="5"/>
  <c r="D7146" i="5"/>
  <c r="D7145" i="5"/>
  <c r="D7144" i="5"/>
  <c r="D7143" i="5"/>
  <c r="D7142" i="5"/>
  <c r="D7141" i="5"/>
  <c r="D7140" i="5"/>
  <c r="D7139" i="5"/>
  <c r="D7138" i="5"/>
  <c r="D7137" i="5"/>
  <c r="D7136" i="5"/>
  <c r="D7135" i="5"/>
  <c r="D7134" i="5"/>
  <c r="D7133" i="5"/>
  <c r="D7132" i="5"/>
  <c r="D7131" i="5"/>
  <c r="D7130" i="5"/>
  <c r="D7129" i="5"/>
  <c r="D7128" i="5"/>
  <c r="D7127" i="5"/>
  <c r="D7126" i="5"/>
  <c r="D7125" i="5"/>
  <c r="D7124" i="5"/>
  <c r="D7123" i="5"/>
  <c r="D7122" i="5"/>
  <c r="D7121" i="5"/>
  <c r="D7120" i="5"/>
  <c r="D7119" i="5"/>
  <c r="D7118" i="5"/>
  <c r="D7117" i="5"/>
  <c r="D7116" i="5"/>
  <c r="D7115" i="5"/>
  <c r="D7114" i="5"/>
  <c r="D7113" i="5"/>
  <c r="D7112" i="5"/>
  <c r="D7111" i="5"/>
  <c r="D7110" i="5"/>
  <c r="D7109" i="5"/>
  <c r="D7108" i="5"/>
  <c r="D7107" i="5"/>
  <c r="D7106" i="5"/>
  <c r="D7105" i="5"/>
  <c r="D7104" i="5"/>
  <c r="D7103" i="5"/>
  <c r="D7102" i="5"/>
  <c r="D7101" i="5"/>
  <c r="D7100" i="5"/>
  <c r="D7099" i="5"/>
  <c r="D7098" i="5"/>
  <c r="D7097" i="5"/>
  <c r="D7096" i="5"/>
  <c r="D7095" i="5"/>
  <c r="D7094" i="5"/>
  <c r="D7093" i="5"/>
  <c r="D7092" i="5"/>
  <c r="D7091" i="5"/>
  <c r="D7090" i="5"/>
  <c r="D7089" i="5"/>
  <c r="D7088" i="5"/>
  <c r="D7087" i="5"/>
  <c r="D7086" i="5"/>
  <c r="D7085" i="5"/>
  <c r="D7084" i="5"/>
  <c r="D7083" i="5"/>
  <c r="D7082" i="5"/>
  <c r="D7081" i="5"/>
  <c r="D7080" i="5"/>
  <c r="D7079" i="5"/>
  <c r="D7078" i="5"/>
  <c r="D7077" i="5"/>
  <c r="D7076" i="5"/>
  <c r="D7075" i="5"/>
  <c r="D7074" i="5"/>
  <c r="D7073" i="5"/>
  <c r="D7072" i="5"/>
  <c r="D7071" i="5"/>
  <c r="D7070" i="5"/>
  <c r="D7069" i="5"/>
  <c r="D7068" i="5"/>
  <c r="D7067" i="5"/>
  <c r="D7066" i="5"/>
  <c r="D7065" i="5"/>
  <c r="D7064" i="5"/>
  <c r="D7063" i="5"/>
  <c r="D7062" i="5"/>
  <c r="D7061" i="5"/>
  <c r="D7060" i="5"/>
  <c r="D7059" i="5"/>
  <c r="D7058" i="5"/>
  <c r="D7057" i="5"/>
  <c r="D7056" i="5"/>
  <c r="D7055" i="5"/>
  <c r="D7054" i="5"/>
  <c r="D7053" i="5"/>
  <c r="D7052" i="5"/>
  <c r="D7051" i="5"/>
  <c r="D7050" i="5"/>
  <c r="D7049" i="5"/>
  <c r="D7048" i="5"/>
  <c r="D7047" i="5"/>
  <c r="D7046" i="5"/>
  <c r="D7045" i="5"/>
  <c r="D7044" i="5"/>
  <c r="D7043" i="5"/>
  <c r="D7042" i="5"/>
  <c r="D7041" i="5"/>
  <c r="D7040" i="5"/>
  <c r="D7039" i="5"/>
  <c r="D7038" i="5"/>
  <c r="D7037" i="5"/>
  <c r="D7036" i="5"/>
  <c r="D7035" i="5"/>
  <c r="D7034" i="5"/>
  <c r="D7033" i="5"/>
  <c r="D7032" i="5"/>
  <c r="D7031" i="5"/>
  <c r="D7030" i="5"/>
  <c r="D7029" i="5"/>
  <c r="D7028" i="5"/>
  <c r="D7027" i="5"/>
  <c r="D7026" i="5"/>
  <c r="D7025" i="5"/>
  <c r="D7024" i="5"/>
  <c r="D7023" i="5"/>
  <c r="D7022" i="5"/>
  <c r="D7021" i="5"/>
  <c r="D7020" i="5"/>
  <c r="D7019" i="5"/>
  <c r="D7018" i="5"/>
  <c r="D7017" i="5"/>
  <c r="D7016" i="5"/>
  <c r="D7015" i="5"/>
  <c r="D7014" i="5"/>
  <c r="D7013" i="5"/>
  <c r="D7012" i="5"/>
  <c r="D7011" i="5"/>
  <c r="D7010" i="5"/>
  <c r="D7009" i="5"/>
  <c r="D7008" i="5"/>
  <c r="D7007" i="5"/>
  <c r="D7006" i="5"/>
  <c r="D7005" i="5"/>
  <c r="D7004" i="5"/>
  <c r="D7003" i="5"/>
  <c r="D7002" i="5"/>
  <c r="D7001" i="5"/>
  <c r="D7000" i="5"/>
  <c r="D6999" i="5"/>
  <c r="D6998" i="5"/>
  <c r="D6997" i="5"/>
  <c r="D6996" i="5"/>
  <c r="D6995" i="5"/>
  <c r="D6994" i="5"/>
  <c r="D6993" i="5"/>
  <c r="D6992" i="5"/>
  <c r="D6991" i="5"/>
  <c r="D6990" i="5"/>
  <c r="D6989" i="5"/>
  <c r="D6988" i="5"/>
  <c r="D6987" i="5"/>
  <c r="D6986" i="5"/>
  <c r="D6985" i="5"/>
  <c r="D6984" i="5"/>
  <c r="D6983" i="5"/>
  <c r="D6982" i="5"/>
  <c r="D6981" i="5"/>
  <c r="D6980" i="5"/>
  <c r="D6979" i="5"/>
  <c r="D6978" i="5"/>
  <c r="D6977" i="5"/>
  <c r="D6976" i="5"/>
  <c r="D6975" i="5"/>
  <c r="D6974" i="5"/>
  <c r="D6973" i="5"/>
  <c r="D6972" i="5"/>
  <c r="D6971" i="5"/>
  <c r="D6970" i="5"/>
  <c r="D6969" i="5"/>
  <c r="D6968" i="5"/>
  <c r="D6967" i="5"/>
  <c r="D6966" i="5"/>
  <c r="D6965" i="5"/>
  <c r="D6964" i="5"/>
  <c r="D6963" i="5"/>
  <c r="D6962" i="5"/>
  <c r="D6961" i="5"/>
  <c r="D6960" i="5"/>
  <c r="D6959" i="5"/>
  <c r="D6958" i="5"/>
  <c r="D6957" i="5"/>
  <c r="D6956" i="5"/>
  <c r="D6955" i="5"/>
  <c r="D6954" i="5"/>
  <c r="D6953" i="5"/>
  <c r="D6952" i="5"/>
  <c r="D6951" i="5"/>
  <c r="D6950" i="5"/>
  <c r="D6949" i="5"/>
  <c r="D6948" i="5"/>
  <c r="D6947" i="5"/>
  <c r="D6946" i="5"/>
  <c r="D6945" i="5"/>
  <c r="D6944" i="5"/>
  <c r="D6943" i="5"/>
  <c r="D6942" i="5"/>
  <c r="D6941" i="5"/>
  <c r="D6940" i="5"/>
  <c r="D6939" i="5"/>
  <c r="D6938" i="5"/>
  <c r="D6937" i="5"/>
  <c r="D6936" i="5"/>
  <c r="D6935" i="5"/>
  <c r="D6934" i="5"/>
  <c r="D6933" i="5"/>
  <c r="D6932" i="5"/>
  <c r="D6931" i="5"/>
  <c r="D6930" i="5"/>
  <c r="D6929" i="5"/>
  <c r="D6928" i="5"/>
  <c r="D6927" i="5"/>
  <c r="D6926" i="5"/>
  <c r="D6925" i="5"/>
  <c r="D6924" i="5"/>
  <c r="D6923" i="5"/>
  <c r="D6922" i="5"/>
  <c r="D6921" i="5"/>
  <c r="D6920" i="5"/>
  <c r="D6919" i="5"/>
  <c r="D6918" i="5"/>
  <c r="D6917" i="5"/>
  <c r="D6916" i="5"/>
  <c r="D6915" i="5"/>
  <c r="D6914" i="5"/>
  <c r="D6913" i="5"/>
  <c r="D6912" i="5"/>
  <c r="D6911" i="5"/>
  <c r="D6910" i="5"/>
  <c r="D6909" i="5"/>
  <c r="D6908" i="5"/>
  <c r="D6907" i="5"/>
  <c r="D6906" i="5"/>
  <c r="D6905" i="5"/>
  <c r="D6904" i="5"/>
  <c r="D6903" i="5"/>
  <c r="D6902" i="5"/>
  <c r="D6901" i="5"/>
  <c r="D6900" i="5"/>
  <c r="D6899" i="5"/>
  <c r="D6898" i="5"/>
  <c r="D6897" i="5"/>
  <c r="D6896" i="5"/>
  <c r="D6895" i="5"/>
  <c r="D6894" i="5"/>
  <c r="D6893" i="5"/>
  <c r="D6892" i="5"/>
  <c r="D6891" i="5"/>
  <c r="D6890" i="5"/>
  <c r="D6889" i="5"/>
  <c r="D6888" i="5"/>
  <c r="D6887" i="5"/>
  <c r="D6886" i="5"/>
  <c r="D6885" i="5"/>
  <c r="D6884" i="5"/>
  <c r="D6883" i="5"/>
  <c r="D6882" i="5"/>
  <c r="D6881" i="5"/>
  <c r="D6880" i="5"/>
  <c r="D6879" i="5"/>
  <c r="D6878" i="5"/>
  <c r="D6877" i="5"/>
  <c r="D6876" i="5"/>
  <c r="D6875" i="5"/>
  <c r="D6874" i="5"/>
  <c r="D6873" i="5"/>
  <c r="D6872" i="5"/>
  <c r="D6871" i="5"/>
  <c r="D6870" i="5"/>
  <c r="D6869" i="5"/>
  <c r="D6868" i="5"/>
  <c r="D6867" i="5"/>
  <c r="D6866" i="5"/>
  <c r="D6865" i="5"/>
  <c r="D6864" i="5"/>
  <c r="D6863" i="5"/>
  <c r="D6862" i="5"/>
  <c r="D6861" i="5"/>
  <c r="D6860" i="5"/>
  <c r="D6859" i="5"/>
  <c r="D6858" i="5"/>
  <c r="D6857" i="5"/>
  <c r="D6856" i="5"/>
  <c r="D6855" i="5"/>
  <c r="D6854" i="5"/>
  <c r="D6853" i="5"/>
  <c r="D6852" i="5"/>
  <c r="D6851" i="5"/>
  <c r="D6850" i="5"/>
  <c r="D6849" i="5"/>
  <c r="D6848" i="5"/>
  <c r="D6847" i="5"/>
  <c r="D6846" i="5"/>
  <c r="D6845" i="5"/>
  <c r="D6844" i="5"/>
  <c r="D6843" i="5"/>
  <c r="D6842" i="5"/>
  <c r="D6841" i="5"/>
  <c r="D6840" i="5"/>
  <c r="D6839" i="5"/>
  <c r="D6838" i="5"/>
  <c r="D6837" i="5"/>
  <c r="D6836" i="5"/>
  <c r="D6835" i="5"/>
  <c r="D6834" i="5"/>
  <c r="D6833" i="5"/>
  <c r="D6832" i="5"/>
  <c r="D6831" i="5"/>
  <c r="D6830" i="5"/>
  <c r="D6829" i="5"/>
  <c r="D6828" i="5"/>
  <c r="D6827" i="5"/>
  <c r="D6826" i="5"/>
  <c r="D6825" i="5"/>
  <c r="D6824" i="5"/>
  <c r="D6823" i="5"/>
  <c r="D6822" i="5"/>
  <c r="D6821" i="5"/>
  <c r="D6820" i="5"/>
  <c r="D6819" i="5"/>
  <c r="D6818" i="5"/>
  <c r="D6817" i="5"/>
  <c r="D6816" i="5"/>
  <c r="D6815" i="5"/>
  <c r="D6814" i="5"/>
  <c r="D6813" i="5"/>
  <c r="D6812" i="5"/>
  <c r="D6811" i="5"/>
  <c r="D6810" i="5"/>
  <c r="D6809" i="5"/>
  <c r="D6808" i="5"/>
  <c r="D6807" i="5"/>
  <c r="D6806" i="5"/>
  <c r="D6805" i="5"/>
  <c r="D6804" i="5"/>
  <c r="D6803" i="5"/>
  <c r="D6802" i="5"/>
  <c r="D6801" i="5"/>
  <c r="D6800" i="5"/>
  <c r="D6799" i="5"/>
  <c r="D6798" i="5"/>
  <c r="D6797" i="5"/>
  <c r="D6796" i="5"/>
  <c r="D6795" i="5"/>
  <c r="D6794" i="5"/>
  <c r="D6793" i="5"/>
  <c r="D6792" i="5"/>
  <c r="D6791" i="5"/>
  <c r="D6790" i="5"/>
  <c r="D6789" i="5"/>
  <c r="D6788" i="5"/>
  <c r="D6787" i="5"/>
  <c r="D6786" i="5"/>
  <c r="D6785" i="5"/>
  <c r="D6784" i="5"/>
  <c r="D6783" i="5"/>
  <c r="D6782" i="5"/>
  <c r="D6781" i="5"/>
  <c r="D6780" i="5"/>
  <c r="D6779" i="5"/>
  <c r="D6778" i="5"/>
  <c r="D6777" i="5"/>
  <c r="D6776" i="5"/>
  <c r="D6775" i="5"/>
  <c r="D6774" i="5"/>
  <c r="D6773" i="5"/>
  <c r="D6772" i="5"/>
  <c r="D6771" i="5"/>
  <c r="D6770" i="5"/>
  <c r="D6769" i="5"/>
  <c r="D6768" i="5"/>
  <c r="D6767" i="5"/>
  <c r="D6766" i="5"/>
  <c r="D6765" i="5"/>
  <c r="D6764" i="5"/>
  <c r="D6763" i="5"/>
  <c r="D6762" i="5"/>
  <c r="D6761" i="5"/>
  <c r="D6760" i="5"/>
  <c r="D6759" i="5"/>
  <c r="D6758" i="5"/>
  <c r="D6757" i="5"/>
  <c r="D6756" i="5"/>
  <c r="D6755" i="5"/>
  <c r="D6754" i="5"/>
  <c r="D6753" i="5"/>
  <c r="D6752" i="5"/>
  <c r="D6751" i="5"/>
  <c r="D6750" i="5"/>
  <c r="D6749" i="5"/>
  <c r="D6748" i="5"/>
  <c r="D6747" i="5"/>
  <c r="D6746" i="5"/>
  <c r="D6745" i="5"/>
  <c r="D6744" i="5"/>
  <c r="D6743" i="5"/>
  <c r="D6742" i="5"/>
  <c r="D6741" i="5"/>
  <c r="D6740" i="5"/>
  <c r="D6739" i="5"/>
  <c r="D6738" i="5"/>
  <c r="D6737" i="5"/>
  <c r="D6736" i="5"/>
  <c r="D6735" i="5"/>
  <c r="D6734" i="5"/>
  <c r="D6733" i="5"/>
  <c r="D6732" i="5"/>
  <c r="D6731" i="5"/>
  <c r="D6730" i="5"/>
  <c r="D6729" i="5"/>
  <c r="D6728" i="5"/>
  <c r="D6727" i="5"/>
  <c r="D6726" i="5"/>
  <c r="D6725" i="5"/>
  <c r="D6724" i="5"/>
  <c r="D6723" i="5"/>
  <c r="D6722" i="5"/>
  <c r="D6721" i="5"/>
  <c r="D6720" i="5"/>
  <c r="D6719" i="5"/>
  <c r="D6718" i="5"/>
  <c r="D6717" i="5"/>
  <c r="D6716" i="5"/>
  <c r="D6715" i="5"/>
  <c r="D6714" i="5"/>
  <c r="D6713" i="5"/>
  <c r="D6712" i="5"/>
  <c r="D6711" i="5"/>
  <c r="D6710" i="5"/>
  <c r="D6709" i="5"/>
  <c r="D6708" i="5"/>
  <c r="D6707" i="5"/>
  <c r="D6706" i="5"/>
  <c r="D6705" i="5"/>
  <c r="D6704" i="5"/>
  <c r="D6703" i="5"/>
  <c r="D6702" i="5"/>
  <c r="D6701" i="5"/>
  <c r="D6700" i="5"/>
  <c r="D6699" i="5"/>
  <c r="D6698" i="5"/>
  <c r="D6697" i="5"/>
  <c r="D6696" i="5"/>
  <c r="D6695" i="5"/>
  <c r="D6694" i="5"/>
  <c r="D6693" i="5"/>
  <c r="D6692" i="5"/>
  <c r="D6691" i="5"/>
  <c r="D6690" i="5"/>
  <c r="D6689" i="5"/>
  <c r="D6688" i="5"/>
  <c r="D6687" i="5"/>
  <c r="D6686" i="5"/>
  <c r="D6685" i="5"/>
  <c r="D6684" i="5"/>
  <c r="D6683" i="5"/>
  <c r="D6682" i="5"/>
  <c r="D6681" i="5"/>
  <c r="D6680" i="5"/>
  <c r="D6679" i="5"/>
  <c r="D6678" i="5"/>
  <c r="D6677" i="5"/>
  <c r="D6676" i="5"/>
  <c r="D6675" i="5"/>
  <c r="D6674" i="5"/>
  <c r="D6673" i="5"/>
  <c r="D6672" i="5"/>
  <c r="D6671" i="5"/>
  <c r="D6670" i="5"/>
  <c r="D6669" i="5"/>
  <c r="D6668" i="5"/>
  <c r="D6667" i="5"/>
  <c r="D6666" i="5"/>
  <c r="D6665" i="5"/>
  <c r="D6664" i="5"/>
  <c r="D6663" i="5"/>
  <c r="D6662" i="5"/>
  <c r="D6661" i="5"/>
  <c r="D6660" i="5"/>
  <c r="D6659" i="5"/>
  <c r="D6658" i="5"/>
  <c r="D6657" i="5"/>
  <c r="D6656" i="5"/>
  <c r="D6655" i="5"/>
  <c r="D6654" i="5"/>
  <c r="D6653" i="5"/>
  <c r="D6652" i="5"/>
  <c r="D6651" i="5"/>
  <c r="D6650" i="5"/>
  <c r="D6649" i="5"/>
  <c r="D6648" i="5"/>
  <c r="D6647" i="5"/>
  <c r="D6646" i="5"/>
  <c r="D6645" i="5"/>
  <c r="D6644" i="5"/>
  <c r="D6643" i="5"/>
  <c r="D6642" i="5"/>
  <c r="D6641" i="5"/>
  <c r="D6640" i="5"/>
  <c r="D6639" i="5"/>
  <c r="D6638" i="5"/>
  <c r="D6637" i="5"/>
  <c r="D6636" i="5"/>
  <c r="D6635" i="5"/>
  <c r="D6634" i="5"/>
  <c r="D6633" i="5"/>
  <c r="D6632" i="5"/>
  <c r="D6631" i="5"/>
  <c r="D6630" i="5"/>
  <c r="D6629" i="5"/>
  <c r="D6628" i="5"/>
  <c r="D6627" i="5"/>
  <c r="D6626" i="5"/>
  <c r="D6625" i="5"/>
  <c r="D6624" i="5"/>
  <c r="D6623" i="5"/>
  <c r="D6622" i="5"/>
  <c r="D6621" i="5"/>
  <c r="D6620" i="5"/>
  <c r="D6619" i="5"/>
  <c r="D6618" i="5"/>
  <c r="D6617" i="5"/>
  <c r="D6616" i="5"/>
  <c r="D6615" i="5"/>
  <c r="D6614" i="5"/>
  <c r="D6613" i="5"/>
  <c r="D6612" i="5"/>
  <c r="D6611" i="5"/>
  <c r="D6610" i="5"/>
  <c r="D6609" i="5"/>
  <c r="D6608" i="5"/>
  <c r="D6607" i="5"/>
  <c r="D6606" i="5"/>
  <c r="D6605" i="5"/>
  <c r="D6604" i="5"/>
  <c r="D6603" i="5"/>
  <c r="D6602" i="5"/>
  <c r="D6601" i="5"/>
  <c r="D6600" i="5"/>
  <c r="D6599" i="5"/>
  <c r="D6598" i="5"/>
  <c r="D6597" i="5"/>
  <c r="D6596" i="5"/>
  <c r="D6595" i="5"/>
  <c r="D6594" i="5"/>
  <c r="D6593" i="5"/>
  <c r="D6592" i="5"/>
  <c r="D6591" i="5"/>
  <c r="D6590" i="5"/>
  <c r="D6589" i="5"/>
  <c r="D6588" i="5"/>
  <c r="D6587" i="5"/>
  <c r="D6586" i="5"/>
  <c r="D6585" i="5"/>
  <c r="D6584" i="5"/>
  <c r="D6583" i="5"/>
  <c r="D6582" i="5"/>
  <c r="D6581" i="5"/>
  <c r="D6580" i="5"/>
  <c r="D6579" i="5"/>
  <c r="D6578" i="5"/>
  <c r="D6577" i="5"/>
  <c r="D6576" i="5"/>
  <c r="D6575" i="5"/>
  <c r="D6574" i="5"/>
  <c r="D6573" i="5"/>
  <c r="D6572" i="5"/>
  <c r="D6571" i="5"/>
  <c r="D6570" i="5"/>
  <c r="D6569" i="5"/>
  <c r="D6568" i="5"/>
  <c r="D6567" i="5"/>
  <c r="D6566" i="5"/>
  <c r="D6565" i="5"/>
  <c r="D6564" i="5"/>
  <c r="D6563" i="5"/>
  <c r="D6562" i="5"/>
  <c r="D6561" i="5"/>
  <c r="D6560" i="5"/>
  <c r="D6559" i="5"/>
  <c r="D6558" i="5"/>
  <c r="D6557" i="5"/>
  <c r="D6556" i="5"/>
  <c r="D6555" i="5"/>
  <c r="D6554" i="5"/>
  <c r="D6553" i="5"/>
  <c r="D6552" i="5"/>
  <c r="D6551" i="5"/>
  <c r="D6550" i="5"/>
  <c r="D6549" i="5"/>
  <c r="D6548" i="5"/>
  <c r="D6547" i="5"/>
  <c r="D6546" i="5"/>
  <c r="D6545" i="5"/>
  <c r="D6544" i="5"/>
  <c r="D6543" i="5"/>
  <c r="D6542" i="5"/>
  <c r="D6541" i="5"/>
  <c r="D6540" i="5"/>
  <c r="D6539" i="5"/>
  <c r="D6538" i="5"/>
  <c r="D6537" i="5"/>
  <c r="D6536" i="5"/>
  <c r="D6535" i="5"/>
  <c r="D6534" i="5"/>
  <c r="D6533" i="5"/>
  <c r="D6532" i="5"/>
  <c r="D6531" i="5"/>
  <c r="D6530" i="5"/>
  <c r="D6529" i="5"/>
  <c r="D6528" i="5"/>
  <c r="D6527" i="5"/>
  <c r="D6526" i="5"/>
  <c r="D6525" i="5"/>
  <c r="D6524" i="5"/>
  <c r="D6523" i="5"/>
  <c r="D6522" i="5"/>
  <c r="D6521" i="5"/>
  <c r="D6520" i="5"/>
  <c r="D6519" i="5"/>
  <c r="D6518" i="5"/>
  <c r="D6517" i="5"/>
  <c r="D6516" i="5"/>
  <c r="D6515" i="5"/>
  <c r="D6514" i="5"/>
  <c r="D6513" i="5"/>
  <c r="D6512" i="5"/>
  <c r="D6511" i="5"/>
  <c r="D6510" i="5"/>
  <c r="D6509" i="5"/>
  <c r="D6508" i="5"/>
  <c r="D6507" i="5"/>
  <c r="D6506" i="5"/>
  <c r="D6505" i="5"/>
  <c r="D6504" i="5"/>
  <c r="D6503" i="5"/>
  <c r="D6502" i="5"/>
  <c r="D6501" i="5"/>
  <c r="D6500" i="5"/>
  <c r="D6499" i="5"/>
  <c r="D6498" i="5"/>
  <c r="D6497" i="5"/>
  <c r="D6496" i="5"/>
  <c r="D6495" i="5"/>
  <c r="D6494" i="5"/>
  <c r="D6493" i="5"/>
  <c r="D6492" i="5"/>
  <c r="D6491" i="5"/>
  <c r="D6490" i="5"/>
  <c r="D6489" i="5"/>
  <c r="D6488" i="5"/>
  <c r="D6487" i="5"/>
  <c r="D6486" i="5"/>
  <c r="D6485" i="5"/>
  <c r="D6484" i="5"/>
  <c r="D6483" i="5"/>
  <c r="D6482" i="5"/>
  <c r="D6481" i="5"/>
  <c r="D6480" i="5"/>
  <c r="D6479" i="5"/>
  <c r="D6478" i="5"/>
  <c r="D6477" i="5"/>
  <c r="D6476" i="5"/>
  <c r="D6475" i="5"/>
  <c r="D6474" i="5"/>
  <c r="D6473" i="5"/>
  <c r="D6472" i="5"/>
  <c r="D6471" i="5"/>
  <c r="D6470" i="5"/>
  <c r="D6469" i="5"/>
  <c r="D6468" i="5"/>
  <c r="D6467" i="5"/>
  <c r="D6466" i="5"/>
  <c r="D6465" i="5"/>
  <c r="D6464" i="5"/>
  <c r="D6463" i="5"/>
  <c r="D6462" i="5"/>
  <c r="D6461" i="5"/>
  <c r="D6460" i="5"/>
  <c r="D6459" i="5"/>
  <c r="D6458" i="5"/>
  <c r="D6457" i="5"/>
  <c r="D6456" i="5"/>
  <c r="D6455" i="5"/>
  <c r="D6454" i="5"/>
  <c r="D6453" i="5"/>
  <c r="D6452" i="5"/>
  <c r="D6451" i="5"/>
  <c r="D6450" i="5"/>
  <c r="D6449" i="5"/>
  <c r="D6448" i="5"/>
  <c r="D6447" i="5"/>
  <c r="D6446" i="5"/>
  <c r="D6445" i="5"/>
  <c r="D6444" i="5"/>
  <c r="D6443" i="5"/>
  <c r="D6442" i="5"/>
  <c r="D6441" i="5"/>
  <c r="D6440" i="5"/>
  <c r="D6439" i="5"/>
  <c r="D6438" i="5"/>
  <c r="D6437" i="5"/>
  <c r="D6436" i="5"/>
  <c r="D6435" i="5"/>
  <c r="D6434" i="5"/>
  <c r="D6433" i="5"/>
  <c r="D6432" i="5"/>
  <c r="D6431" i="5"/>
  <c r="D6430" i="5"/>
  <c r="D6429" i="5"/>
  <c r="D6428" i="5"/>
  <c r="D6427" i="5"/>
  <c r="D6426" i="5"/>
  <c r="D6425" i="5"/>
  <c r="D6424" i="5"/>
  <c r="D6423" i="5"/>
  <c r="D6422" i="5"/>
  <c r="D6421" i="5"/>
  <c r="D6420" i="5"/>
  <c r="D6419" i="5"/>
  <c r="D6418" i="5"/>
  <c r="D6417" i="5"/>
  <c r="D6416" i="5"/>
  <c r="D6415" i="5"/>
  <c r="D6414" i="5"/>
  <c r="D6413" i="5"/>
  <c r="D6412" i="5"/>
  <c r="D6411" i="5"/>
  <c r="D6410" i="5"/>
  <c r="D6409" i="5"/>
  <c r="D6408" i="5"/>
  <c r="D6407" i="5"/>
  <c r="D6406" i="5"/>
  <c r="D6405" i="5"/>
  <c r="D6404" i="5"/>
  <c r="D6403" i="5"/>
  <c r="D6402" i="5"/>
  <c r="D6401" i="5"/>
  <c r="D6400" i="5"/>
  <c r="D6399" i="5"/>
  <c r="D6398" i="5"/>
  <c r="D6397" i="5"/>
  <c r="D6396" i="5"/>
  <c r="D6395" i="5"/>
  <c r="D6394" i="5"/>
  <c r="D6393" i="5"/>
  <c r="D6392" i="5"/>
  <c r="D6391" i="5"/>
  <c r="D6390" i="5"/>
  <c r="D6389" i="5"/>
  <c r="D6388" i="5"/>
  <c r="D6387" i="5"/>
  <c r="D6386" i="5"/>
  <c r="D6385" i="5"/>
  <c r="D6384" i="5"/>
  <c r="D6383" i="5"/>
  <c r="D6382" i="5"/>
  <c r="D6381" i="5"/>
  <c r="D6380" i="5"/>
  <c r="D6379" i="5"/>
  <c r="D6378" i="5"/>
  <c r="D6377" i="5"/>
  <c r="D6376" i="5"/>
  <c r="D6375" i="5"/>
  <c r="D6374" i="5"/>
  <c r="D6373" i="5"/>
  <c r="D6372" i="5"/>
  <c r="D6371" i="5"/>
  <c r="D6370" i="5"/>
  <c r="D6369" i="5"/>
  <c r="D6368" i="5"/>
  <c r="D6367" i="5"/>
  <c r="D6366" i="5"/>
  <c r="D6365" i="5"/>
  <c r="D6364" i="5"/>
  <c r="D6363" i="5"/>
  <c r="D6362" i="5"/>
  <c r="D6361" i="5"/>
  <c r="D6360" i="5"/>
  <c r="D6359" i="5"/>
  <c r="D6358" i="5"/>
  <c r="D6357" i="5"/>
  <c r="D6356" i="5"/>
  <c r="D6355" i="5"/>
  <c r="D6354" i="5"/>
  <c r="D6353" i="5"/>
  <c r="D6352" i="5"/>
  <c r="D6351" i="5"/>
  <c r="D6350" i="5"/>
  <c r="D6349" i="5"/>
  <c r="D6348" i="5"/>
  <c r="D6347" i="5"/>
  <c r="D6346" i="5"/>
  <c r="D6345" i="5"/>
  <c r="D6344" i="5"/>
  <c r="D6343" i="5"/>
  <c r="D6342" i="5"/>
  <c r="D6341" i="5"/>
  <c r="D6340" i="5"/>
  <c r="D6339" i="5"/>
  <c r="D6338" i="5"/>
  <c r="D6337" i="5"/>
  <c r="D6336" i="5"/>
  <c r="D6335" i="5"/>
  <c r="D6334" i="5"/>
  <c r="D6333" i="5"/>
  <c r="D6332" i="5"/>
  <c r="D6331" i="5"/>
  <c r="D6330" i="5"/>
  <c r="D6329" i="5"/>
  <c r="D6328" i="5"/>
  <c r="D6327" i="5"/>
  <c r="D6326" i="5"/>
  <c r="D6325" i="5"/>
  <c r="D6324" i="5"/>
  <c r="D6323" i="5"/>
  <c r="D6322" i="5"/>
  <c r="D6321" i="5"/>
  <c r="D6320" i="5"/>
  <c r="D6319" i="5"/>
  <c r="D6318" i="5"/>
  <c r="D6317" i="5"/>
  <c r="D6316" i="5"/>
  <c r="D6315" i="5"/>
  <c r="D6314" i="5"/>
  <c r="D6313" i="5"/>
  <c r="D6312" i="5"/>
  <c r="D6311" i="5"/>
  <c r="D6310" i="5"/>
  <c r="D6309" i="5"/>
  <c r="D6308" i="5"/>
  <c r="D6307" i="5"/>
  <c r="D6306" i="5"/>
  <c r="D6305" i="5"/>
  <c r="D6304" i="5"/>
  <c r="D6303" i="5"/>
  <c r="D6302" i="5"/>
  <c r="D6301" i="5"/>
  <c r="D6300" i="5"/>
  <c r="D6299" i="5"/>
  <c r="D6298" i="5"/>
  <c r="D6297" i="5"/>
  <c r="D6296" i="5"/>
  <c r="D6295" i="5"/>
  <c r="D6294" i="5"/>
  <c r="D6293" i="5"/>
  <c r="D6292" i="5"/>
  <c r="D6291" i="5"/>
  <c r="D6290" i="5"/>
  <c r="D6289" i="5"/>
  <c r="D6288" i="5"/>
  <c r="D6287" i="5"/>
  <c r="D6286" i="5"/>
  <c r="D6285" i="5"/>
  <c r="D6284" i="5"/>
  <c r="D6283" i="5"/>
  <c r="D6282" i="5"/>
  <c r="D6281" i="5"/>
  <c r="D6280" i="5"/>
  <c r="D6279" i="5"/>
  <c r="D6278" i="5"/>
  <c r="D6277" i="5"/>
  <c r="D6276" i="5"/>
  <c r="D6275" i="5"/>
  <c r="D6274" i="5"/>
  <c r="D6273" i="5"/>
  <c r="D6272" i="5"/>
  <c r="D6271" i="5"/>
  <c r="D6270" i="5"/>
  <c r="D6269" i="5"/>
  <c r="D6268" i="5"/>
  <c r="D6267" i="5"/>
  <c r="D6266" i="5"/>
  <c r="D6265" i="5"/>
  <c r="D6264" i="5"/>
  <c r="D6263" i="5"/>
  <c r="D6262" i="5"/>
  <c r="D6261" i="5"/>
  <c r="D6260" i="5"/>
  <c r="D6259" i="5"/>
  <c r="D6258" i="5"/>
  <c r="D6257" i="5"/>
  <c r="D6256" i="5"/>
  <c r="D6255" i="5"/>
  <c r="D6254" i="5"/>
  <c r="D6253" i="5"/>
  <c r="D6252" i="5"/>
  <c r="D6251" i="5"/>
  <c r="D6250" i="5"/>
  <c r="D6249" i="5"/>
  <c r="D6248" i="5"/>
  <c r="D6247" i="5"/>
  <c r="D6246" i="5"/>
  <c r="D6245" i="5"/>
  <c r="D6244" i="5"/>
  <c r="D6243" i="5"/>
  <c r="D6242" i="5"/>
  <c r="D6241" i="5"/>
  <c r="D6240" i="5"/>
  <c r="D6239" i="5"/>
  <c r="D6238" i="5"/>
  <c r="D6237" i="5"/>
  <c r="D6236" i="5"/>
  <c r="D6235" i="5"/>
  <c r="D6234" i="5"/>
  <c r="D6233" i="5"/>
  <c r="D6232" i="5"/>
  <c r="D6231" i="5"/>
  <c r="D6230" i="5"/>
  <c r="D6229" i="5"/>
  <c r="D6228" i="5"/>
  <c r="D6227" i="5"/>
  <c r="D6226" i="5"/>
  <c r="D6225" i="5"/>
  <c r="D6224" i="5"/>
  <c r="D6223" i="5"/>
  <c r="D6222" i="5"/>
  <c r="D6221" i="5"/>
  <c r="D6220" i="5"/>
  <c r="D6219" i="5"/>
  <c r="D6218" i="5"/>
  <c r="D6217" i="5"/>
  <c r="D6216" i="5"/>
  <c r="D6215" i="5"/>
  <c r="D6214" i="5"/>
  <c r="D6213" i="5"/>
  <c r="D6212" i="5"/>
  <c r="D6211" i="5"/>
  <c r="D6210" i="5"/>
  <c r="D6209" i="5"/>
  <c r="D6208" i="5"/>
  <c r="D6207" i="5"/>
  <c r="D6206" i="5"/>
  <c r="D6205" i="5"/>
  <c r="D6204" i="5"/>
  <c r="D6203" i="5"/>
  <c r="D6202" i="5"/>
  <c r="D6201" i="5"/>
  <c r="D6200" i="5"/>
  <c r="D6199" i="5"/>
  <c r="D6198" i="5"/>
  <c r="D6197" i="5"/>
  <c r="D6196" i="5"/>
  <c r="D6195" i="5"/>
  <c r="D6194" i="5"/>
  <c r="D6193" i="5"/>
  <c r="D6192" i="5"/>
  <c r="D6191" i="5"/>
  <c r="D6190" i="5"/>
  <c r="D6189" i="5"/>
  <c r="D6188" i="5"/>
  <c r="D6187" i="5"/>
  <c r="D6186" i="5"/>
  <c r="D6185" i="5"/>
  <c r="D6184" i="5"/>
  <c r="D6183" i="5"/>
  <c r="D6182" i="5"/>
  <c r="D6181" i="5"/>
  <c r="D6180" i="5"/>
  <c r="D6179" i="5"/>
  <c r="D6178" i="5"/>
  <c r="D6177" i="5"/>
  <c r="D6176" i="5"/>
  <c r="D6175" i="5"/>
  <c r="D6174" i="5"/>
  <c r="D6173" i="5"/>
  <c r="D6172" i="5"/>
  <c r="D6171" i="5"/>
  <c r="D6170" i="5"/>
  <c r="D6169" i="5"/>
  <c r="D6168" i="5"/>
  <c r="D6167" i="5"/>
  <c r="D6166" i="5"/>
  <c r="D6165" i="5"/>
  <c r="D6164" i="5"/>
  <c r="D6163" i="5"/>
  <c r="D6162" i="5"/>
  <c r="D6161" i="5"/>
  <c r="D6160" i="5"/>
  <c r="D6159" i="5"/>
  <c r="D6158" i="5"/>
  <c r="D6157" i="5"/>
  <c r="D6156" i="5"/>
  <c r="D6155" i="5"/>
  <c r="D6154" i="5"/>
  <c r="D6153" i="5"/>
  <c r="D6152" i="5"/>
  <c r="D6151" i="5"/>
  <c r="D6150" i="5"/>
  <c r="D6149" i="5"/>
  <c r="D6148" i="5"/>
  <c r="D6147" i="5"/>
  <c r="D6146" i="5"/>
  <c r="D6145" i="5"/>
  <c r="D6144" i="5"/>
  <c r="D6143" i="5"/>
  <c r="D6142" i="5"/>
  <c r="D6141" i="5"/>
  <c r="D6140" i="5"/>
  <c r="D6139" i="5"/>
  <c r="D6138" i="5"/>
  <c r="D6137" i="5"/>
  <c r="D6136" i="5"/>
  <c r="D6135" i="5"/>
  <c r="D6134" i="5"/>
  <c r="D6133" i="5"/>
  <c r="D6132" i="5"/>
  <c r="D6131" i="5"/>
  <c r="D6130" i="5"/>
  <c r="D6129" i="5"/>
  <c r="D6128" i="5"/>
  <c r="D6127" i="5"/>
  <c r="D6126" i="5"/>
  <c r="D6125" i="5"/>
  <c r="D6124" i="5"/>
  <c r="D6123" i="5"/>
  <c r="D6122" i="5"/>
  <c r="D6121" i="5"/>
  <c r="D6120" i="5"/>
  <c r="D6119" i="5"/>
  <c r="D6118" i="5"/>
  <c r="D6117" i="5"/>
  <c r="D6116" i="5"/>
  <c r="D6115" i="5"/>
  <c r="D6114" i="5"/>
  <c r="D6113" i="5"/>
  <c r="D6112" i="5"/>
  <c r="D6111" i="5"/>
  <c r="D6110" i="5"/>
  <c r="D6109" i="5"/>
  <c r="D6108" i="5"/>
  <c r="D6107" i="5"/>
  <c r="D6106" i="5"/>
  <c r="D6105" i="5"/>
  <c r="D6104" i="5"/>
  <c r="D6103" i="5"/>
  <c r="D6102" i="5"/>
  <c r="D6101" i="5"/>
  <c r="D6100" i="5"/>
  <c r="D6099" i="5"/>
  <c r="D6098" i="5"/>
  <c r="D6097" i="5"/>
  <c r="D6096" i="5"/>
  <c r="D6095" i="5"/>
  <c r="D6094" i="5"/>
  <c r="D6093" i="5"/>
  <c r="D6092" i="5"/>
  <c r="D6091" i="5"/>
  <c r="D6090" i="5"/>
  <c r="D6089" i="5"/>
  <c r="D6088" i="5"/>
  <c r="D6087" i="5"/>
  <c r="D6086" i="5"/>
  <c r="D6085" i="5"/>
  <c r="D6084" i="5"/>
  <c r="D6083" i="5"/>
  <c r="D6082" i="5"/>
  <c r="D6081" i="5"/>
  <c r="D6080" i="5"/>
  <c r="D6079" i="5"/>
  <c r="D6078" i="5"/>
  <c r="D6077" i="5"/>
  <c r="D6076" i="5"/>
  <c r="D6075" i="5"/>
  <c r="D6074" i="5"/>
  <c r="D6073" i="5"/>
  <c r="D6072" i="5"/>
  <c r="D6071" i="5"/>
  <c r="D6070" i="5"/>
  <c r="D6069" i="5"/>
  <c r="D6068" i="5"/>
  <c r="D6067" i="5"/>
  <c r="D6066" i="5"/>
  <c r="D6065" i="5"/>
  <c r="D6064" i="5"/>
  <c r="D6063" i="5"/>
  <c r="D6062" i="5"/>
  <c r="D6061" i="5"/>
  <c r="D6060" i="5"/>
  <c r="D6059" i="5"/>
  <c r="D6058" i="5"/>
  <c r="D6057" i="5"/>
  <c r="D6056" i="5"/>
  <c r="D6055" i="5"/>
  <c r="D6054" i="5"/>
  <c r="D6053" i="5"/>
  <c r="D6052" i="5"/>
  <c r="D6051" i="5"/>
  <c r="D6050" i="5"/>
  <c r="D6049" i="5"/>
  <c r="D6048" i="5"/>
  <c r="D6047" i="5"/>
  <c r="D6046" i="5"/>
  <c r="D6045" i="5"/>
  <c r="D6044" i="5"/>
  <c r="D6043" i="5"/>
  <c r="D6042" i="5"/>
  <c r="D6041" i="5"/>
  <c r="D6040" i="5"/>
  <c r="D6039" i="5"/>
  <c r="D6038" i="5"/>
  <c r="D6037" i="5"/>
  <c r="D6036" i="5"/>
  <c r="D6035" i="5"/>
  <c r="D6034" i="5"/>
  <c r="D6033" i="5"/>
  <c r="D6032" i="5"/>
  <c r="D6031" i="5"/>
  <c r="D6030" i="5"/>
  <c r="D6029" i="5"/>
  <c r="D6028" i="5"/>
  <c r="D6027" i="5"/>
  <c r="D6026" i="5"/>
  <c r="D6025" i="5"/>
  <c r="D6024" i="5"/>
  <c r="D6023" i="5"/>
  <c r="D6022" i="5"/>
  <c r="D6021" i="5"/>
  <c r="D6020" i="5"/>
  <c r="D6019" i="5"/>
  <c r="D6018" i="5"/>
  <c r="D6017" i="5"/>
  <c r="D6016" i="5"/>
  <c r="D6015" i="5"/>
  <c r="D6014" i="5"/>
  <c r="D6013" i="5"/>
  <c r="D6012" i="5"/>
  <c r="D6011" i="5"/>
  <c r="D6010" i="5"/>
  <c r="D6009" i="5"/>
  <c r="D6008" i="5"/>
  <c r="D6007" i="5"/>
  <c r="D6006" i="5"/>
  <c r="D6005" i="5"/>
  <c r="D6004" i="5"/>
  <c r="D6003" i="5"/>
  <c r="D6002" i="5"/>
  <c r="D6001" i="5"/>
  <c r="D6000" i="5"/>
  <c r="D5999" i="5"/>
  <c r="D5998" i="5"/>
  <c r="D5997" i="5"/>
  <c r="D5996" i="5"/>
  <c r="D5995" i="5"/>
  <c r="D5994" i="5"/>
  <c r="D5993" i="5"/>
  <c r="D5992" i="5"/>
  <c r="D5991" i="5"/>
  <c r="D5990" i="5"/>
  <c r="D5989" i="5"/>
  <c r="D5988" i="5"/>
  <c r="D5987" i="5"/>
  <c r="D5986" i="5"/>
  <c r="D5985" i="5"/>
  <c r="D5984" i="5"/>
  <c r="D5983" i="5"/>
  <c r="D5982" i="5"/>
  <c r="D5981" i="5"/>
  <c r="D5980" i="5"/>
  <c r="D5979" i="5"/>
  <c r="D5978" i="5"/>
  <c r="D5977" i="5"/>
  <c r="D5976" i="5"/>
  <c r="D5975" i="5"/>
  <c r="D5974" i="5"/>
  <c r="D5973" i="5"/>
  <c r="D5972" i="5"/>
  <c r="D5971" i="5"/>
  <c r="D5970" i="5"/>
  <c r="D5969" i="5"/>
  <c r="D5968" i="5"/>
  <c r="D5967" i="5"/>
  <c r="D5966" i="5"/>
  <c r="D5965" i="5"/>
  <c r="D5964" i="5"/>
  <c r="D5963" i="5"/>
  <c r="D5962" i="5"/>
  <c r="D5961" i="5"/>
  <c r="D5960" i="5"/>
  <c r="D5959" i="5"/>
  <c r="D5958" i="5"/>
  <c r="D5957" i="5"/>
  <c r="D5956" i="5"/>
  <c r="D5955" i="5"/>
  <c r="D5954" i="5"/>
  <c r="D5953" i="5"/>
  <c r="D5952" i="5"/>
  <c r="D5951" i="5"/>
  <c r="D5950" i="5"/>
  <c r="D5949" i="5"/>
  <c r="D5948" i="5"/>
  <c r="D5947" i="5"/>
  <c r="D5946" i="5"/>
  <c r="D5945" i="5"/>
  <c r="D5944" i="5"/>
  <c r="D5943" i="5"/>
  <c r="D5942" i="5"/>
  <c r="D5941" i="5"/>
  <c r="D5940" i="5"/>
  <c r="D5939" i="5"/>
  <c r="D5938" i="5"/>
  <c r="D5937" i="5"/>
  <c r="D5936" i="5"/>
  <c r="D5935" i="5"/>
  <c r="D5934" i="5"/>
  <c r="D5933" i="5"/>
  <c r="D5932" i="5"/>
  <c r="D5931" i="5"/>
  <c r="D5930" i="5"/>
  <c r="D5929" i="5"/>
  <c r="D5928" i="5"/>
  <c r="D5927" i="5"/>
  <c r="D5926" i="5"/>
  <c r="D5925" i="5"/>
  <c r="D5924" i="5"/>
  <c r="D5923" i="5"/>
  <c r="D5922" i="5"/>
  <c r="D5921" i="5"/>
  <c r="D5920" i="5"/>
  <c r="D5919" i="5"/>
  <c r="D5918" i="5"/>
  <c r="D5917" i="5"/>
  <c r="D5916" i="5"/>
  <c r="D5915" i="5"/>
  <c r="D5914" i="5"/>
  <c r="D5913" i="5"/>
  <c r="D5912" i="5"/>
  <c r="D5911" i="5"/>
  <c r="D5910" i="5"/>
  <c r="D5909" i="5"/>
  <c r="D5908" i="5"/>
  <c r="D5907" i="5"/>
  <c r="D5906" i="5"/>
  <c r="D5905" i="5"/>
  <c r="D5904" i="5"/>
  <c r="D5903" i="5"/>
  <c r="D5902" i="5"/>
  <c r="D5901" i="5"/>
  <c r="D5900" i="5"/>
  <c r="D5899" i="5"/>
  <c r="D5898" i="5"/>
  <c r="D5897" i="5"/>
  <c r="D5896" i="5"/>
  <c r="D5895" i="5"/>
  <c r="D5894" i="5"/>
  <c r="D5893" i="5"/>
  <c r="D5892" i="5"/>
  <c r="D5891" i="5"/>
  <c r="D5890" i="5"/>
  <c r="D5889" i="5"/>
  <c r="D5888" i="5"/>
  <c r="D5887" i="5"/>
  <c r="D5886" i="5"/>
  <c r="D5885" i="5"/>
  <c r="D5884" i="5"/>
  <c r="D5883" i="5"/>
  <c r="D5882" i="5"/>
  <c r="D5881" i="5"/>
  <c r="D5880" i="5"/>
  <c r="D5879" i="5"/>
  <c r="D5878" i="5"/>
  <c r="D5877" i="5"/>
  <c r="D5876" i="5"/>
  <c r="D5875" i="5"/>
  <c r="D5874" i="5"/>
  <c r="D5873" i="5"/>
  <c r="D5872" i="5"/>
  <c r="D5871" i="5"/>
  <c r="D5870" i="5"/>
  <c r="D5869" i="5"/>
  <c r="D5868" i="5"/>
  <c r="D5867" i="5"/>
  <c r="D5866" i="5"/>
  <c r="D5865" i="5"/>
  <c r="D5864" i="5"/>
  <c r="D5863" i="5"/>
  <c r="D5862" i="5"/>
  <c r="D5861" i="5"/>
  <c r="D5860" i="5"/>
  <c r="D5859" i="5"/>
  <c r="D5858" i="5"/>
  <c r="D5857" i="5"/>
  <c r="D5856" i="5"/>
  <c r="D5855" i="5"/>
  <c r="D5854" i="5"/>
  <c r="D5853" i="5"/>
  <c r="D5852" i="5"/>
  <c r="D5851" i="5"/>
  <c r="D5850" i="5"/>
  <c r="D5849" i="5"/>
  <c r="D5848" i="5"/>
  <c r="D5847" i="5"/>
  <c r="D5846" i="5"/>
  <c r="D5845" i="5"/>
  <c r="D5844" i="5"/>
  <c r="D5843" i="5"/>
  <c r="D5842" i="5"/>
  <c r="D5841" i="5"/>
  <c r="D5840" i="5"/>
  <c r="D5839" i="5"/>
  <c r="D5838" i="5"/>
  <c r="D5837" i="5"/>
  <c r="D5836" i="5"/>
  <c r="D5835" i="5"/>
  <c r="D5834" i="5"/>
  <c r="D5833" i="5"/>
  <c r="D5832" i="5"/>
  <c r="D5831" i="5"/>
  <c r="D5830" i="5"/>
  <c r="D5829" i="5"/>
  <c r="D5828" i="5"/>
  <c r="D5827" i="5"/>
  <c r="D5826" i="5"/>
  <c r="D5825" i="5"/>
  <c r="D5824" i="5"/>
  <c r="D5823" i="5"/>
  <c r="D5822" i="5"/>
  <c r="D5821" i="5"/>
  <c r="D5820" i="5"/>
  <c r="D5819" i="5"/>
  <c r="D5818" i="5"/>
  <c r="D5817" i="5"/>
  <c r="D5816" i="5"/>
  <c r="D5815" i="5"/>
  <c r="D5814" i="5"/>
  <c r="D5813" i="5"/>
  <c r="D5812" i="5"/>
  <c r="D5811" i="5"/>
  <c r="D5810" i="5"/>
  <c r="D5809" i="5"/>
  <c r="D5808" i="5"/>
  <c r="D5807" i="5"/>
  <c r="D5806" i="5"/>
  <c r="D5805" i="5"/>
  <c r="D5804" i="5"/>
  <c r="D5803" i="5"/>
  <c r="D5802" i="5"/>
  <c r="D5801" i="5"/>
  <c r="D5800" i="5"/>
  <c r="D5799" i="5"/>
  <c r="D5798" i="5"/>
  <c r="D5797" i="5"/>
  <c r="D5796" i="5"/>
  <c r="D5795" i="5"/>
  <c r="D5794" i="5"/>
  <c r="D5793" i="5"/>
  <c r="D5792" i="5"/>
  <c r="D5791" i="5"/>
  <c r="D5790" i="5"/>
  <c r="D5789" i="5"/>
  <c r="D5788" i="5"/>
  <c r="D5787" i="5"/>
  <c r="D5786" i="5"/>
  <c r="D5785" i="5"/>
  <c r="D5784" i="5"/>
  <c r="D5783" i="5"/>
  <c r="D5782" i="5"/>
  <c r="D5781" i="5"/>
  <c r="D5780" i="5"/>
  <c r="D5779" i="5"/>
  <c r="D5778" i="5"/>
  <c r="D5777" i="5"/>
  <c r="D5776" i="5"/>
  <c r="D5775" i="5"/>
  <c r="D5774" i="5"/>
  <c r="D5773" i="5"/>
  <c r="D5772" i="5"/>
  <c r="D5771" i="5"/>
  <c r="D5770" i="5"/>
  <c r="D5769" i="5"/>
  <c r="D5768" i="5"/>
  <c r="D5767" i="5"/>
  <c r="D5766" i="5"/>
  <c r="D5765" i="5"/>
  <c r="D5764" i="5"/>
  <c r="D5763" i="5"/>
  <c r="D5762" i="5"/>
  <c r="D5761" i="5"/>
  <c r="D5760" i="5"/>
  <c r="D5759" i="5"/>
  <c r="D5758" i="5"/>
  <c r="D5757" i="5"/>
  <c r="D5756" i="5"/>
  <c r="D5755" i="5"/>
  <c r="D5754" i="5"/>
  <c r="D5753" i="5"/>
  <c r="D5752" i="5"/>
  <c r="D5751" i="5"/>
  <c r="D5750" i="5"/>
  <c r="D5749" i="5"/>
  <c r="D5748" i="5"/>
  <c r="D5747" i="5"/>
  <c r="D5746" i="5"/>
  <c r="D5745" i="5"/>
  <c r="D5744" i="5"/>
  <c r="D5743" i="5"/>
  <c r="D5742" i="5"/>
  <c r="D5741" i="5"/>
  <c r="D5740" i="5"/>
  <c r="D5739" i="5"/>
  <c r="D5738" i="5"/>
  <c r="D5737" i="5"/>
  <c r="D5736" i="5"/>
  <c r="D5735" i="5"/>
  <c r="D5734" i="5"/>
  <c r="D5733" i="5"/>
  <c r="D5732" i="5"/>
  <c r="D5731" i="5"/>
  <c r="D5730" i="5"/>
  <c r="D5729" i="5"/>
  <c r="D5728" i="5"/>
  <c r="D5727" i="5"/>
  <c r="D5726" i="5"/>
  <c r="D5725" i="5"/>
  <c r="D5724" i="5"/>
  <c r="D5723" i="5"/>
  <c r="D5722" i="5"/>
  <c r="D5721" i="5"/>
  <c r="D5720" i="5"/>
  <c r="D5719" i="5"/>
  <c r="D5718" i="5"/>
  <c r="D5717" i="5"/>
  <c r="D5716" i="5"/>
  <c r="D5715" i="5"/>
  <c r="D5714" i="5"/>
  <c r="D5713" i="5"/>
  <c r="D5712" i="5"/>
  <c r="D5711" i="5"/>
  <c r="D5710" i="5"/>
  <c r="D5709" i="5"/>
  <c r="D5708" i="5"/>
  <c r="D5707" i="5"/>
  <c r="D5706" i="5"/>
  <c r="D5705" i="5"/>
  <c r="D5704" i="5"/>
  <c r="D5703" i="5"/>
  <c r="D5702" i="5"/>
  <c r="D5701" i="5"/>
  <c r="D5700" i="5"/>
  <c r="D5699" i="5"/>
  <c r="D5698" i="5"/>
  <c r="D5697" i="5"/>
  <c r="D5696" i="5"/>
  <c r="D5695" i="5"/>
  <c r="D5694" i="5"/>
  <c r="D5693" i="5"/>
  <c r="D5692" i="5"/>
  <c r="D5691" i="5"/>
  <c r="D5690" i="5"/>
  <c r="D5689" i="5"/>
  <c r="D5688" i="5"/>
  <c r="D5687" i="5"/>
  <c r="D5686" i="5"/>
  <c r="D5685" i="5"/>
  <c r="D5684" i="5"/>
  <c r="D5683" i="5"/>
  <c r="D5682" i="5"/>
  <c r="D5681" i="5"/>
  <c r="D5680" i="5"/>
  <c r="D5679" i="5"/>
  <c r="D5678" i="5"/>
  <c r="D5677" i="5"/>
  <c r="D5676" i="5"/>
  <c r="D5675" i="5"/>
  <c r="D5674" i="5"/>
  <c r="D5673" i="5"/>
  <c r="D5672" i="5"/>
  <c r="D5671" i="5"/>
  <c r="D5670" i="5"/>
  <c r="D5669" i="5"/>
  <c r="D5668" i="5"/>
  <c r="D5667" i="5"/>
  <c r="D5666" i="5"/>
  <c r="D5665" i="5"/>
  <c r="D5664" i="5"/>
  <c r="D5663" i="5"/>
  <c r="D5662" i="5"/>
  <c r="D5661" i="5"/>
  <c r="D5660" i="5"/>
  <c r="D5659" i="5"/>
  <c r="D5658" i="5"/>
  <c r="D5657" i="5"/>
  <c r="D5656" i="5"/>
  <c r="D5655" i="5"/>
  <c r="D5654" i="5"/>
  <c r="D5653" i="5"/>
  <c r="D5652" i="5"/>
  <c r="D5651" i="5"/>
  <c r="D5650" i="5"/>
  <c r="D5649" i="5"/>
  <c r="D5648" i="5"/>
  <c r="D5647" i="5"/>
  <c r="D5646" i="5"/>
  <c r="D5645" i="5"/>
  <c r="D5644" i="5"/>
  <c r="D5643" i="5"/>
  <c r="D5642" i="5"/>
  <c r="D5641" i="5"/>
  <c r="D5640" i="5"/>
  <c r="D5639" i="5"/>
  <c r="D5638" i="5"/>
  <c r="D5637" i="5"/>
  <c r="D5636" i="5"/>
  <c r="D5635" i="5"/>
  <c r="D5634" i="5"/>
  <c r="D5633" i="5"/>
  <c r="D5632" i="5"/>
  <c r="D5631" i="5"/>
  <c r="D5630" i="5"/>
  <c r="D5629" i="5"/>
  <c r="D5628" i="5"/>
  <c r="D5627" i="5"/>
  <c r="D5626" i="5"/>
  <c r="D5625" i="5"/>
  <c r="D5624" i="5"/>
  <c r="D5623" i="5"/>
  <c r="D5622" i="5"/>
  <c r="D5621" i="5"/>
  <c r="D5620" i="5"/>
  <c r="D5619" i="5"/>
  <c r="D5618" i="5"/>
  <c r="D5617" i="5"/>
  <c r="D5616" i="5"/>
  <c r="D5615" i="5"/>
  <c r="D5614" i="5"/>
  <c r="D5613" i="5"/>
  <c r="D5612" i="5"/>
  <c r="D5611" i="5"/>
  <c r="D5610" i="5"/>
  <c r="D5609" i="5"/>
  <c r="D5608" i="5"/>
  <c r="D5607" i="5"/>
  <c r="D5606" i="5"/>
  <c r="D5605" i="5"/>
  <c r="D5604" i="5"/>
  <c r="D5603" i="5"/>
  <c r="D5602" i="5"/>
  <c r="D5601" i="5"/>
  <c r="D5600" i="5"/>
  <c r="D5599" i="5"/>
  <c r="D5598" i="5"/>
  <c r="D5597" i="5"/>
  <c r="D5596" i="5"/>
  <c r="D5595" i="5"/>
  <c r="D5594" i="5"/>
  <c r="D5593" i="5"/>
  <c r="D5592" i="5"/>
  <c r="D5591" i="5"/>
  <c r="D5590" i="5"/>
  <c r="D5589" i="5"/>
  <c r="D5588" i="5"/>
  <c r="D5587" i="5"/>
  <c r="D5586" i="5"/>
  <c r="D5585" i="5"/>
  <c r="D5584" i="5"/>
  <c r="D5583" i="5"/>
  <c r="D5582" i="5"/>
  <c r="D5581" i="5"/>
  <c r="D5580" i="5"/>
  <c r="D5579" i="5"/>
  <c r="D5578" i="5"/>
  <c r="D5577" i="5"/>
  <c r="D5576" i="5"/>
  <c r="D5575" i="5"/>
  <c r="D5574" i="5"/>
  <c r="D5573" i="5"/>
  <c r="D5572" i="5"/>
  <c r="D5571" i="5"/>
  <c r="D5570" i="5"/>
  <c r="D5569" i="5"/>
  <c r="D5568" i="5"/>
  <c r="D5567" i="5"/>
  <c r="D5566" i="5"/>
  <c r="D5565" i="5"/>
  <c r="D5564" i="5"/>
  <c r="D5563" i="5"/>
  <c r="D5562" i="5"/>
  <c r="D5561" i="5"/>
  <c r="D5560" i="5"/>
  <c r="D5559" i="5"/>
  <c r="D5558" i="5"/>
  <c r="D5557" i="5"/>
  <c r="D5556" i="5"/>
  <c r="D5555" i="5"/>
  <c r="D5554" i="5"/>
  <c r="D5553" i="5"/>
  <c r="D5552" i="5"/>
  <c r="D5551" i="5"/>
  <c r="D5550" i="5"/>
  <c r="D5549" i="5"/>
  <c r="D5548" i="5"/>
  <c r="D5547" i="5"/>
  <c r="D5546" i="5"/>
  <c r="D5545" i="5"/>
  <c r="D5544" i="5"/>
  <c r="D5543" i="5"/>
  <c r="D5542" i="5"/>
  <c r="D5541" i="5"/>
  <c r="D5540" i="5"/>
  <c r="D5539" i="5"/>
  <c r="D5538" i="5"/>
  <c r="D5537" i="5"/>
  <c r="D5536" i="5"/>
  <c r="D5535" i="5"/>
  <c r="D5534" i="5"/>
  <c r="D5533" i="5"/>
  <c r="D5532" i="5"/>
  <c r="D5531" i="5"/>
  <c r="D5530" i="5"/>
  <c r="D5529" i="5"/>
  <c r="D5528" i="5"/>
  <c r="D5527" i="5"/>
  <c r="D5526" i="5"/>
  <c r="D5525" i="5"/>
  <c r="D5524" i="5"/>
  <c r="D5523" i="5"/>
  <c r="D5522" i="5"/>
  <c r="D5521" i="5"/>
  <c r="D5520" i="5"/>
  <c r="D5519" i="5"/>
  <c r="D5518" i="5"/>
  <c r="D5517" i="5"/>
  <c r="D5516" i="5"/>
  <c r="D5515" i="5"/>
  <c r="D5514" i="5"/>
  <c r="D5513" i="5"/>
  <c r="D5512" i="5"/>
  <c r="D5511" i="5"/>
  <c r="D5510" i="5"/>
  <c r="D5509" i="5"/>
  <c r="D5508" i="5"/>
  <c r="D5507" i="5"/>
  <c r="D5506" i="5"/>
  <c r="D5505" i="5"/>
  <c r="D5504" i="5"/>
  <c r="D5503" i="5"/>
  <c r="D5502" i="5"/>
  <c r="D5501" i="5"/>
  <c r="D5500" i="5"/>
  <c r="D5499" i="5"/>
  <c r="D5498" i="5"/>
  <c r="D5497" i="5"/>
  <c r="D5496" i="5"/>
  <c r="D5495" i="5"/>
  <c r="D5494" i="5"/>
  <c r="D5493" i="5"/>
  <c r="D5492" i="5"/>
  <c r="D5491" i="5"/>
  <c r="D5490" i="5"/>
  <c r="D5489" i="5"/>
  <c r="D5488" i="5"/>
  <c r="D5487" i="5"/>
  <c r="D5486" i="5"/>
  <c r="D5485" i="5"/>
  <c r="D5484" i="5"/>
  <c r="D5483" i="5"/>
  <c r="D5482" i="5"/>
  <c r="D5481" i="5"/>
  <c r="D5480" i="5"/>
  <c r="D5479" i="5"/>
  <c r="D5478" i="5"/>
  <c r="D5477" i="5"/>
  <c r="D5476" i="5"/>
  <c r="D5475" i="5"/>
  <c r="D5474" i="5"/>
  <c r="D5473" i="5"/>
  <c r="D5472" i="5"/>
  <c r="D5471" i="5"/>
  <c r="D5470" i="5"/>
  <c r="D5469" i="5"/>
  <c r="D5468" i="5"/>
  <c r="D5467" i="5"/>
  <c r="D5466" i="5"/>
  <c r="D5465" i="5"/>
  <c r="D5464" i="5"/>
  <c r="D5463" i="5"/>
  <c r="D5462" i="5"/>
  <c r="D5461" i="5"/>
  <c r="D5460" i="5"/>
  <c r="D5459" i="5"/>
  <c r="D5458" i="5"/>
  <c r="D5457" i="5"/>
  <c r="D5456" i="5"/>
  <c r="D5455" i="5"/>
  <c r="D5454" i="5"/>
  <c r="D5453" i="5"/>
  <c r="D5452" i="5"/>
  <c r="D5451" i="5"/>
  <c r="D5450" i="5"/>
  <c r="D5449" i="5"/>
  <c r="D5448" i="5"/>
  <c r="D5447" i="5"/>
  <c r="D5446" i="5"/>
  <c r="D5445" i="5"/>
  <c r="D5444" i="5"/>
  <c r="D5443" i="5"/>
  <c r="D5442" i="5"/>
  <c r="D5441" i="5"/>
  <c r="D5440" i="5"/>
  <c r="D5439" i="5"/>
  <c r="D5438" i="5"/>
  <c r="D5437" i="5"/>
  <c r="D5436" i="5"/>
  <c r="D5435" i="5"/>
  <c r="D5434" i="5"/>
  <c r="D5433" i="5"/>
  <c r="D5432" i="5"/>
  <c r="D5431" i="5"/>
  <c r="D5430" i="5"/>
  <c r="D5429" i="5"/>
  <c r="D5428" i="5"/>
  <c r="D5427" i="5"/>
  <c r="D5426" i="5"/>
  <c r="D5425" i="5"/>
  <c r="D5424" i="5"/>
  <c r="D5423" i="5"/>
  <c r="D5422" i="5"/>
  <c r="D5421" i="5"/>
  <c r="D5420" i="5"/>
  <c r="D5419" i="5"/>
  <c r="D5418" i="5"/>
  <c r="D5417" i="5"/>
  <c r="D5416" i="5"/>
  <c r="D5415" i="5"/>
  <c r="D5414" i="5"/>
  <c r="D5413" i="5"/>
  <c r="D5412" i="5"/>
  <c r="D5411" i="5"/>
  <c r="D5410" i="5"/>
  <c r="D5409" i="5"/>
  <c r="D5408" i="5"/>
  <c r="D5407" i="5"/>
  <c r="D5406" i="5"/>
  <c r="D5405" i="5"/>
  <c r="D5404" i="5"/>
  <c r="D5403" i="5"/>
  <c r="D5402" i="5"/>
  <c r="D5401" i="5"/>
  <c r="D5400" i="5"/>
  <c r="D5399" i="5"/>
  <c r="D5398" i="5"/>
  <c r="D5397" i="5"/>
  <c r="D5396" i="5"/>
  <c r="D5395" i="5"/>
  <c r="D5394" i="5"/>
  <c r="D5393" i="5"/>
  <c r="D5392" i="5"/>
  <c r="D5391" i="5"/>
  <c r="D5390" i="5"/>
  <c r="D5389" i="5"/>
  <c r="D5388" i="5"/>
  <c r="D5387" i="5"/>
  <c r="D5386" i="5"/>
  <c r="D5385" i="5"/>
  <c r="D5384" i="5"/>
  <c r="D5383" i="5"/>
  <c r="D5382" i="5"/>
  <c r="D5381" i="5"/>
  <c r="D5380" i="5"/>
  <c r="D5379" i="5"/>
  <c r="D5378" i="5"/>
  <c r="D5377" i="5"/>
  <c r="D5376" i="5"/>
  <c r="D5375" i="5"/>
  <c r="D5374" i="5"/>
  <c r="D5373" i="5"/>
  <c r="D5372" i="5"/>
  <c r="D5371" i="5"/>
  <c r="D5370" i="5"/>
  <c r="D5369" i="5"/>
  <c r="D5368" i="5"/>
  <c r="D5367" i="5"/>
  <c r="D5366" i="5"/>
  <c r="D5365" i="5"/>
  <c r="D5364" i="5"/>
  <c r="D5363" i="5"/>
  <c r="D5362" i="5"/>
  <c r="D5361" i="5"/>
  <c r="D5360" i="5"/>
  <c r="D5359" i="5"/>
  <c r="D5358" i="5"/>
  <c r="D5357" i="5"/>
  <c r="D5356" i="5"/>
  <c r="D5355" i="5"/>
  <c r="D5354" i="5"/>
  <c r="D5353" i="5"/>
  <c r="D5352" i="5"/>
  <c r="D5351" i="5"/>
  <c r="D5350" i="5"/>
  <c r="D5349" i="5"/>
  <c r="D5348" i="5"/>
  <c r="D5347" i="5"/>
  <c r="D5346" i="5"/>
  <c r="D5345" i="5"/>
  <c r="D5344" i="5"/>
  <c r="D5343" i="5"/>
  <c r="D5342" i="5"/>
  <c r="D5341" i="5"/>
  <c r="D5340" i="5"/>
  <c r="D5339" i="5"/>
  <c r="D5338" i="5"/>
  <c r="D5337" i="5"/>
  <c r="D5336" i="5"/>
  <c r="D5335" i="5"/>
  <c r="D5334" i="5"/>
  <c r="D5333" i="5"/>
  <c r="D5332" i="5"/>
  <c r="D5331" i="5"/>
  <c r="D5330" i="5"/>
  <c r="D5329" i="5"/>
  <c r="D5328" i="5"/>
  <c r="D5327" i="5"/>
  <c r="D5326" i="5"/>
  <c r="D5325" i="5"/>
  <c r="D5324" i="5"/>
  <c r="D5323" i="5"/>
  <c r="D5322" i="5"/>
  <c r="D5321" i="5"/>
  <c r="D5320" i="5"/>
  <c r="D5319" i="5"/>
  <c r="D5318" i="5"/>
  <c r="D5317" i="5"/>
  <c r="D5316" i="5"/>
  <c r="D5315" i="5"/>
  <c r="D5314" i="5"/>
  <c r="D5313" i="5"/>
  <c r="D5312" i="5"/>
  <c r="D5311" i="5"/>
  <c r="D5310" i="5"/>
  <c r="D5309" i="5"/>
  <c r="D5308" i="5"/>
  <c r="D5307" i="5"/>
  <c r="D5306" i="5"/>
  <c r="D5305" i="5"/>
  <c r="D5304" i="5"/>
  <c r="D5303" i="5"/>
  <c r="D5302" i="5"/>
  <c r="D5301" i="5"/>
  <c r="D5300" i="5"/>
  <c r="D5299" i="5"/>
  <c r="D5298" i="5"/>
  <c r="D5297" i="5"/>
  <c r="D5296" i="5"/>
  <c r="D5295" i="5"/>
  <c r="D5294" i="5"/>
  <c r="D5293" i="5"/>
  <c r="D5292" i="5"/>
  <c r="D5291" i="5"/>
  <c r="D5290" i="5"/>
  <c r="D5289" i="5"/>
  <c r="D5288" i="5"/>
  <c r="D5287" i="5"/>
  <c r="D5286" i="5"/>
  <c r="D5285" i="5"/>
  <c r="D5284" i="5"/>
  <c r="D5283" i="5"/>
  <c r="D5282" i="5"/>
  <c r="D5281" i="5"/>
  <c r="D5280" i="5"/>
  <c r="D5279" i="5"/>
  <c r="D5278" i="5"/>
  <c r="D5277" i="5"/>
  <c r="D5276" i="5"/>
  <c r="D5275" i="5"/>
  <c r="D5274" i="5"/>
  <c r="D5273" i="5"/>
  <c r="D5272" i="5"/>
  <c r="D5271" i="5"/>
  <c r="D5270" i="5"/>
  <c r="D5269" i="5"/>
  <c r="D5268" i="5"/>
  <c r="D5267" i="5"/>
  <c r="D5266" i="5"/>
  <c r="D5265" i="5"/>
  <c r="D5264" i="5"/>
  <c r="D5263" i="5"/>
  <c r="D5262" i="5"/>
  <c r="D5261" i="5"/>
  <c r="D5260" i="5"/>
  <c r="D5259" i="5"/>
  <c r="D5258" i="5"/>
  <c r="D5257" i="5"/>
  <c r="D5256" i="5"/>
  <c r="D5255" i="5"/>
  <c r="D5254" i="5"/>
  <c r="D5253" i="5"/>
  <c r="D5252" i="5"/>
  <c r="D5251" i="5"/>
  <c r="D5250" i="5"/>
  <c r="D5249" i="5"/>
  <c r="D5248" i="5"/>
  <c r="D5247" i="5"/>
  <c r="D5246" i="5"/>
  <c r="D5245" i="5"/>
  <c r="D5244" i="5"/>
  <c r="D5243" i="5"/>
  <c r="D5242" i="5"/>
  <c r="D5241" i="5"/>
  <c r="D5240" i="5"/>
  <c r="D5239" i="5"/>
  <c r="D5238" i="5"/>
  <c r="D5237" i="5"/>
  <c r="D5236" i="5"/>
  <c r="D5235" i="5"/>
  <c r="D5234" i="5"/>
  <c r="D5233" i="5"/>
  <c r="D5232" i="5"/>
  <c r="D5231" i="5"/>
  <c r="D5230" i="5"/>
  <c r="D5229" i="5"/>
  <c r="D5228" i="5"/>
  <c r="D5227" i="5"/>
  <c r="D5226" i="5"/>
  <c r="D5225" i="5"/>
  <c r="D5224" i="5"/>
  <c r="D5223" i="5"/>
  <c r="D5222" i="5"/>
  <c r="D5221" i="5"/>
  <c r="D5220" i="5"/>
  <c r="D5219" i="5"/>
  <c r="D5218" i="5"/>
  <c r="D5217" i="5"/>
  <c r="D5216" i="5"/>
  <c r="D5215" i="5"/>
  <c r="D5214" i="5"/>
  <c r="D5213" i="5"/>
  <c r="D5212" i="5"/>
  <c r="D5211" i="5"/>
  <c r="D5210" i="5"/>
  <c r="D5209" i="5"/>
  <c r="D5208" i="5"/>
  <c r="D5207" i="5"/>
  <c r="D5206" i="5"/>
  <c r="D5205" i="5"/>
  <c r="D5204" i="5"/>
  <c r="D5203" i="5"/>
  <c r="D5202" i="5"/>
  <c r="D5201" i="5"/>
  <c r="D5200" i="5"/>
  <c r="D5199" i="5"/>
  <c r="D5198" i="5"/>
  <c r="D5197" i="5"/>
  <c r="D5196" i="5"/>
  <c r="D5195" i="5"/>
  <c r="D5194" i="5"/>
  <c r="D5193" i="5"/>
  <c r="D5192" i="5"/>
  <c r="D5191" i="5"/>
  <c r="D5190" i="5"/>
  <c r="D5189" i="5"/>
  <c r="D5188" i="5"/>
  <c r="D5187" i="5"/>
  <c r="D5186" i="5"/>
  <c r="D5185" i="5"/>
  <c r="D5184" i="5"/>
  <c r="D5183" i="5"/>
  <c r="D5182" i="5"/>
  <c r="D5181" i="5"/>
  <c r="D5180" i="5"/>
  <c r="D5179" i="5"/>
  <c r="D5178" i="5"/>
  <c r="D5177" i="5"/>
  <c r="D5176" i="5"/>
  <c r="D5175" i="5"/>
  <c r="D5174" i="5"/>
  <c r="D5173" i="5"/>
  <c r="D5172" i="5"/>
  <c r="D5171" i="5"/>
  <c r="D5170" i="5"/>
  <c r="D5169" i="5"/>
  <c r="D5168" i="5"/>
  <c r="D5167" i="5"/>
  <c r="D5166" i="5"/>
  <c r="D5165" i="5"/>
  <c r="D5164" i="5"/>
  <c r="D5163" i="5"/>
  <c r="D5162" i="5"/>
  <c r="D5161" i="5"/>
  <c r="D5160" i="5"/>
  <c r="D5159" i="5"/>
  <c r="D5158" i="5"/>
  <c r="D5157" i="5"/>
  <c r="D5156" i="5"/>
  <c r="D5155" i="5"/>
  <c r="D5154" i="5"/>
  <c r="D5153" i="5"/>
  <c r="D5152" i="5"/>
  <c r="D5151" i="5"/>
  <c r="D5150" i="5"/>
  <c r="D5149" i="5"/>
  <c r="D5148" i="5"/>
  <c r="D5147" i="5"/>
  <c r="D5146" i="5"/>
  <c r="D5145" i="5"/>
  <c r="D5144" i="5"/>
  <c r="D5143" i="5"/>
  <c r="D5142" i="5"/>
  <c r="D5141" i="5"/>
  <c r="D5140" i="5"/>
  <c r="D5139" i="5"/>
  <c r="D5138" i="5"/>
  <c r="D5137" i="5"/>
  <c r="D5136" i="5"/>
  <c r="D5135" i="5"/>
  <c r="D5134" i="5"/>
  <c r="D5133" i="5"/>
  <c r="D5132" i="5"/>
  <c r="D5131" i="5"/>
  <c r="D5130" i="5"/>
  <c r="D5129" i="5"/>
  <c r="D5128" i="5"/>
  <c r="D5127" i="5"/>
  <c r="D5126" i="5"/>
  <c r="D5125" i="5"/>
  <c r="D5124" i="5"/>
  <c r="D5123" i="5"/>
  <c r="D5122" i="5"/>
  <c r="D5121" i="5"/>
  <c r="D5120" i="5"/>
  <c r="D5119" i="5"/>
  <c r="D5118" i="5"/>
  <c r="D5117" i="5"/>
  <c r="D5116" i="5"/>
  <c r="D5115" i="5"/>
  <c r="D5114" i="5"/>
  <c r="D5113" i="5"/>
  <c r="D5112" i="5"/>
  <c r="D5111" i="5"/>
  <c r="D5110" i="5"/>
  <c r="D5109" i="5"/>
  <c r="D5108" i="5"/>
  <c r="D5107" i="5"/>
  <c r="D5106" i="5"/>
  <c r="D5105" i="5"/>
  <c r="D5104" i="5"/>
  <c r="D5103" i="5"/>
  <c r="D5102" i="5"/>
  <c r="D5101" i="5"/>
  <c r="D5100" i="5"/>
  <c r="D5099" i="5"/>
  <c r="D5098" i="5"/>
  <c r="D5097" i="5"/>
  <c r="D5096" i="5"/>
  <c r="D5095" i="5"/>
  <c r="D5094" i="5"/>
  <c r="D5093" i="5"/>
  <c r="D5092" i="5"/>
  <c r="D5091" i="5"/>
  <c r="D5090" i="5"/>
  <c r="D5089" i="5"/>
  <c r="D5088" i="5"/>
  <c r="D5087" i="5"/>
  <c r="D5086" i="5"/>
  <c r="D5085" i="5"/>
  <c r="D5084" i="5"/>
  <c r="D5083" i="5"/>
  <c r="D5082" i="5"/>
  <c r="D5081" i="5"/>
  <c r="D5080" i="5"/>
  <c r="D5079" i="5"/>
  <c r="D5078" i="5"/>
  <c r="D5077" i="5"/>
  <c r="D5076" i="5"/>
  <c r="D5075" i="5"/>
  <c r="D5074" i="5"/>
  <c r="D5073" i="5"/>
  <c r="D5072" i="5"/>
  <c r="D5071" i="5"/>
  <c r="D5070" i="5"/>
  <c r="D5069" i="5"/>
  <c r="D5068" i="5"/>
  <c r="D5067" i="5"/>
  <c r="D5066" i="5"/>
  <c r="D5065" i="5"/>
  <c r="D5064" i="5"/>
  <c r="D5063" i="5"/>
  <c r="D5062" i="5"/>
  <c r="D5061" i="5"/>
  <c r="D5060" i="5"/>
  <c r="D5059" i="5"/>
  <c r="D5058" i="5"/>
  <c r="D5057" i="5"/>
  <c r="D5056" i="5"/>
  <c r="D5055" i="5"/>
  <c r="D5054" i="5"/>
  <c r="D5053" i="5"/>
  <c r="D5052" i="5"/>
  <c r="D5051" i="5"/>
  <c r="D5050" i="5"/>
  <c r="D5049" i="5"/>
  <c r="D5048" i="5"/>
  <c r="D5047" i="5"/>
  <c r="D5046" i="5"/>
  <c r="D5045" i="5"/>
  <c r="D5044" i="5"/>
  <c r="D5043" i="5"/>
  <c r="D5042" i="5"/>
  <c r="D5041" i="5"/>
  <c r="D5040" i="5"/>
  <c r="D5039" i="5"/>
  <c r="D5038" i="5"/>
  <c r="D5037" i="5"/>
  <c r="D5036" i="5"/>
  <c r="D5035" i="5"/>
  <c r="D5034" i="5"/>
  <c r="D5033" i="5"/>
  <c r="D5032" i="5"/>
  <c r="D5031" i="5"/>
  <c r="D5030" i="5"/>
  <c r="D5029" i="5"/>
  <c r="D5028" i="5"/>
  <c r="D5027" i="5"/>
  <c r="D5026" i="5"/>
  <c r="D5025" i="5"/>
  <c r="D5024" i="5"/>
  <c r="D5023" i="5"/>
  <c r="D5022" i="5"/>
  <c r="D5021" i="5"/>
  <c r="D5020" i="5"/>
  <c r="D5019" i="5"/>
  <c r="D5018" i="5"/>
  <c r="D5017" i="5"/>
  <c r="D5016" i="5"/>
  <c r="D5015" i="5"/>
  <c r="D5014" i="5"/>
  <c r="D5013" i="5"/>
  <c r="D5012" i="5"/>
  <c r="D5011" i="5"/>
  <c r="D5010" i="5"/>
  <c r="D5009" i="5"/>
  <c r="D5008" i="5"/>
  <c r="D5007" i="5"/>
  <c r="D5006" i="5"/>
  <c r="D5005" i="5"/>
  <c r="D5004" i="5"/>
  <c r="D5003" i="5"/>
  <c r="D5002" i="5"/>
  <c r="D5001" i="5"/>
  <c r="D5000" i="5"/>
  <c r="D4999" i="5"/>
  <c r="D4998" i="5"/>
  <c r="D4997" i="5"/>
  <c r="D4996" i="5"/>
  <c r="D4995" i="5"/>
  <c r="D4994" i="5"/>
  <c r="D4993" i="5"/>
  <c r="D4992" i="5"/>
  <c r="D4991" i="5"/>
  <c r="D4990" i="5"/>
  <c r="D4989" i="5"/>
  <c r="D4988" i="5"/>
  <c r="D4987" i="5"/>
  <c r="D4986" i="5"/>
  <c r="D4985" i="5"/>
  <c r="D4984" i="5"/>
  <c r="D4983" i="5"/>
  <c r="D4982" i="5"/>
  <c r="D4981" i="5"/>
  <c r="D4980" i="5"/>
  <c r="D4979" i="5"/>
  <c r="D4978" i="5"/>
  <c r="D4977" i="5"/>
  <c r="D4976" i="5"/>
  <c r="D4975" i="5"/>
  <c r="D4974" i="5"/>
  <c r="D4973" i="5"/>
  <c r="D4972" i="5"/>
  <c r="D4971" i="5"/>
  <c r="D4970" i="5"/>
  <c r="D4969" i="5"/>
  <c r="D4968" i="5"/>
  <c r="D4967" i="5"/>
  <c r="D4966" i="5"/>
  <c r="D4965" i="5"/>
  <c r="D4964" i="5"/>
  <c r="D4963" i="5"/>
  <c r="D4962" i="5"/>
  <c r="D4961" i="5"/>
  <c r="D4960" i="5"/>
  <c r="D4959" i="5"/>
  <c r="D4958" i="5"/>
  <c r="D4957" i="5"/>
  <c r="D4956" i="5"/>
  <c r="D4955" i="5"/>
  <c r="D4954" i="5"/>
  <c r="D4953" i="5"/>
  <c r="D4952" i="5"/>
  <c r="D4951" i="5"/>
  <c r="D4950" i="5"/>
  <c r="D4949" i="5"/>
  <c r="D4948" i="5"/>
  <c r="D4947" i="5"/>
  <c r="D4946" i="5"/>
  <c r="D4945" i="5"/>
  <c r="D4944" i="5"/>
  <c r="D4943" i="5"/>
  <c r="D4942" i="5"/>
  <c r="D4941" i="5"/>
  <c r="D4940" i="5"/>
  <c r="D4939" i="5"/>
  <c r="D4938" i="5"/>
  <c r="D4937" i="5"/>
  <c r="D4936" i="5"/>
  <c r="D4935" i="5"/>
  <c r="D4934" i="5"/>
  <c r="D4933" i="5"/>
  <c r="D4932" i="5"/>
  <c r="D4931" i="5"/>
  <c r="D4930" i="5"/>
  <c r="D4929" i="5"/>
  <c r="D4928" i="5"/>
  <c r="D4927" i="5"/>
  <c r="D4926" i="5"/>
  <c r="D4925" i="5"/>
  <c r="D4924" i="5"/>
  <c r="D4923" i="5"/>
  <c r="D4922" i="5"/>
  <c r="D4921" i="5"/>
  <c r="D4920" i="5"/>
  <c r="D4919" i="5"/>
  <c r="D4918" i="5"/>
  <c r="D4917" i="5"/>
  <c r="D4916" i="5"/>
  <c r="D4915" i="5"/>
  <c r="D4914" i="5"/>
  <c r="D4913" i="5"/>
  <c r="D4912" i="5"/>
  <c r="D4911" i="5"/>
  <c r="D4910" i="5"/>
  <c r="D4909" i="5"/>
  <c r="D4908" i="5"/>
  <c r="D4907" i="5"/>
  <c r="D4906" i="5"/>
  <c r="D4905" i="5"/>
  <c r="D4904" i="5"/>
  <c r="D4903" i="5"/>
  <c r="D4902" i="5"/>
  <c r="D4901" i="5"/>
  <c r="D4900" i="5"/>
  <c r="D4899" i="5"/>
  <c r="D4898" i="5"/>
  <c r="D4897" i="5"/>
  <c r="D4896" i="5"/>
  <c r="D4895" i="5"/>
  <c r="D4894" i="5"/>
  <c r="D4893" i="5"/>
  <c r="D4892" i="5"/>
  <c r="D4891" i="5"/>
  <c r="D4890" i="5"/>
  <c r="D4889" i="5"/>
  <c r="D4888" i="5"/>
  <c r="D4887" i="5"/>
  <c r="D4886" i="5"/>
  <c r="D4885" i="5"/>
  <c r="D4884" i="5"/>
  <c r="D4883" i="5"/>
  <c r="D4882" i="5"/>
  <c r="D4881" i="5"/>
  <c r="D4880" i="5"/>
  <c r="D4879" i="5"/>
  <c r="D4878" i="5"/>
  <c r="D4877" i="5"/>
  <c r="D4876" i="5"/>
  <c r="D4875" i="5"/>
  <c r="D4874" i="5"/>
  <c r="D4873" i="5"/>
  <c r="D4872" i="5"/>
  <c r="D4871" i="5"/>
  <c r="D4870" i="5"/>
  <c r="D4869" i="5"/>
  <c r="D4868" i="5"/>
  <c r="D4867" i="5"/>
  <c r="D4866" i="5"/>
  <c r="D4865" i="5"/>
  <c r="D4864" i="5"/>
  <c r="D4863" i="5"/>
  <c r="D4862" i="5"/>
  <c r="D4861" i="5"/>
  <c r="D4860" i="5"/>
  <c r="D4859" i="5"/>
  <c r="D4858" i="5"/>
  <c r="D4857" i="5"/>
  <c r="D4856" i="5"/>
  <c r="D4855" i="5"/>
  <c r="D4854" i="5"/>
  <c r="D4853" i="5"/>
  <c r="D4852" i="5"/>
  <c r="D4851" i="5"/>
  <c r="D4850" i="5"/>
  <c r="D4849" i="5"/>
  <c r="D4848" i="5"/>
  <c r="D4847" i="5"/>
  <c r="D4846" i="5"/>
  <c r="D4845" i="5"/>
  <c r="D4844" i="5"/>
  <c r="D4843" i="5"/>
  <c r="D4842" i="5"/>
  <c r="D4841" i="5"/>
  <c r="D4840" i="5"/>
  <c r="D4839" i="5"/>
  <c r="D4838" i="5"/>
  <c r="D4837" i="5"/>
  <c r="D4836" i="5"/>
  <c r="D4835" i="5"/>
  <c r="D4834" i="5"/>
  <c r="D4833" i="5"/>
  <c r="D4832" i="5"/>
  <c r="D4831" i="5"/>
  <c r="D4830" i="5"/>
  <c r="D4829" i="5"/>
  <c r="D4828" i="5"/>
  <c r="D4827" i="5"/>
  <c r="D4826" i="5"/>
  <c r="D4825" i="5"/>
  <c r="D4824" i="5"/>
  <c r="D4823" i="5"/>
  <c r="D4822" i="5"/>
  <c r="D4821" i="5"/>
  <c r="D4820" i="5"/>
  <c r="D4819" i="5"/>
  <c r="D4818" i="5"/>
  <c r="D4817" i="5"/>
  <c r="D4816" i="5"/>
  <c r="D4815" i="5"/>
  <c r="D4814" i="5"/>
  <c r="D4813" i="5"/>
  <c r="D4812" i="5"/>
  <c r="D4811" i="5"/>
  <c r="D4810" i="5"/>
  <c r="D4809" i="5"/>
  <c r="D4808" i="5"/>
  <c r="D4807" i="5"/>
  <c r="D4806" i="5"/>
  <c r="D4805" i="5"/>
  <c r="D4804" i="5"/>
  <c r="D4803" i="5"/>
  <c r="D4802" i="5"/>
  <c r="D4801" i="5"/>
  <c r="D4800" i="5"/>
  <c r="D4799" i="5"/>
  <c r="D4798" i="5"/>
  <c r="D4797" i="5"/>
  <c r="D4796" i="5"/>
  <c r="D4795" i="5"/>
  <c r="D4794" i="5"/>
  <c r="D4793" i="5"/>
  <c r="D4792" i="5"/>
  <c r="D4791" i="5"/>
  <c r="D4790" i="5"/>
  <c r="D4789" i="5"/>
  <c r="D4788" i="5"/>
  <c r="D4787" i="5"/>
  <c r="D4786" i="5"/>
  <c r="D4785" i="5"/>
  <c r="D4784" i="5"/>
  <c r="D4783" i="5"/>
  <c r="D4782" i="5"/>
  <c r="D4781" i="5"/>
  <c r="D4780" i="5"/>
  <c r="D4779" i="5"/>
  <c r="D4778" i="5"/>
  <c r="D4777" i="5"/>
  <c r="D4776" i="5"/>
  <c r="D4775" i="5"/>
  <c r="D4774" i="5"/>
  <c r="D4773" i="5"/>
  <c r="D4772" i="5"/>
  <c r="D4771" i="5"/>
  <c r="D4770" i="5"/>
  <c r="D4769" i="5"/>
  <c r="D4768" i="5"/>
  <c r="D4767" i="5"/>
  <c r="D4766" i="5"/>
  <c r="D4765" i="5"/>
  <c r="D4764" i="5"/>
  <c r="D4763" i="5"/>
  <c r="D4762" i="5"/>
  <c r="D4761" i="5"/>
  <c r="D4760" i="5"/>
  <c r="D4759" i="5"/>
  <c r="D4758" i="5"/>
  <c r="D4757" i="5"/>
  <c r="D4756" i="5"/>
  <c r="D4755" i="5"/>
  <c r="D4754" i="5"/>
  <c r="D4753" i="5"/>
  <c r="D4752" i="5"/>
  <c r="D4751" i="5"/>
  <c r="D4750" i="5"/>
  <c r="D4749" i="5"/>
  <c r="D4748" i="5"/>
  <c r="D4747" i="5"/>
  <c r="D4746" i="5"/>
  <c r="D4745" i="5"/>
  <c r="D4744" i="5"/>
  <c r="D4743" i="5"/>
  <c r="D4742" i="5"/>
  <c r="D4741" i="5"/>
  <c r="D4740" i="5"/>
  <c r="D4739" i="5"/>
  <c r="D4738" i="5"/>
  <c r="D4737" i="5"/>
  <c r="D4736" i="5"/>
  <c r="D4735" i="5"/>
  <c r="D4734" i="5"/>
  <c r="D4733" i="5"/>
  <c r="D4732" i="5"/>
  <c r="D4731" i="5"/>
  <c r="D4730" i="5"/>
  <c r="D4729" i="5"/>
  <c r="D4728" i="5"/>
  <c r="D4727" i="5"/>
  <c r="D4726" i="5"/>
  <c r="D4725" i="5"/>
  <c r="D4724" i="5"/>
  <c r="D4723" i="5"/>
  <c r="D4722" i="5"/>
  <c r="D4721" i="5"/>
  <c r="D4720" i="5"/>
  <c r="D4719" i="5"/>
  <c r="D4718" i="5"/>
  <c r="D4717" i="5"/>
  <c r="D4716" i="5"/>
  <c r="D4715" i="5"/>
  <c r="D4714" i="5"/>
  <c r="D4713" i="5"/>
  <c r="D4712" i="5"/>
  <c r="D4711" i="5"/>
  <c r="D4710" i="5"/>
  <c r="D4709" i="5"/>
  <c r="D4708" i="5"/>
  <c r="D4707" i="5"/>
  <c r="D4706" i="5"/>
  <c r="D4705" i="5"/>
  <c r="D4704" i="5"/>
  <c r="D4703" i="5"/>
  <c r="D4702" i="5"/>
  <c r="D4701" i="5"/>
  <c r="D4700" i="5"/>
  <c r="D4699" i="5"/>
  <c r="D4698" i="5"/>
  <c r="D4697" i="5"/>
  <c r="D4696" i="5"/>
  <c r="D4695" i="5"/>
  <c r="D4694" i="5"/>
  <c r="D4693" i="5"/>
  <c r="D4692" i="5"/>
  <c r="D4691" i="5"/>
  <c r="D4690" i="5"/>
  <c r="D4689" i="5"/>
  <c r="D4688" i="5"/>
  <c r="D4687" i="5"/>
  <c r="D4686" i="5"/>
  <c r="D4685" i="5"/>
  <c r="D4684" i="5"/>
  <c r="D4683" i="5"/>
  <c r="D4682" i="5"/>
  <c r="D4681" i="5"/>
  <c r="D4680" i="5"/>
  <c r="D4679" i="5"/>
  <c r="D4678" i="5"/>
  <c r="D4677" i="5"/>
  <c r="D4676" i="5"/>
  <c r="D4675" i="5"/>
  <c r="D4674" i="5"/>
  <c r="D4673" i="5"/>
  <c r="D4672" i="5"/>
  <c r="D4671" i="5"/>
  <c r="D4670" i="5"/>
  <c r="D4669" i="5"/>
  <c r="D4668" i="5"/>
  <c r="D4667" i="5"/>
  <c r="D4666" i="5"/>
  <c r="D4665" i="5"/>
  <c r="D4664" i="5"/>
  <c r="D4663" i="5"/>
  <c r="D4662" i="5"/>
  <c r="D4661" i="5"/>
  <c r="D4660" i="5"/>
  <c r="D4659" i="5"/>
  <c r="D4658" i="5"/>
  <c r="D4657" i="5"/>
  <c r="D4656" i="5"/>
  <c r="D4655" i="5"/>
  <c r="D4654" i="5"/>
  <c r="D4653" i="5"/>
  <c r="D4652" i="5"/>
  <c r="D4651" i="5"/>
  <c r="D4650" i="5"/>
  <c r="D4649" i="5"/>
  <c r="D4648" i="5"/>
  <c r="D4647" i="5"/>
  <c r="D4646" i="5"/>
  <c r="D4645" i="5"/>
  <c r="D4644" i="5"/>
  <c r="D4643" i="5"/>
  <c r="D4642" i="5"/>
  <c r="D4641" i="5"/>
  <c r="D4640" i="5"/>
  <c r="D4639" i="5"/>
  <c r="D4638" i="5"/>
  <c r="D4637" i="5"/>
  <c r="D4636" i="5"/>
  <c r="D4635" i="5"/>
  <c r="D4634" i="5"/>
  <c r="D4633" i="5"/>
  <c r="D4632" i="5"/>
  <c r="D4631" i="5"/>
  <c r="D4630" i="5"/>
  <c r="D4629" i="5"/>
  <c r="D4628" i="5"/>
  <c r="D4627" i="5"/>
  <c r="D4626" i="5"/>
  <c r="D4625" i="5"/>
  <c r="D4624" i="5"/>
  <c r="D4623" i="5"/>
  <c r="D4622" i="5"/>
  <c r="D4621" i="5"/>
  <c r="D4620" i="5"/>
  <c r="D4619" i="5"/>
  <c r="D4618" i="5"/>
  <c r="D4617" i="5"/>
  <c r="D4616" i="5"/>
  <c r="D4615" i="5"/>
  <c r="D4614" i="5"/>
  <c r="D4613" i="5"/>
  <c r="D4612" i="5"/>
  <c r="D4611" i="5"/>
  <c r="D4610" i="5"/>
  <c r="D4609" i="5"/>
  <c r="D4608" i="5"/>
  <c r="D4607" i="5"/>
  <c r="D4606" i="5"/>
  <c r="D4605" i="5"/>
  <c r="D4604" i="5"/>
  <c r="D4603" i="5"/>
  <c r="D4602" i="5"/>
  <c r="D4601" i="5"/>
  <c r="D4600" i="5"/>
  <c r="D4599" i="5"/>
  <c r="D4598" i="5"/>
  <c r="D4597" i="5"/>
  <c r="D4596" i="5"/>
  <c r="D4595" i="5"/>
  <c r="D4594" i="5"/>
  <c r="D4593" i="5"/>
  <c r="D4592" i="5"/>
  <c r="D4591" i="5"/>
  <c r="D4590" i="5"/>
  <c r="D4589" i="5"/>
  <c r="D4588" i="5"/>
  <c r="D4587" i="5"/>
  <c r="D4586" i="5"/>
  <c r="D4585" i="5"/>
  <c r="D4584" i="5"/>
  <c r="D4583" i="5"/>
  <c r="D4582" i="5"/>
  <c r="D4581" i="5"/>
  <c r="D4580" i="5"/>
  <c r="D4579" i="5"/>
  <c r="D4578" i="5"/>
  <c r="D4577" i="5"/>
  <c r="D4576" i="5"/>
  <c r="D4575" i="5"/>
  <c r="D4574" i="5"/>
  <c r="D4573" i="5"/>
  <c r="D4572" i="5"/>
  <c r="D4571" i="5"/>
  <c r="D4570" i="5"/>
  <c r="D4569" i="5"/>
  <c r="D4568" i="5"/>
  <c r="D4567" i="5"/>
  <c r="D4566" i="5"/>
  <c r="D4565" i="5"/>
  <c r="D4564" i="5"/>
  <c r="D4563" i="5"/>
  <c r="D4562" i="5"/>
  <c r="D4561" i="5"/>
  <c r="D4560" i="5"/>
  <c r="D4559" i="5"/>
  <c r="D4558" i="5"/>
  <c r="D4557" i="5"/>
  <c r="D4556" i="5"/>
  <c r="D4555" i="5"/>
  <c r="D4554" i="5"/>
  <c r="D4553" i="5"/>
  <c r="D4552" i="5"/>
  <c r="D4551" i="5"/>
  <c r="D4550" i="5"/>
  <c r="D4549" i="5"/>
  <c r="D4548" i="5"/>
  <c r="D4547" i="5"/>
  <c r="D4546" i="5"/>
  <c r="D4545" i="5"/>
  <c r="D4544" i="5"/>
  <c r="D4543" i="5"/>
  <c r="D4542" i="5"/>
  <c r="D4541" i="5"/>
  <c r="D4540" i="5"/>
  <c r="D4539" i="5"/>
  <c r="D4538" i="5"/>
  <c r="D4537" i="5"/>
  <c r="D4536" i="5"/>
  <c r="D4535" i="5"/>
  <c r="D4534" i="5"/>
  <c r="D4533" i="5"/>
  <c r="D4532" i="5"/>
  <c r="D4531" i="5"/>
  <c r="D4530" i="5"/>
  <c r="D4529" i="5"/>
  <c r="D4528" i="5"/>
  <c r="D4527" i="5"/>
  <c r="D4526" i="5"/>
  <c r="D4525" i="5"/>
  <c r="D4524" i="5"/>
  <c r="D4523" i="5"/>
  <c r="D4522" i="5"/>
  <c r="D4521" i="5"/>
  <c r="D4520" i="5"/>
  <c r="D4519" i="5"/>
  <c r="D4518" i="5"/>
  <c r="D4517" i="5"/>
  <c r="D4516" i="5"/>
  <c r="D4515" i="5"/>
  <c r="D4514" i="5"/>
  <c r="D4513" i="5"/>
  <c r="D4512" i="5"/>
  <c r="D4511" i="5"/>
  <c r="D4510" i="5"/>
  <c r="D4509" i="5"/>
  <c r="D4508" i="5"/>
  <c r="D4507" i="5"/>
  <c r="D4506" i="5"/>
  <c r="D4505" i="5"/>
  <c r="D4504" i="5"/>
  <c r="D4503" i="5"/>
  <c r="D4502" i="5"/>
  <c r="D4501" i="5"/>
  <c r="D4500" i="5"/>
  <c r="D4499" i="5"/>
  <c r="D4498" i="5"/>
  <c r="D4497" i="5"/>
  <c r="D4496" i="5"/>
  <c r="D4495" i="5"/>
  <c r="D4494" i="5"/>
  <c r="D4493" i="5"/>
  <c r="D4492" i="5"/>
  <c r="D4491" i="5"/>
  <c r="D4490" i="5"/>
  <c r="D4489" i="5"/>
  <c r="D4488" i="5"/>
  <c r="D4487" i="5"/>
  <c r="D4486" i="5"/>
  <c r="D4485" i="5"/>
  <c r="D4484" i="5"/>
  <c r="D4483" i="5"/>
  <c r="D4482" i="5"/>
  <c r="D4481" i="5"/>
  <c r="D4480" i="5"/>
  <c r="D4479" i="5"/>
  <c r="D4478" i="5"/>
  <c r="D4477" i="5"/>
  <c r="D4476" i="5"/>
  <c r="D4475" i="5"/>
  <c r="D4474" i="5"/>
  <c r="D4473" i="5"/>
  <c r="D4472" i="5"/>
  <c r="D4471" i="5"/>
  <c r="D4470" i="5"/>
  <c r="D4469" i="5"/>
  <c r="D4468" i="5"/>
  <c r="D4467" i="5"/>
  <c r="D4466" i="5"/>
  <c r="D4465" i="5"/>
  <c r="D4464" i="5"/>
  <c r="D4463" i="5"/>
  <c r="D4462" i="5"/>
  <c r="D4461" i="5"/>
  <c r="D4460" i="5"/>
  <c r="D4459" i="5"/>
  <c r="D4458" i="5"/>
  <c r="D4457" i="5"/>
  <c r="D4456" i="5"/>
  <c r="D4455" i="5"/>
  <c r="D4454" i="5"/>
  <c r="D4453" i="5"/>
  <c r="D4452" i="5"/>
  <c r="D4451" i="5"/>
  <c r="D4450" i="5"/>
  <c r="D4449" i="5"/>
  <c r="D4448" i="5"/>
  <c r="D4447" i="5"/>
  <c r="D4446" i="5"/>
  <c r="D4445" i="5"/>
  <c r="D4444" i="5"/>
  <c r="D4443" i="5"/>
  <c r="D4442" i="5"/>
  <c r="D4441" i="5"/>
  <c r="D4440" i="5"/>
  <c r="D4439" i="5"/>
  <c r="D4438" i="5"/>
  <c r="D4437" i="5"/>
  <c r="D4436" i="5"/>
  <c r="D4435" i="5"/>
  <c r="D4434" i="5"/>
  <c r="D4433" i="5"/>
  <c r="D4432" i="5"/>
  <c r="D4431" i="5"/>
  <c r="D4430" i="5"/>
  <c r="D4429" i="5"/>
  <c r="D4428" i="5"/>
  <c r="D4427" i="5"/>
  <c r="D4426" i="5"/>
  <c r="D4425" i="5"/>
  <c r="D4424" i="5"/>
  <c r="D4423" i="5"/>
  <c r="D4422" i="5"/>
  <c r="D4421" i="5"/>
  <c r="D4420" i="5"/>
  <c r="D4419" i="5"/>
  <c r="D4418" i="5"/>
  <c r="D4417" i="5"/>
  <c r="D4416" i="5"/>
  <c r="D4415" i="5"/>
  <c r="D4414" i="5"/>
  <c r="D4413" i="5"/>
  <c r="D4412" i="5"/>
  <c r="D4411" i="5"/>
  <c r="D4410" i="5"/>
  <c r="D4409" i="5"/>
  <c r="D4408" i="5"/>
  <c r="D4407" i="5"/>
  <c r="D4406" i="5"/>
  <c r="D4405" i="5"/>
  <c r="D4404" i="5"/>
  <c r="D4403" i="5"/>
  <c r="D4402" i="5"/>
  <c r="D4401" i="5"/>
  <c r="D4400" i="5"/>
  <c r="D4399" i="5"/>
  <c r="D4398" i="5"/>
  <c r="D4397" i="5"/>
  <c r="D4396" i="5"/>
  <c r="D4395" i="5"/>
  <c r="D4394" i="5"/>
  <c r="D4393" i="5"/>
  <c r="D4392" i="5"/>
  <c r="D4391" i="5"/>
  <c r="D4390" i="5"/>
  <c r="D4389" i="5"/>
  <c r="D4388" i="5"/>
  <c r="D4387" i="5"/>
  <c r="D4386" i="5"/>
  <c r="D4385" i="5"/>
  <c r="D4384" i="5"/>
  <c r="D4383" i="5"/>
  <c r="D4382" i="5"/>
  <c r="D4381" i="5"/>
  <c r="D4380" i="5"/>
  <c r="D4379" i="5"/>
  <c r="D4378" i="5"/>
  <c r="D4377" i="5"/>
  <c r="D4376" i="5"/>
  <c r="D4375" i="5"/>
  <c r="D4374" i="5"/>
  <c r="D4373" i="5"/>
  <c r="D4372" i="5"/>
  <c r="D4371" i="5"/>
  <c r="D4370" i="5"/>
  <c r="D4369" i="5"/>
  <c r="D4368" i="5"/>
  <c r="D4367" i="5"/>
  <c r="D4366" i="5"/>
  <c r="D4365" i="5"/>
  <c r="D4364" i="5"/>
  <c r="D4363" i="5"/>
  <c r="D4362" i="5"/>
  <c r="D4361" i="5"/>
  <c r="D4360" i="5"/>
  <c r="D4359" i="5"/>
  <c r="D4358" i="5"/>
  <c r="D4357" i="5"/>
  <c r="D4356" i="5"/>
  <c r="D4355" i="5"/>
  <c r="D4354" i="5"/>
  <c r="D4353" i="5"/>
  <c r="D4352" i="5"/>
  <c r="D4351" i="5"/>
  <c r="D4350" i="5"/>
  <c r="D4349" i="5"/>
  <c r="D4348" i="5"/>
  <c r="D4347" i="5"/>
  <c r="D4346" i="5"/>
  <c r="D4345" i="5"/>
  <c r="D4344" i="5"/>
  <c r="D4343" i="5"/>
  <c r="D4342" i="5"/>
  <c r="D4341" i="5"/>
  <c r="D4340" i="5"/>
  <c r="D4339" i="5"/>
  <c r="D4338" i="5"/>
  <c r="D4337" i="5"/>
  <c r="D4336" i="5"/>
  <c r="D4335" i="5"/>
  <c r="D4334" i="5"/>
  <c r="D4333" i="5"/>
  <c r="D4332" i="5"/>
  <c r="D4331" i="5"/>
  <c r="D4330" i="5"/>
  <c r="D4329" i="5"/>
  <c r="D4328" i="5"/>
  <c r="D4327" i="5"/>
  <c r="D4326" i="5"/>
  <c r="D4325" i="5"/>
  <c r="D4324" i="5"/>
  <c r="D4323" i="5"/>
  <c r="D4322" i="5"/>
  <c r="D4321" i="5"/>
  <c r="D4320" i="5"/>
  <c r="D4319" i="5"/>
  <c r="D4318" i="5"/>
  <c r="D4317" i="5"/>
  <c r="D4316" i="5"/>
  <c r="D4315" i="5"/>
  <c r="D4314" i="5"/>
  <c r="D4313" i="5"/>
  <c r="D4312" i="5"/>
  <c r="D4311" i="5"/>
  <c r="D4310" i="5"/>
  <c r="D4309" i="5"/>
  <c r="D4308" i="5"/>
  <c r="D4307" i="5"/>
  <c r="D4306" i="5"/>
  <c r="D4305" i="5"/>
  <c r="D4304" i="5"/>
  <c r="D4303" i="5"/>
  <c r="D4302" i="5"/>
  <c r="D4301" i="5"/>
  <c r="D4300" i="5"/>
  <c r="D4299" i="5"/>
  <c r="D4298" i="5"/>
  <c r="D4297" i="5"/>
  <c r="D4296" i="5"/>
  <c r="D4295" i="5"/>
  <c r="D4294" i="5"/>
  <c r="D4293" i="5"/>
  <c r="D4292" i="5"/>
  <c r="D4291" i="5"/>
  <c r="D4290" i="5"/>
  <c r="D4289" i="5"/>
  <c r="D4288" i="5"/>
  <c r="D4287" i="5"/>
  <c r="D4286" i="5"/>
  <c r="D4285" i="5"/>
  <c r="D4284" i="5"/>
  <c r="D4283" i="5"/>
  <c r="D4282" i="5"/>
  <c r="D4281" i="5"/>
  <c r="D4280" i="5"/>
  <c r="D4279" i="5"/>
  <c r="D4278" i="5"/>
  <c r="D4277" i="5"/>
  <c r="D4276" i="5"/>
  <c r="D4275" i="5"/>
  <c r="D4274" i="5"/>
  <c r="D4273" i="5"/>
  <c r="D4272" i="5"/>
  <c r="D4271" i="5"/>
  <c r="D4270" i="5"/>
  <c r="D4269" i="5"/>
  <c r="D4268" i="5"/>
  <c r="D4267" i="5"/>
  <c r="D4266" i="5"/>
  <c r="D4265" i="5"/>
  <c r="D4264" i="5"/>
  <c r="D4263" i="5"/>
  <c r="D4262" i="5"/>
  <c r="D4261" i="5"/>
  <c r="D4260" i="5"/>
  <c r="D4259" i="5"/>
  <c r="D4258" i="5"/>
  <c r="D4257" i="5"/>
  <c r="D4256" i="5"/>
  <c r="D4255" i="5"/>
  <c r="D4254" i="5"/>
  <c r="D4253" i="5"/>
  <c r="D4252" i="5"/>
  <c r="D4251" i="5"/>
  <c r="D4250" i="5"/>
  <c r="D4249" i="5"/>
  <c r="D4248" i="5"/>
  <c r="D4247" i="5"/>
  <c r="D4246" i="5"/>
  <c r="D4245" i="5"/>
  <c r="D4244" i="5"/>
  <c r="D4243" i="5"/>
  <c r="D4242" i="5"/>
  <c r="D4241" i="5"/>
  <c r="D4240" i="5"/>
  <c r="D4239" i="5"/>
  <c r="D4238" i="5"/>
  <c r="D4237" i="5"/>
  <c r="D4236" i="5"/>
  <c r="D4235" i="5"/>
  <c r="D4234" i="5"/>
  <c r="D4233" i="5"/>
  <c r="D4232" i="5"/>
  <c r="D4231" i="5"/>
  <c r="D4230" i="5"/>
  <c r="D4229" i="5"/>
  <c r="D4228" i="5"/>
  <c r="D4227" i="5"/>
  <c r="D4226" i="5"/>
  <c r="D4225" i="5"/>
  <c r="D4224" i="5"/>
  <c r="D4223" i="5"/>
  <c r="D4222" i="5"/>
  <c r="D4221" i="5"/>
  <c r="D4220" i="5"/>
  <c r="D4219" i="5"/>
  <c r="D4218" i="5"/>
  <c r="D4217" i="5"/>
  <c r="D4216" i="5"/>
  <c r="D4215" i="5"/>
  <c r="D4214" i="5"/>
  <c r="D4213" i="5"/>
  <c r="D4212" i="5"/>
  <c r="D4211" i="5"/>
  <c r="D4210" i="5"/>
  <c r="D4209" i="5"/>
  <c r="D4208" i="5"/>
  <c r="D4207" i="5"/>
  <c r="D4206" i="5"/>
  <c r="D4205" i="5"/>
  <c r="D4204" i="5"/>
  <c r="D4203" i="5"/>
  <c r="D4202" i="5"/>
  <c r="D4201" i="5"/>
  <c r="D4200" i="5"/>
  <c r="D4199" i="5"/>
  <c r="D4198" i="5"/>
  <c r="D4197" i="5"/>
  <c r="D4196" i="5"/>
  <c r="D4195" i="5"/>
  <c r="D4194" i="5"/>
  <c r="D4193" i="5"/>
  <c r="D4192" i="5"/>
  <c r="D4191" i="5"/>
  <c r="D4190" i="5"/>
  <c r="D4189" i="5"/>
  <c r="D4188" i="5"/>
  <c r="D4187" i="5"/>
  <c r="D4186" i="5"/>
  <c r="D4185" i="5"/>
  <c r="D4184" i="5"/>
  <c r="D4183" i="5"/>
  <c r="D4182" i="5"/>
  <c r="D4181" i="5"/>
  <c r="D4180" i="5"/>
  <c r="D4179" i="5"/>
  <c r="D4178" i="5"/>
  <c r="D4177" i="5"/>
  <c r="D4176" i="5"/>
  <c r="D4175" i="5"/>
  <c r="D4174" i="5"/>
  <c r="D4173" i="5"/>
  <c r="D4172" i="5"/>
  <c r="D4171" i="5"/>
  <c r="D4170" i="5"/>
  <c r="D4169" i="5"/>
  <c r="D4168" i="5"/>
  <c r="D4167" i="5"/>
  <c r="D4166" i="5"/>
  <c r="D4165" i="5"/>
  <c r="D4164" i="5"/>
  <c r="D4163" i="5"/>
  <c r="D4162" i="5"/>
  <c r="D4161" i="5"/>
  <c r="D4160" i="5"/>
  <c r="D4159" i="5"/>
  <c r="D4158" i="5"/>
  <c r="D4157" i="5"/>
  <c r="D4156" i="5"/>
  <c r="D4155" i="5"/>
  <c r="D4154" i="5"/>
  <c r="D4153" i="5"/>
  <c r="D4152" i="5"/>
  <c r="D4151" i="5"/>
  <c r="D4150" i="5"/>
  <c r="D4149" i="5"/>
  <c r="D4148" i="5"/>
  <c r="D4147" i="5"/>
  <c r="D4146" i="5"/>
  <c r="D4145" i="5"/>
  <c r="D4144" i="5"/>
  <c r="D4143" i="5"/>
  <c r="D4142" i="5"/>
  <c r="D4141" i="5"/>
  <c r="D4140" i="5"/>
  <c r="D4139" i="5"/>
  <c r="D4138" i="5"/>
  <c r="D4137" i="5"/>
  <c r="D4136" i="5"/>
  <c r="D4135" i="5"/>
  <c r="D4134" i="5"/>
  <c r="D4133" i="5"/>
  <c r="D4132" i="5"/>
  <c r="D4131" i="5"/>
  <c r="D4130" i="5"/>
  <c r="D4129" i="5"/>
  <c r="D4128" i="5"/>
  <c r="D4127" i="5"/>
  <c r="D4126" i="5"/>
  <c r="D4125" i="5"/>
  <c r="D4124" i="5"/>
  <c r="D4123" i="5"/>
  <c r="D4122" i="5"/>
  <c r="D4121" i="5"/>
  <c r="D4120" i="5"/>
  <c r="D4119" i="5"/>
  <c r="D4118" i="5"/>
  <c r="D4117" i="5"/>
  <c r="D4116" i="5"/>
  <c r="D4115" i="5"/>
  <c r="D4114" i="5"/>
  <c r="D4113" i="5"/>
  <c r="D4112" i="5"/>
  <c r="D4111" i="5"/>
  <c r="D4110" i="5"/>
  <c r="D4109" i="5"/>
  <c r="D4108" i="5"/>
  <c r="D4107" i="5"/>
  <c r="D4106" i="5"/>
  <c r="D4105" i="5"/>
  <c r="D4104" i="5"/>
  <c r="D4103" i="5"/>
  <c r="D4102" i="5"/>
  <c r="D4101" i="5"/>
  <c r="D4100" i="5"/>
  <c r="D4099" i="5"/>
  <c r="D4098" i="5"/>
  <c r="D4097" i="5"/>
  <c r="D4096" i="5"/>
  <c r="D4095" i="5"/>
  <c r="D4094" i="5"/>
  <c r="D4093" i="5"/>
  <c r="D4092" i="5"/>
  <c r="D4091" i="5"/>
  <c r="D4090" i="5"/>
  <c r="D4089" i="5"/>
  <c r="D4088" i="5"/>
  <c r="D4087" i="5"/>
  <c r="D4086" i="5"/>
  <c r="D4085" i="5"/>
  <c r="D4084" i="5"/>
  <c r="D4083" i="5"/>
  <c r="D4082" i="5"/>
  <c r="D4081" i="5"/>
  <c r="D4080" i="5"/>
  <c r="D4079" i="5"/>
  <c r="D4078" i="5"/>
  <c r="D4077" i="5"/>
  <c r="D4076" i="5"/>
  <c r="D4075" i="5"/>
  <c r="D4074" i="5"/>
  <c r="D4073" i="5"/>
  <c r="D4072" i="5"/>
  <c r="D4071" i="5"/>
  <c r="D4070" i="5"/>
  <c r="D4069" i="5"/>
  <c r="D4068" i="5"/>
  <c r="D4067" i="5"/>
  <c r="D4066" i="5"/>
  <c r="D4065" i="5"/>
  <c r="D4064" i="5"/>
  <c r="D4063" i="5"/>
  <c r="D4062" i="5"/>
  <c r="D4061" i="5"/>
  <c r="D4060" i="5"/>
  <c r="D4059" i="5"/>
  <c r="D4058" i="5"/>
  <c r="D4057" i="5"/>
  <c r="D4056" i="5"/>
  <c r="D4055" i="5"/>
  <c r="D4054" i="5"/>
  <c r="D4053" i="5"/>
  <c r="D4052" i="5"/>
  <c r="D4051" i="5"/>
  <c r="D4050" i="5"/>
  <c r="D4049" i="5"/>
  <c r="D4048" i="5"/>
  <c r="D4047" i="5"/>
  <c r="D4046" i="5"/>
  <c r="D4045" i="5"/>
  <c r="D4044" i="5"/>
  <c r="D4043" i="5"/>
  <c r="D4042" i="5"/>
  <c r="D4041" i="5"/>
  <c r="D4040" i="5"/>
  <c r="D4039" i="5"/>
  <c r="D4038" i="5"/>
  <c r="D4037" i="5"/>
  <c r="D4036" i="5"/>
  <c r="D4035" i="5"/>
  <c r="D4034" i="5"/>
  <c r="D4033" i="5"/>
  <c r="D4032" i="5"/>
  <c r="D4031" i="5"/>
  <c r="D4030" i="5"/>
  <c r="D4029" i="5"/>
  <c r="D4028" i="5"/>
  <c r="D4027" i="5"/>
  <c r="D4026" i="5"/>
  <c r="D4025" i="5"/>
  <c r="D4024" i="5"/>
  <c r="D4023" i="5"/>
  <c r="D4022" i="5"/>
  <c r="D4021" i="5"/>
  <c r="D4020" i="5"/>
  <c r="D4019" i="5"/>
  <c r="D4018" i="5"/>
  <c r="D4017" i="5"/>
  <c r="D4016" i="5"/>
  <c r="D4015" i="5"/>
  <c r="D4014" i="5"/>
  <c r="D4013" i="5"/>
  <c r="D4012" i="5"/>
  <c r="D4011" i="5"/>
  <c r="D4010" i="5"/>
  <c r="D4009" i="5"/>
  <c r="D4008" i="5"/>
  <c r="D4007" i="5"/>
  <c r="D4006" i="5"/>
  <c r="D4005" i="5"/>
  <c r="D4004" i="5"/>
  <c r="D4003" i="5"/>
  <c r="D4002" i="5"/>
  <c r="D4001" i="5"/>
  <c r="D4000" i="5"/>
  <c r="D3999" i="5"/>
  <c r="D3998" i="5"/>
  <c r="D3997" i="5"/>
  <c r="D3996" i="5"/>
  <c r="D3995" i="5"/>
  <c r="D3994" i="5"/>
  <c r="D3993" i="5"/>
  <c r="D3992" i="5"/>
  <c r="D3991" i="5"/>
  <c r="D3990" i="5"/>
  <c r="D3989" i="5"/>
  <c r="D3988" i="5"/>
  <c r="D3987" i="5"/>
  <c r="D3986" i="5"/>
  <c r="D3985" i="5"/>
  <c r="D3984" i="5"/>
  <c r="D3983" i="5"/>
  <c r="D3982" i="5"/>
  <c r="D3981" i="5"/>
  <c r="D3980" i="5"/>
  <c r="D3979" i="5"/>
  <c r="D3978" i="5"/>
  <c r="D3977" i="5"/>
  <c r="D3976" i="5"/>
  <c r="D3975" i="5"/>
  <c r="D3974" i="5"/>
  <c r="D3973" i="5"/>
  <c r="D3972" i="5"/>
  <c r="D3971" i="5"/>
  <c r="D3970" i="5"/>
  <c r="D3969" i="5"/>
  <c r="D3968" i="5"/>
  <c r="D3967" i="5"/>
  <c r="D3966" i="5"/>
  <c r="D3965" i="5"/>
  <c r="D3964" i="5"/>
  <c r="D3963" i="5"/>
  <c r="D3962" i="5"/>
  <c r="D3961" i="5"/>
  <c r="D3960" i="5"/>
  <c r="D3959" i="5"/>
  <c r="D3958" i="5"/>
  <c r="D3957" i="5"/>
  <c r="D3956" i="5"/>
  <c r="D3955" i="5"/>
  <c r="D3954" i="5"/>
  <c r="D3953" i="5"/>
  <c r="D3952" i="5"/>
  <c r="D3951" i="5"/>
  <c r="D3950" i="5"/>
  <c r="D3949" i="5"/>
  <c r="D3948" i="5"/>
  <c r="D3947" i="5"/>
  <c r="D3946" i="5"/>
  <c r="D3945" i="5"/>
  <c r="D3944" i="5"/>
  <c r="D3943" i="5"/>
  <c r="D3942" i="5"/>
  <c r="D3941" i="5"/>
  <c r="D3940" i="5"/>
  <c r="D3939" i="5"/>
  <c r="D3938" i="5"/>
  <c r="D3937" i="5"/>
  <c r="D3936" i="5"/>
  <c r="D3935" i="5"/>
  <c r="D3934" i="5"/>
  <c r="D3933" i="5"/>
  <c r="D3932" i="5"/>
  <c r="D3931" i="5"/>
  <c r="D3930" i="5"/>
  <c r="D3929" i="5"/>
  <c r="D3928" i="5"/>
  <c r="D3927" i="5"/>
  <c r="D3926" i="5"/>
  <c r="D3925" i="5"/>
  <c r="D3924" i="5"/>
  <c r="D3923" i="5"/>
  <c r="D3922" i="5"/>
  <c r="D3921" i="5"/>
  <c r="D3920" i="5"/>
  <c r="D3919" i="5"/>
  <c r="D3918" i="5"/>
  <c r="D3917" i="5"/>
  <c r="D3916" i="5"/>
  <c r="D3915" i="5"/>
  <c r="D3914" i="5"/>
  <c r="D3913" i="5"/>
  <c r="D3912" i="5"/>
  <c r="D3911" i="5"/>
  <c r="D3910" i="5"/>
  <c r="D3909" i="5"/>
  <c r="D3908" i="5"/>
  <c r="D3907" i="5"/>
  <c r="D3906" i="5"/>
  <c r="D3905" i="5"/>
  <c r="D3904" i="5"/>
  <c r="D3903" i="5"/>
  <c r="D3902" i="5"/>
  <c r="D3901" i="5"/>
  <c r="D3900" i="5"/>
  <c r="D3899" i="5"/>
  <c r="D3898" i="5"/>
  <c r="D3897" i="5"/>
  <c r="D3896" i="5"/>
  <c r="D3895" i="5"/>
  <c r="D3894" i="5"/>
  <c r="D3893" i="5"/>
  <c r="D3892" i="5"/>
  <c r="D3891" i="5"/>
  <c r="D3890" i="5"/>
  <c r="D3889" i="5"/>
  <c r="D3888" i="5"/>
  <c r="D3887" i="5"/>
  <c r="D3886" i="5"/>
  <c r="D3885" i="5"/>
  <c r="D3884" i="5"/>
  <c r="D3883" i="5"/>
  <c r="D3882" i="5"/>
  <c r="D3881" i="5"/>
  <c r="D3880" i="5"/>
  <c r="D3879" i="5"/>
  <c r="D3878" i="5"/>
  <c r="D3877" i="5"/>
  <c r="D3876" i="5"/>
  <c r="D3875" i="5"/>
  <c r="D3874" i="5"/>
  <c r="D3873" i="5"/>
  <c r="D3872" i="5"/>
  <c r="D3871" i="5"/>
  <c r="D3870" i="5"/>
  <c r="D3869" i="5"/>
  <c r="D3868" i="5"/>
  <c r="D3867" i="5"/>
  <c r="D3866" i="5"/>
  <c r="D3865" i="5"/>
  <c r="D3864" i="5"/>
  <c r="D3863" i="5"/>
  <c r="D3862" i="5"/>
  <c r="D3861" i="5"/>
  <c r="D3860" i="5"/>
  <c r="D3859" i="5"/>
  <c r="D3858" i="5"/>
  <c r="D3857" i="5"/>
  <c r="D3856" i="5"/>
  <c r="D3855" i="5"/>
  <c r="D3854" i="5"/>
  <c r="D3853" i="5"/>
  <c r="D3852" i="5"/>
  <c r="D3851" i="5"/>
  <c r="D3850" i="5"/>
  <c r="D3849" i="5"/>
  <c r="D3848" i="5"/>
  <c r="D3847" i="5"/>
  <c r="D3846" i="5"/>
  <c r="D3845" i="5"/>
  <c r="D3844" i="5"/>
  <c r="D3843" i="5"/>
  <c r="D3842" i="5"/>
  <c r="D3841" i="5"/>
  <c r="D3840" i="5"/>
  <c r="D3839" i="5"/>
  <c r="D3838" i="5"/>
  <c r="D3837" i="5"/>
  <c r="D3836" i="5"/>
  <c r="D3835" i="5"/>
  <c r="D3834" i="5"/>
  <c r="D3833" i="5"/>
  <c r="D3832" i="5"/>
  <c r="D3831" i="5"/>
  <c r="D3830" i="5"/>
  <c r="D3829" i="5"/>
  <c r="D3828" i="5"/>
  <c r="D3827" i="5"/>
  <c r="D3826" i="5"/>
  <c r="D3825" i="5"/>
  <c r="D3824" i="5"/>
  <c r="D3823" i="5"/>
  <c r="D3822" i="5"/>
  <c r="D3821" i="5"/>
  <c r="D3820" i="5"/>
  <c r="D3819" i="5"/>
  <c r="D3818" i="5"/>
  <c r="D3817" i="5"/>
  <c r="D3816" i="5"/>
  <c r="D3815" i="5"/>
  <c r="D3814" i="5"/>
  <c r="D3813" i="5"/>
  <c r="D3812" i="5"/>
  <c r="D3811" i="5"/>
  <c r="D3810" i="5"/>
  <c r="D3809" i="5"/>
  <c r="D3808" i="5"/>
  <c r="D3807" i="5"/>
  <c r="D3806" i="5"/>
  <c r="D3805" i="5"/>
  <c r="D3804" i="5"/>
  <c r="D3803" i="5"/>
  <c r="D3802" i="5"/>
  <c r="D3801" i="5"/>
  <c r="D3800" i="5"/>
  <c r="D3799" i="5"/>
  <c r="D3798" i="5"/>
  <c r="D3797" i="5"/>
  <c r="D3796" i="5"/>
  <c r="D3795" i="5"/>
  <c r="D3794" i="5"/>
  <c r="D3793" i="5"/>
  <c r="D3792" i="5"/>
  <c r="D3791" i="5"/>
  <c r="D3790" i="5"/>
  <c r="D3789" i="5"/>
  <c r="D3788" i="5"/>
  <c r="D3787" i="5"/>
  <c r="D3786" i="5"/>
  <c r="D3785" i="5"/>
  <c r="D3784" i="5"/>
  <c r="D3783" i="5"/>
  <c r="D3782" i="5"/>
  <c r="D3781" i="5"/>
  <c r="D3780" i="5"/>
  <c r="D3779" i="5"/>
  <c r="D3778" i="5"/>
  <c r="D3777" i="5"/>
  <c r="D3776" i="5"/>
  <c r="D3775" i="5"/>
  <c r="D3774" i="5"/>
  <c r="D3773" i="5"/>
  <c r="D3772" i="5"/>
  <c r="D3771" i="5"/>
  <c r="D3770" i="5"/>
  <c r="D3769" i="5"/>
  <c r="D3768" i="5"/>
  <c r="D3767" i="5"/>
  <c r="D3766" i="5"/>
  <c r="D3765" i="5"/>
  <c r="D3764" i="5"/>
  <c r="D3763" i="5"/>
  <c r="D3762" i="5"/>
  <c r="D3761" i="5"/>
  <c r="D3760" i="5"/>
  <c r="D3759" i="5"/>
  <c r="D3758" i="5"/>
  <c r="D3757" i="5"/>
  <c r="D3756" i="5"/>
  <c r="D3755" i="5"/>
  <c r="D3754" i="5"/>
  <c r="D3753" i="5"/>
  <c r="D3752" i="5"/>
  <c r="D3751" i="5"/>
  <c r="D3750" i="5"/>
  <c r="D3749" i="5"/>
  <c r="D3748" i="5"/>
  <c r="D3747" i="5"/>
  <c r="D3746" i="5"/>
  <c r="D3745" i="5"/>
  <c r="D3744" i="5"/>
  <c r="D3743" i="5"/>
  <c r="D3742" i="5"/>
  <c r="D3741" i="5"/>
  <c r="D3740" i="5"/>
  <c r="D3739" i="5"/>
  <c r="D3738" i="5"/>
  <c r="D3737" i="5"/>
  <c r="D3736" i="5"/>
  <c r="D3735" i="5"/>
  <c r="D3734" i="5"/>
  <c r="D3733" i="5"/>
  <c r="D3732" i="5"/>
  <c r="D3731" i="5"/>
  <c r="D3730" i="5"/>
  <c r="D3729" i="5"/>
  <c r="D3728" i="5"/>
  <c r="D3727" i="5"/>
  <c r="D3726" i="5"/>
  <c r="D3725" i="5"/>
  <c r="D3724" i="5"/>
  <c r="D3723" i="5"/>
  <c r="D3722" i="5"/>
  <c r="D3721" i="5"/>
  <c r="D3720" i="5"/>
  <c r="D3719" i="5"/>
  <c r="D3718" i="5"/>
  <c r="D3717" i="5"/>
  <c r="D3716" i="5"/>
  <c r="D3715" i="5"/>
  <c r="D3714" i="5"/>
  <c r="D3713" i="5"/>
  <c r="D3712" i="5"/>
  <c r="D3711" i="5"/>
  <c r="D3710" i="5"/>
  <c r="D3709" i="5"/>
  <c r="D3708" i="5"/>
  <c r="D3707" i="5"/>
  <c r="D3706" i="5"/>
  <c r="D3705" i="5"/>
  <c r="D3704" i="5"/>
  <c r="D3703" i="5"/>
  <c r="D3702" i="5"/>
  <c r="D3701" i="5"/>
  <c r="D3700" i="5"/>
  <c r="D3699" i="5"/>
  <c r="D3698" i="5"/>
  <c r="D3697" i="5"/>
  <c r="D3696" i="5"/>
  <c r="D3695" i="5"/>
  <c r="D3694" i="5"/>
  <c r="D3693" i="5"/>
  <c r="D3692" i="5"/>
  <c r="D3691" i="5"/>
  <c r="D3690" i="5"/>
  <c r="D3689" i="5"/>
  <c r="D3688" i="5"/>
  <c r="D3687" i="5"/>
  <c r="D3686" i="5"/>
  <c r="D3685" i="5"/>
  <c r="D3684" i="5"/>
  <c r="D3683" i="5"/>
  <c r="D3682" i="5"/>
  <c r="D3681" i="5"/>
  <c r="D3680" i="5"/>
  <c r="D3679" i="5"/>
  <c r="D3678" i="5"/>
  <c r="D3677" i="5"/>
  <c r="D3676" i="5"/>
  <c r="D3675" i="5"/>
  <c r="D3674" i="5"/>
  <c r="D3673" i="5"/>
  <c r="D3672" i="5"/>
  <c r="D3671" i="5"/>
  <c r="D3670" i="5"/>
  <c r="D3669" i="5"/>
  <c r="D3668" i="5"/>
  <c r="D3667" i="5"/>
  <c r="D3666" i="5"/>
  <c r="D3665" i="5"/>
  <c r="D3664" i="5"/>
  <c r="D3663" i="5"/>
  <c r="D3662" i="5"/>
  <c r="D3661" i="5"/>
  <c r="D3660" i="5"/>
  <c r="D3659" i="5"/>
  <c r="D3658" i="5"/>
  <c r="D3657" i="5"/>
  <c r="D3656" i="5"/>
  <c r="D3655" i="5"/>
  <c r="D3654" i="5"/>
  <c r="D3653" i="5"/>
  <c r="D3652" i="5"/>
  <c r="D3651" i="5"/>
  <c r="D3650" i="5"/>
  <c r="D3649" i="5"/>
  <c r="D3648" i="5"/>
  <c r="D3647" i="5"/>
  <c r="D3646" i="5"/>
  <c r="D3645" i="5"/>
  <c r="D3644" i="5"/>
  <c r="D3643" i="5"/>
  <c r="D3642" i="5"/>
  <c r="D3641" i="5"/>
  <c r="D3640" i="5"/>
  <c r="D3639" i="5"/>
  <c r="D3638" i="5"/>
  <c r="D3637" i="5"/>
  <c r="D3636" i="5"/>
  <c r="D3635" i="5"/>
  <c r="D3634" i="5"/>
  <c r="D3633" i="5"/>
  <c r="D3632" i="5"/>
  <c r="D3631" i="5"/>
  <c r="D3630" i="5"/>
  <c r="D3629" i="5"/>
  <c r="D3628" i="5"/>
  <c r="D3627" i="5"/>
  <c r="D3626" i="5"/>
  <c r="D3625" i="5"/>
  <c r="D3624" i="5"/>
  <c r="D3623" i="5"/>
  <c r="D3622" i="5"/>
  <c r="D3621" i="5"/>
  <c r="D3620" i="5"/>
  <c r="D3619" i="5"/>
  <c r="D3618" i="5"/>
  <c r="D3617" i="5"/>
  <c r="D3616" i="5"/>
  <c r="D3615" i="5"/>
  <c r="D3614" i="5"/>
  <c r="D3613" i="5"/>
  <c r="D3612" i="5"/>
  <c r="D3611" i="5"/>
  <c r="D3610" i="5"/>
  <c r="D3609" i="5"/>
  <c r="D3608" i="5"/>
  <c r="D3607" i="5"/>
  <c r="D3606" i="5"/>
  <c r="D3605" i="5"/>
  <c r="D3604" i="5"/>
  <c r="D3603" i="5"/>
  <c r="D3602" i="5"/>
  <c r="D3601" i="5"/>
  <c r="D3600" i="5"/>
  <c r="D3599" i="5"/>
  <c r="D3598" i="5"/>
  <c r="D3597" i="5"/>
  <c r="D3596" i="5"/>
  <c r="D3595" i="5"/>
  <c r="D3594" i="5"/>
  <c r="D3593" i="5"/>
  <c r="D3592" i="5"/>
  <c r="D3591" i="5"/>
  <c r="D3590" i="5"/>
  <c r="D3589" i="5"/>
  <c r="D3588" i="5"/>
  <c r="D3587" i="5"/>
  <c r="D3586" i="5"/>
  <c r="D3585" i="5"/>
  <c r="D3584" i="5"/>
  <c r="D3583" i="5"/>
  <c r="D3582" i="5"/>
  <c r="D3581" i="5"/>
  <c r="D3580" i="5"/>
  <c r="D3579" i="5"/>
  <c r="D3578" i="5"/>
  <c r="D3577" i="5"/>
  <c r="D3576" i="5"/>
  <c r="D3575" i="5"/>
  <c r="D3574" i="5"/>
  <c r="D3573" i="5"/>
  <c r="D3572" i="5"/>
  <c r="D3571" i="5"/>
  <c r="D3570" i="5"/>
  <c r="D3569" i="5"/>
  <c r="D3568" i="5"/>
  <c r="D3567" i="5"/>
  <c r="D3566" i="5"/>
  <c r="D3565" i="5"/>
  <c r="D3564" i="5"/>
  <c r="D3563" i="5"/>
  <c r="D3562" i="5"/>
  <c r="D3561" i="5"/>
  <c r="D3560" i="5"/>
  <c r="D3559" i="5"/>
  <c r="D3558" i="5"/>
  <c r="D3557" i="5"/>
  <c r="D3556" i="5"/>
  <c r="D3555" i="5"/>
  <c r="D3554" i="5"/>
  <c r="D3553" i="5"/>
  <c r="D3552" i="5"/>
  <c r="D3551" i="5"/>
  <c r="D3550" i="5"/>
  <c r="D3549" i="5"/>
  <c r="D3548" i="5"/>
  <c r="D3547" i="5"/>
  <c r="D3546" i="5"/>
  <c r="D3545" i="5"/>
  <c r="D3544" i="5"/>
  <c r="D3543" i="5"/>
  <c r="D3542" i="5"/>
  <c r="D3541" i="5"/>
  <c r="D3540" i="5"/>
  <c r="D3539" i="5"/>
  <c r="D3538" i="5"/>
  <c r="D3537" i="5"/>
  <c r="D3536" i="5"/>
  <c r="D3535" i="5"/>
  <c r="D3534" i="5"/>
  <c r="D3533" i="5"/>
  <c r="D3532" i="5"/>
  <c r="D3531" i="5"/>
  <c r="D3530" i="5"/>
  <c r="D3529" i="5"/>
  <c r="D3528" i="5"/>
  <c r="D3527" i="5"/>
  <c r="D3526" i="5"/>
  <c r="D3525" i="5"/>
  <c r="D3524" i="5"/>
  <c r="D3523" i="5"/>
  <c r="D3522" i="5"/>
  <c r="D3521" i="5"/>
  <c r="D3520" i="5"/>
  <c r="D3519" i="5"/>
  <c r="D3518" i="5"/>
  <c r="D3517" i="5"/>
  <c r="D3516" i="5"/>
  <c r="D3515" i="5"/>
  <c r="D3514" i="5"/>
  <c r="D3513" i="5"/>
  <c r="D3512" i="5"/>
  <c r="D3511" i="5"/>
  <c r="D3510" i="5"/>
  <c r="D3509" i="5"/>
  <c r="D3508" i="5"/>
  <c r="D3507" i="5"/>
  <c r="D3506" i="5"/>
  <c r="D3505" i="5"/>
  <c r="D3504" i="5"/>
  <c r="D3503" i="5"/>
  <c r="D3502" i="5"/>
  <c r="D3501" i="5"/>
  <c r="D3500" i="5"/>
  <c r="D3499" i="5"/>
  <c r="D3498" i="5"/>
  <c r="D3497" i="5"/>
  <c r="D3496" i="5"/>
  <c r="D3495" i="5"/>
  <c r="D3494" i="5"/>
  <c r="D3493" i="5"/>
  <c r="D3492" i="5"/>
  <c r="D3491" i="5"/>
  <c r="D3490" i="5"/>
  <c r="D3489" i="5"/>
  <c r="D3488" i="5"/>
  <c r="D3487" i="5"/>
  <c r="D3486" i="5"/>
  <c r="D3485" i="5"/>
  <c r="D3484" i="5"/>
  <c r="D3483" i="5"/>
  <c r="D3482" i="5"/>
  <c r="D3481" i="5"/>
  <c r="D3480" i="5"/>
  <c r="D3479" i="5"/>
  <c r="D3478" i="5"/>
  <c r="D3477" i="5"/>
  <c r="D3476" i="5"/>
  <c r="D3475" i="5"/>
  <c r="D3474" i="5"/>
  <c r="D3473" i="5"/>
  <c r="D3472" i="5"/>
  <c r="D3471" i="5"/>
  <c r="D3470" i="5"/>
  <c r="D3469" i="5"/>
  <c r="D3468" i="5"/>
  <c r="D3467" i="5"/>
  <c r="D3466" i="5"/>
  <c r="D3465" i="5"/>
  <c r="D3464" i="5"/>
  <c r="D3463" i="5"/>
  <c r="D3462" i="5"/>
  <c r="D3461" i="5"/>
  <c r="D3460" i="5"/>
  <c r="D3459" i="5"/>
  <c r="D3458" i="5"/>
  <c r="D3457" i="5"/>
  <c r="D3456" i="5"/>
  <c r="D3455" i="5"/>
  <c r="D3454" i="5"/>
  <c r="D3453" i="5"/>
  <c r="D3452" i="5"/>
  <c r="D3451" i="5"/>
  <c r="D3450" i="5"/>
  <c r="D3449" i="5"/>
  <c r="D3448" i="5"/>
  <c r="D3447" i="5"/>
  <c r="D3446" i="5"/>
  <c r="D3445" i="5"/>
  <c r="D3444" i="5"/>
  <c r="D3443" i="5"/>
  <c r="D3442" i="5"/>
  <c r="D3441" i="5"/>
  <c r="D3440" i="5"/>
  <c r="D3439" i="5"/>
  <c r="D3438" i="5"/>
  <c r="D3437" i="5"/>
  <c r="D3436" i="5"/>
  <c r="D3435" i="5"/>
  <c r="D3434" i="5"/>
  <c r="D3433" i="5"/>
  <c r="D3432" i="5"/>
  <c r="D3431" i="5"/>
  <c r="D3430" i="5"/>
  <c r="D3429" i="5"/>
  <c r="D3428" i="5"/>
  <c r="D3427" i="5"/>
  <c r="D3426" i="5"/>
  <c r="D3425" i="5"/>
  <c r="D3424" i="5"/>
  <c r="D3423" i="5"/>
  <c r="D3422" i="5"/>
  <c r="D3421" i="5"/>
  <c r="D3420" i="5"/>
  <c r="D3419" i="5"/>
  <c r="D3418" i="5"/>
  <c r="D3417" i="5"/>
  <c r="D3416" i="5"/>
  <c r="D3415" i="5"/>
  <c r="D3414" i="5"/>
  <c r="D3413" i="5"/>
  <c r="D3412" i="5"/>
  <c r="D3411" i="5"/>
  <c r="D3410" i="5"/>
  <c r="D3409" i="5"/>
  <c r="D3408" i="5"/>
  <c r="D3407" i="5"/>
  <c r="D3406" i="5"/>
  <c r="D3405" i="5"/>
  <c r="D3404" i="5"/>
  <c r="D3403" i="5"/>
  <c r="D3402" i="5"/>
  <c r="D3401" i="5"/>
  <c r="D3400" i="5"/>
  <c r="D3399" i="5"/>
  <c r="D3398" i="5"/>
  <c r="D3397" i="5"/>
  <c r="D3396" i="5"/>
  <c r="D3395" i="5"/>
  <c r="D3394" i="5"/>
  <c r="D3393" i="5"/>
  <c r="D3392" i="5"/>
  <c r="D3391" i="5"/>
  <c r="D3390" i="5"/>
  <c r="D3389" i="5"/>
  <c r="D3388" i="5"/>
  <c r="D3387" i="5"/>
  <c r="D3386" i="5"/>
  <c r="D3385" i="5"/>
  <c r="D3384" i="5"/>
  <c r="D3383" i="5"/>
  <c r="D3382" i="5"/>
  <c r="D3381" i="5"/>
  <c r="D3380" i="5"/>
  <c r="D3379" i="5"/>
  <c r="D3378" i="5"/>
  <c r="D3377" i="5"/>
  <c r="D3376" i="5"/>
  <c r="D3375" i="5"/>
  <c r="D3374" i="5"/>
  <c r="D3373" i="5"/>
  <c r="D3372" i="5"/>
  <c r="D3371" i="5"/>
  <c r="D3370" i="5"/>
  <c r="D3369" i="5"/>
  <c r="D3368" i="5"/>
  <c r="D3367" i="5"/>
  <c r="D3366" i="5"/>
  <c r="D3365" i="5"/>
  <c r="D3364" i="5"/>
  <c r="D3363" i="5"/>
  <c r="D3362" i="5"/>
  <c r="D3361" i="5"/>
  <c r="D3360" i="5"/>
  <c r="D3359" i="5"/>
  <c r="D3358" i="5"/>
  <c r="D3357" i="5"/>
  <c r="D3356" i="5"/>
  <c r="D3355" i="5"/>
  <c r="D3354" i="5"/>
  <c r="D3353" i="5"/>
  <c r="D3352" i="5"/>
  <c r="D3351" i="5"/>
  <c r="D3350" i="5"/>
  <c r="D3349" i="5"/>
  <c r="D3348" i="5"/>
  <c r="D3347" i="5"/>
  <c r="D3346" i="5"/>
  <c r="D3345" i="5"/>
  <c r="D3344" i="5"/>
  <c r="D3343" i="5"/>
  <c r="D3342" i="5"/>
  <c r="D3341" i="5"/>
  <c r="D3340" i="5"/>
  <c r="D3339" i="5"/>
  <c r="D3338" i="5"/>
  <c r="D3337" i="5"/>
  <c r="D3336" i="5"/>
  <c r="D3335" i="5"/>
  <c r="D3334" i="5"/>
  <c r="D3333" i="5"/>
  <c r="D3332" i="5"/>
  <c r="D3331" i="5"/>
  <c r="D3330" i="5"/>
  <c r="D3329" i="5"/>
  <c r="D3328" i="5"/>
  <c r="D3327" i="5"/>
  <c r="D3326" i="5"/>
  <c r="D3325" i="5"/>
  <c r="D3324" i="5"/>
  <c r="D3323" i="5"/>
  <c r="D3322" i="5"/>
  <c r="D3321" i="5"/>
  <c r="D3320" i="5"/>
  <c r="D3319" i="5"/>
  <c r="D3318" i="5"/>
  <c r="D3317" i="5"/>
  <c r="D3316" i="5"/>
  <c r="D3315" i="5"/>
  <c r="D3314" i="5"/>
  <c r="D3313" i="5"/>
  <c r="D3312" i="5"/>
  <c r="D3311" i="5"/>
  <c r="D3310" i="5"/>
  <c r="D3309" i="5"/>
  <c r="D3308" i="5"/>
  <c r="D3307" i="5"/>
  <c r="D3306" i="5"/>
  <c r="D3305" i="5"/>
  <c r="D3304" i="5"/>
  <c r="D3303" i="5"/>
  <c r="D3302" i="5"/>
  <c r="D3301" i="5"/>
  <c r="D3300" i="5"/>
  <c r="D3299" i="5"/>
  <c r="D3298" i="5"/>
  <c r="D3297" i="5"/>
  <c r="D3296" i="5"/>
  <c r="D3295" i="5"/>
  <c r="D3294" i="5"/>
  <c r="D3293" i="5"/>
  <c r="D3292" i="5"/>
  <c r="D3291" i="5"/>
  <c r="D3290" i="5"/>
  <c r="D3289" i="5"/>
  <c r="D3288" i="5"/>
  <c r="D3287" i="5"/>
  <c r="D3286" i="5"/>
  <c r="D3285" i="5"/>
  <c r="D3284" i="5"/>
  <c r="D3283" i="5"/>
  <c r="D3282" i="5"/>
  <c r="D3281" i="5"/>
  <c r="D3280" i="5"/>
  <c r="D3279" i="5"/>
  <c r="D3278" i="5"/>
  <c r="D3277" i="5"/>
  <c r="D3276" i="5"/>
  <c r="D3275" i="5"/>
  <c r="D3274" i="5"/>
  <c r="D3273" i="5"/>
  <c r="D3272" i="5"/>
  <c r="D3271" i="5"/>
  <c r="D3270" i="5"/>
  <c r="D3269" i="5"/>
  <c r="D3268" i="5"/>
  <c r="D3267" i="5"/>
  <c r="D3266" i="5"/>
  <c r="D3265" i="5"/>
  <c r="D3264" i="5"/>
  <c r="D3263" i="5"/>
  <c r="D3262" i="5"/>
  <c r="D3261" i="5"/>
  <c r="D3260" i="5"/>
  <c r="D3259" i="5"/>
  <c r="D3258" i="5"/>
  <c r="D3257" i="5"/>
  <c r="D3256" i="5"/>
  <c r="D3255" i="5"/>
  <c r="D3254" i="5"/>
  <c r="D3253" i="5"/>
  <c r="D3252" i="5"/>
  <c r="D3251" i="5"/>
  <c r="D3250" i="5"/>
  <c r="D3249" i="5"/>
  <c r="D3248" i="5"/>
  <c r="D3247" i="5"/>
  <c r="D3246" i="5"/>
  <c r="D3245" i="5"/>
  <c r="D3244" i="5"/>
  <c r="D3243" i="5"/>
  <c r="D3242" i="5"/>
  <c r="D3241" i="5"/>
  <c r="D3240" i="5"/>
  <c r="D3239" i="5"/>
  <c r="D3238" i="5"/>
  <c r="D3237" i="5"/>
  <c r="D3236" i="5"/>
  <c r="D3235" i="5"/>
  <c r="D3234" i="5"/>
  <c r="D3233" i="5"/>
  <c r="D3232" i="5"/>
  <c r="D3231" i="5"/>
  <c r="D3230" i="5"/>
  <c r="D3229" i="5"/>
  <c r="D3228" i="5"/>
  <c r="D3227" i="5"/>
  <c r="D3226" i="5"/>
  <c r="D3225" i="5"/>
  <c r="D3224" i="5"/>
  <c r="D3223" i="5"/>
  <c r="D3222" i="5"/>
  <c r="D3221" i="5"/>
  <c r="D3220" i="5"/>
  <c r="D3219" i="5"/>
  <c r="D3218" i="5"/>
  <c r="D3217" i="5"/>
  <c r="D3216" i="5"/>
  <c r="D3215" i="5"/>
  <c r="D3214" i="5"/>
  <c r="D3213" i="5"/>
  <c r="D3212" i="5"/>
  <c r="D3211" i="5"/>
  <c r="D3210" i="5"/>
  <c r="D3209" i="5"/>
  <c r="D3208" i="5"/>
  <c r="D3207" i="5"/>
  <c r="D3206" i="5"/>
  <c r="D3205" i="5"/>
  <c r="D3204" i="5"/>
  <c r="D3203" i="5"/>
  <c r="D3202" i="5"/>
  <c r="D3201" i="5"/>
  <c r="D3200" i="5"/>
  <c r="D3199" i="5"/>
  <c r="D3198" i="5"/>
  <c r="D3197" i="5"/>
  <c r="D3196" i="5"/>
  <c r="D3195" i="5"/>
  <c r="D3194" i="5"/>
  <c r="D3193" i="5"/>
  <c r="D3192" i="5"/>
  <c r="D3191" i="5"/>
  <c r="D3190" i="5"/>
  <c r="D3189" i="5"/>
  <c r="D3188" i="5"/>
  <c r="D3187" i="5"/>
  <c r="D3186" i="5"/>
  <c r="D3185" i="5"/>
  <c r="D3184" i="5"/>
  <c r="D3183" i="5"/>
  <c r="D3182" i="5"/>
  <c r="D3181" i="5"/>
  <c r="D3180" i="5"/>
  <c r="D3179" i="5"/>
  <c r="D3178" i="5"/>
  <c r="D3177" i="5"/>
  <c r="D3176" i="5"/>
  <c r="D3175" i="5"/>
  <c r="D3174" i="5"/>
  <c r="D3173" i="5"/>
  <c r="D3172" i="5"/>
  <c r="D3171" i="5"/>
  <c r="D3170" i="5"/>
  <c r="D3169" i="5"/>
  <c r="D3168" i="5"/>
  <c r="D3167" i="5"/>
  <c r="D3166" i="5"/>
  <c r="D3165" i="5"/>
  <c r="D3164" i="5"/>
  <c r="D3163" i="5"/>
  <c r="D3162" i="5"/>
  <c r="D3161" i="5"/>
  <c r="D3160" i="5"/>
  <c r="D3159" i="5"/>
  <c r="D3158" i="5"/>
  <c r="D3157" i="5"/>
  <c r="D3156" i="5"/>
  <c r="D3155" i="5"/>
  <c r="D3154" i="5"/>
  <c r="D3153" i="5"/>
  <c r="D3152" i="5"/>
  <c r="D3151" i="5"/>
  <c r="D3150" i="5"/>
  <c r="D3149" i="5"/>
  <c r="D3148" i="5"/>
  <c r="D3147" i="5"/>
  <c r="D3146" i="5"/>
  <c r="D3145" i="5"/>
  <c r="D3144" i="5"/>
  <c r="D3143" i="5"/>
  <c r="D3142" i="5"/>
  <c r="D3141" i="5"/>
  <c r="D3140" i="5"/>
  <c r="D3139" i="5"/>
  <c r="D3138" i="5"/>
  <c r="D3137" i="5"/>
  <c r="D3136" i="5"/>
  <c r="D3135" i="5"/>
  <c r="D3134" i="5"/>
  <c r="D3133" i="5"/>
  <c r="D3132" i="5"/>
  <c r="D3131" i="5"/>
  <c r="D3130" i="5"/>
  <c r="D3129" i="5"/>
  <c r="D3128" i="5"/>
  <c r="D3127" i="5"/>
  <c r="D3126" i="5"/>
  <c r="D3125" i="5"/>
  <c r="D3124" i="5"/>
  <c r="D3123" i="5"/>
  <c r="D3122" i="5"/>
  <c r="D3121" i="5"/>
  <c r="D3120" i="5"/>
  <c r="D3119" i="5"/>
  <c r="D3118" i="5"/>
  <c r="D3117" i="5"/>
  <c r="D3116" i="5"/>
  <c r="D3115" i="5"/>
  <c r="D3114" i="5"/>
  <c r="D3113" i="5"/>
  <c r="D3112" i="5"/>
  <c r="D3111" i="5"/>
  <c r="D3110" i="5"/>
  <c r="D3109" i="5"/>
  <c r="D3108" i="5"/>
  <c r="D3107" i="5"/>
  <c r="D3106" i="5"/>
  <c r="D3105" i="5"/>
  <c r="D3104" i="5"/>
  <c r="D3103" i="5"/>
  <c r="D3102" i="5"/>
  <c r="D3101" i="5"/>
  <c r="D3100" i="5"/>
  <c r="D3099" i="5"/>
  <c r="D3098" i="5"/>
  <c r="D3097" i="5"/>
  <c r="D3096" i="5"/>
  <c r="D3095" i="5"/>
  <c r="D3094" i="5"/>
  <c r="D3093" i="5"/>
  <c r="D3092" i="5"/>
  <c r="D3091" i="5"/>
  <c r="D3090" i="5"/>
  <c r="D3089" i="5"/>
  <c r="D3088" i="5"/>
  <c r="D3087" i="5"/>
  <c r="D3086" i="5"/>
  <c r="D3085" i="5"/>
  <c r="D3084" i="5"/>
  <c r="D3083" i="5"/>
  <c r="D3082" i="5"/>
  <c r="D3081" i="5"/>
  <c r="D3080" i="5"/>
  <c r="D3079" i="5"/>
  <c r="D3078" i="5"/>
  <c r="D3077" i="5"/>
  <c r="D3076" i="5"/>
  <c r="D3075" i="5"/>
  <c r="D3074" i="5"/>
  <c r="D3073" i="5"/>
  <c r="D3072" i="5"/>
  <c r="D3071" i="5"/>
  <c r="D3070" i="5"/>
  <c r="D3069" i="5"/>
  <c r="D3068" i="5"/>
  <c r="D3067" i="5"/>
  <c r="D3066" i="5"/>
  <c r="D3065" i="5"/>
  <c r="D3064" i="5"/>
  <c r="D3063" i="5"/>
  <c r="D3062" i="5"/>
  <c r="D3061" i="5"/>
  <c r="D3060" i="5"/>
  <c r="D3059" i="5"/>
  <c r="D3058" i="5"/>
  <c r="D3057" i="5"/>
  <c r="D3056" i="5"/>
  <c r="D3055" i="5"/>
  <c r="D3054" i="5"/>
  <c r="D3053" i="5"/>
  <c r="D3052" i="5"/>
  <c r="D3051" i="5"/>
  <c r="D3050" i="5"/>
  <c r="D3049" i="5"/>
  <c r="D3048" i="5"/>
  <c r="D3047" i="5"/>
  <c r="D3046" i="5"/>
  <c r="D3045" i="5"/>
  <c r="D3044" i="5"/>
  <c r="D3043" i="5"/>
  <c r="D3042" i="5"/>
  <c r="D3041" i="5"/>
  <c r="D3040" i="5"/>
  <c r="D3039" i="5"/>
  <c r="D3038" i="5"/>
  <c r="D3037" i="5"/>
  <c r="D3036" i="5"/>
  <c r="D3035" i="5"/>
  <c r="D3034" i="5"/>
  <c r="D3033" i="5"/>
  <c r="D3032" i="5"/>
  <c r="D3031" i="5"/>
  <c r="D3030" i="5"/>
  <c r="D3029" i="5"/>
  <c r="D3028" i="5"/>
  <c r="D3027" i="5"/>
  <c r="D3026" i="5"/>
  <c r="D3025" i="5"/>
  <c r="D3024" i="5"/>
  <c r="D3023" i="5"/>
  <c r="D3022" i="5"/>
  <c r="D3021" i="5"/>
  <c r="D3020" i="5"/>
  <c r="D3019" i="5"/>
  <c r="D3018" i="5"/>
  <c r="D3017" i="5"/>
  <c r="D3016" i="5"/>
  <c r="D3015" i="5"/>
  <c r="D3014" i="5"/>
  <c r="D3013" i="5"/>
  <c r="D3012" i="5"/>
  <c r="D3011" i="5"/>
  <c r="D3010" i="5"/>
  <c r="D3009" i="5"/>
  <c r="D3008" i="5"/>
  <c r="D3007" i="5"/>
  <c r="D3006" i="5"/>
  <c r="D3005" i="5"/>
  <c r="D3004" i="5"/>
  <c r="D3003" i="5"/>
  <c r="D3002" i="5"/>
  <c r="D3001" i="5"/>
  <c r="D3000" i="5"/>
  <c r="D2999" i="5"/>
  <c r="D2998" i="5"/>
  <c r="D2997" i="5"/>
  <c r="D2996" i="5"/>
  <c r="D2995" i="5"/>
  <c r="D2994" i="5"/>
  <c r="D2993" i="5"/>
  <c r="D2992" i="5"/>
  <c r="D2991" i="5"/>
  <c r="D2990" i="5"/>
  <c r="D2989" i="5"/>
  <c r="D2988" i="5"/>
  <c r="D2987" i="5"/>
  <c r="D2986" i="5"/>
  <c r="D2985" i="5"/>
  <c r="D2984" i="5"/>
  <c r="D2983" i="5"/>
  <c r="D2982" i="5"/>
  <c r="D2981" i="5"/>
  <c r="D2980" i="5"/>
  <c r="D2979" i="5"/>
  <c r="D2978" i="5"/>
  <c r="D2977" i="5"/>
  <c r="D2976" i="5"/>
  <c r="D2975" i="5"/>
  <c r="D2974" i="5"/>
  <c r="D2973" i="5"/>
  <c r="D2972" i="5"/>
  <c r="D2971" i="5"/>
  <c r="D2970" i="5"/>
  <c r="D2969" i="5"/>
  <c r="D2968" i="5"/>
  <c r="D2967" i="5"/>
  <c r="D2966" i="5"/>
  <c r="D2965" i="5"/>
  <c r="D2964" i="5"/>
  <c r="D2963" i="5"/>
  <c r="D2962" i="5"/>
  <c r="D2961" i="5"/>
  <c r="D2960" i="5"/>
  <c r="D2959" i="5"/>
  <c r="D2958" i="5"/>
  <c r="D2957" i="5"/>
  <c r="D2956" i="5"/>
  <c r="D2955" i="5"/>
  <c r="D2954" i="5"/>
  <c r="D2953" i="5"/>
  <c r="D2952" i="5"/>
  <c r="D2951" i="5"/>
  <c r="D2950" i="5"/>
  <c r="D2949" i="5"/>
  <c r="D2948" i="5"/>
  <c r="D2947" i="5"/>
  <c r="D2946" i="5"/>
  <c r="D2945" i="5"/>
  <c r="D2944" i="5"/>
  <c r="D2943" i="5"/>
  <c r="D2942" i="5"/>
  <c r="D2941" i="5"/>
  <c r="D2940" i="5"/>
  <c r="D2939" i="5"/>
  <c r="D2938" i="5"/>
  <c r="D2937" i="5"/>
  <c r="D2936" i="5"/>
  <c r="D2935" i="5"/>
  <c r="D2934" i="5"/>
  <c r="D2933" i="5"/>
  <c r="D2932" i="5"/>
  <c r="D2931" i="5"/>
  <c r="D2930" i="5"/>
  <c r="D2929" i="5"/>
  <c r="D2928" i="5"/>
  <c r="D2927" i="5"/>
  <c r="D2926" i="5"/>
  <c r="D2925" i="5"/>
  <c r="D2924" i="5"/>
  <c r="D2923" i="5"/>
  <c r="D2922" i="5"/>
  <c r="D2921" i="5"/>
  <c r="D2920" i="5"/>
  <c r="D2919" i="5"/>
  <c r="D2918" i="5"/>
  <c r="D2917" i="5"/>
  <c r="D2916" i="5"/>
  <c r="D2915" i="5"/>
  <c r="D2914" i="5"/>
  <c r="D2913" i="5"/>
  <c r="D2912" i="5"/>
  <c r="D2911" i="5"/>
  <c r="D2910" i="5"/>
  <c r="D2909" i="5"/>
  <c r="D2908" i="5"/>
  <c r="D2907" i="5"/>
  <c r="D2906" i="5"/>
  <c r="D2905" i="5"/>
  <c r="D2904" i="5"/>
  <c r="D2903" i="5"/>
  <c r="D2902" i="5"/>
  <c r="D2901" i="5"/>
  <c r="D2900" i="5"/>
  <c r="D2899" i="5"/>
  <c r="D2898" i="5"/>
  <c r="D2897" i="5"/>
  <c r="D2896" i="5"/>
  <c r="D2895" i="5"/>
  <c r="D2894" i="5"/>
  <c r="D2893" i="5"/>
  <c r="D2892" i="5"/>
  <c r="D2891" i="5"/>
  <c r="D2890" i="5"/>
  <c r="D2889" i="5"/>
  <c r="D2888" i="5"/>
  <c r="D2887" i="5"/>
  <c r="D2886" i="5"/>
  <c r="D2885" i="5"/>
  <c r="D2884" i="5"/>
  <c r="D2883" i="5"/>
  <c r="D2882" i="5"/>
  <c r="D2881" i="5"/>
  <c r="D2880" i="5"/>
  <c r="D2879" i="5"/>
  <c r="D2878" i="5"/>
  <c r="D2877" i="5"/>
  <c r="D2876" i="5"/>
  <c r="D2875" i="5"/>
  <c r="D2874" i="5"/>
  <c r="D2873" i="5"/>
  <c r="D2872" i="5"/>
  <c r="D2871" i="5"/>
  <c r="D2870" i="5"/>
  <c r="D2869" i="5"/>
  <c r="D2868" i="5"/>
  <c r="D2867" i="5"/>
  <c r="D2866" i="5"/>
  <c r="D2865" i="5"/>
  <c r="D2864" i="5"/>
  <c r="D2863" i="5"/>
  <c r="D2862" i="5"/>
  <c r="D2861" i="5"/>
  <c r="D2860" i="5"/>
  <c r="D2859" i="5"/>
  <c r="D2858" i="5"/>
  <c r="D2857" i="5"/>
  <c r="D2856" i="5"/>
  <c r="D2855" i="5"/>
  <c r="D2854" i="5"/>
  <c r="D2853" i="5"/>
  <c r="D2852" i="5"/>
  <c r="D2851" i="5"/>
  <c r="D2850" i="5"/>
  <c r="D2849" i="5"/>
  <c r="D2848" i="5"/>
  <c r="D2847" i="5"/>
  <c r="D2846" i="5"/>
  <c r="D2845" i="5"/>
  <c r="D2844" i="5"/>
  <c r="D2843" i="5"/>
  <c r="D2842" i="5"/>
  <c r="D2841" i="5"/>
  <c r="D2840" i="5"/>
  <c r="D2839" i="5"/>
  <c r="D2838" i="5"/>
  <c r="D2837" i="5"/>
  <c r="D2836" i="5"/>
  <c r="D2835" i="5"/>
  <c r="D2834" i="5"/>
  <c r="D2833" i="5"/>
  <c r="D2832" i="5"/>
  <c r="D2831" i="5"/>
  <c r="D2830" i="5"/>
  <c r="D2829" i="5"/>
  <c r="D2828" i="5"/>
  <c r="D2827" i="5"/>
  <c r="D2826" i="5"/>
  <c r="D2825" i="5"/>
  <c r="D2824" i="5"/>
  <c r="D2823" i="5"/>
  <c r="D2822" i="5"/>
  <c r="D2821" i="5"/>
  <c r="D2820" i="5"/>
  <c r="D2819" i="5"/>
  <c r="D2818" i="5"/>
  <c r="D2817" i="5"/>
  <c r="D2816" i="5"/>
  <c r="D2815" i="5"/>
  <c r="D2814" i="5"/>
  <c r="D2813" i="5"/>
  <c r="D2812" i="5"/>
  <c r="D2811" i="5"/>
  <c r="D2810" i="5"/>
  <c r="D2809" i="5"/>
  <c r="D2808" i="5"/>
  <c r="D2807" i="5"/>
  <c r="D2806" i="5"/>
  <c r="D2805" i="5"/>
  <c r="D2804" i="5"/>
  <c r="D2803" i="5"/>
  <c r="D2802" i="5"/>
  <c r="D2801" i="5"/>
  <c r="D2800" i="5"/>
  <c r="D2799" i="5"/>
  <c r="D2798" i="5"/>
  <c r="D2797" i="5"/>
  <c r="D2796" i="5"/>
  <c r="D2795" i="5"/>
  <c r="D2794" i="5"/>
  <c r="D2793" i="5"/>
  <c r="D2792" i="5"/>
  <c r="D2791" i="5"/>
  <c r="D2790" i="5"/>
  <c r="D2789" i="5"/>
  <c r="D2788" i="5"/>
  <c r="D2787" i="5"/>
  <c r="D2786" i="5"/>
  <c r="D2785" i="5"/>
  <c r="D2784" i="5"/>
  <c r="D2783" i="5"/>
  <c r="D2782" i="5"/>
  <c r="D2781" i="5"/>
  <c r="D2780" i="5"/>
  <c r="D2779" i="5"/>
  <c r="D2778" i="5"/>
  <c r="D2777" i="5"/>
  <c r="D2776" i="5"/>
  <c r="D2775" i="5"/>
  <c r="D2774" i="5"/>
  <c r="D2773" i="5"/>
  <c r="D2772" i="5"/>
  <c r="D2771" i="5"/>
  <c r="D2770" i="5"/>
  <c r="D2769" i="5"/>
  <c r="D2768" i="5"/>
  <c r="D2767" i="5"/>
  <c r="D2766" i="5"/>
  <c r="D2765" i="5"/>
  <c r="D2764" i="5"/>
  <c r="D2763" i="5"/>
  <c r="D2762" i="5"/>
  <c r="D2761" i="5"/>
  <c r="D2760" i="5"/>
  <c r="D2759" i="5"/>
  <c r="D2758" i="5"/>
  <c r="D2757" i="5"/>
  <c r="D2756" i="5"/>
  <c r="D2755" i="5"/>
  <c r="D2754" i="5"/>
  <c r="D2753" i="5"/>
  <c r="D2752" i="5"/>
  <c r="D2751" i="5"/>
  <c r="D2750" i="5"/>
  <c r="D2749" i="5"/>
  <c r="D2748" i="5"/>
  <c r="D2747" i="5"/>
  <c r="D2746" i="5"/>
  <c r="D2745" i="5"/>
  <c r="D2744" i="5"/>
  <c r="D2743" i="5"/>
  <c r="D2742" i="5"/>
  <c r="D2741" i="5"/>
  <c r="D2740" i="5"/>
  <c r="D2739" i="5"/>
  <c r="D2738" i="5"/>
  <c r="D2737" i="5"/>
  <c r="D2736" i="5"/>
  <c r="D2735" i="5"/>
  <c r="D2734" i="5"/>
  <c r="D2733" i="5"/>
  <c r="D2732" i="5"/>
  <c r="D2731" i="5"/>
  <c r="D2730" i="5"/>
  <c r="D2729" i="5"/>
  <c r="D2728" i="5"/>
  <c r="D2727" i="5"/>
  <c r="D2726" i="5"/>
  <c r="D2725" i="5"/>
  <c r="D2724" i="5"/>
  <c r="D2723" i="5"/>
  <c r="D2722" i="5"/>
  <c r="D2721" i="5"/>
  <c r="D2720" i="5"/>
  <c r="D2719" i="5"/>
  <c r="D2718" i="5"/>
  <c r="D2717" i="5"/>
  <c r="D2716" i="5"/>
  <c r="D2715" i="5"/>
  <c r="D2714" i="5"/>
  <c r="D2713" i="5"/>
  <c r="D2712" i="5"/>
  <c r="D2711" i="5"/>
  <c r="D2710" i="5"/>
  <c r="D2709" i="5"/>
  <c r="D2708" i="5"/>
  <c r="D2707" i="5"/>
  <c r="D2706" i="5"/>
  <c r="D2705" i="5"/>
  <c r="D2704" i="5"/>
  <c r="D2703" i="5"/>
  <c r="D2702" i="5"/>
  <c r="D2701" i="5"/>
  <c r="D2700" i="5"/>
  <c r="D2699" i="5"/>
  <c r="D2698" i="5"/>
  <c r="D2697" i="5"/>
  <c r="D2696" i="5"/>
  <c r="D2695" i="5"/>
  <c r="D2694" i="5"/>
  <c r="D2693" i="5"/>
  <c r="D2692" i="5"/>
  <c r="D2691" i="5"/>
  <c r="D2690" i="5"/>
  <c r="D2689" i="5"/>
  <c r="D2688" i="5"/>
  <c r="D2687" i="5"/>
  <c r="D2686" i="5"/>
  <c r="D2685" i="5"/>
  <c r="D2684" i="5"/>
  <c r="D2683" i="5"/>
  <c r="D2682" i="5"/>
  <c r="D2681" i="5"/>
  <c r="D2680" i="5"/>
  <c r="D2679" i="5"/>
  <c r="D2678" i="5"/>
  <c r="D2677" i="5"/>
  <c r="D2676" i="5"/>
  <c r="D2675" i="5"/>
  <c r="D2674" i="5"/>
  <c r="D2673" i="5"/>
  <c r="D2672" i="5"/>
  <c r="D2671" i="5"/>
  <c r="D2670" i="5"/>
  <c r="D2669" i="5"/>
  <c r="D2668" i="5"/>
  <c r="D2667" i="5"/>
  <c r="D2666" i="5"/>
  <c r="D2665" i="5"/>
  <c r="D2664" i="5"/>
  <c r="D2663" i="5"/>
  <c r="D2662" i="5"/>
  <c r="D2661" i="5"/>
  <c r="D2660" i="5"/>
  <c r="D2659" i="5"/>
  <c r="D2658" i="5"/>
  <c r="D2657" i="5"/>
  <c r="D2656" i="5"/>
  <c r="D2655" i="5"/>
  <c r="D2654" i="5"/>
  <c r="D2653" i="5"/>
  <c r="D2652" i="5"/>
  <c r="D2651" i="5"/>
  <c r="D2650" i="5"/>
  <c r="D2649" i="5"/>
  <c r="D2648" i="5"/>
  <c r="D2647" i="5"/>
  <c r="D2646" i="5"/>
  <c r="D2645" i="5"/>
  <c r="D2644" i="5"/>
  <c r="D2643" i="5"/>
  <c r="D2642" i="5"/>
  <c r="D2641" i="5"/>
  <c r="D2640" i="5"/>
  <c r="D2639" i="5"/>
  <c r="D2638" i="5"/>
  <c r="D2637" i="5"/>
  <c r="D2636" i="5"/>
  <c r="D2635" i="5"/>
  <c r="D2634" i="5"/>
  <c r="D2633" i="5"/>
  <c r="D2632" i="5"/>
  <c r="D2631" i="5"/>
  <c r="D2630" i="5"/>
  <c r="D2629" i="5"/>
  <c r="D2628" i="5"/>
  <c r="D2627" i="5"/>
  <c r="D2626" i="5"/>
  <c r="D2625" i="5"/>
  <c r="D2624" i="5"/>
  <c r="D2623" i="5"/>
  <c r="D2622" i="5"/>
  <c r="D2621" i="5"/>
  <c r="D2620" i="5"/>
  <c r="D2619" i="5"/>
  <c r="D2618" i="5"/>
  <c r="D2617" i="5"/>
  <c r="D2616" i="5"/>
  <c r="D2615" i="5"/>
  <c r="D2614" i="5"/>
  <c r="D2613" i="5"/>
  <c r="D2612" i="5"/>
  <c r="D2611" i="5"/>
  <c r="D2610" i="5"/>
  <c r="D2609" i="5"/>
  <c r="D2608" i="5"/>
  <c r="D2607" i="5"/>
  <c r="D2606" i="5"/>
  <c r="D2605" i="5"/>
  <c r="D2604" i="5"/>
  <c r="D2603" i="5"/>
  <c r="D2602" i="5"/>
  <c r="D2601" i="5"/>
  <c r="D2600" i="5"/>
  <c r="D2599" i="5"/>
  <c r="D2598" i="5"/>
  <c r="D2597" i="5"/>
  <c r="D2596" i="5"/>
  <c r="D2595" i="5"/>
  <c r="D2594" i="5"/>
  <c r="D2593" i="5"/>
  <c r="D2592" i="5"/>
  <c r="D2591" i="5"/>
  <c r="D2590" i="5"/>
  <c r="D2589" i="5"/>
  <c r="D2588" i="5"/>
  <c r="D2587" i="5"/>
  <c r="D2586" i="5"/>
  <c r="D2585" i="5"/>
  <c r="D2584" i="5"/>
  <c r="D2583" i="5"/>
  <c r="D2582" i="5"/>
  <c r="D2581" i="5"/>
  <c r="D2580" i="5"/>
  <c r="D2579" i="5"/>
  <c r="D2578" i="5"/>
  <c r="D2577" i="5"/>
  <c r="D2576" i="5"/>
  <c r="D2575" i="5"/>
  <c r="D2574" i="5"/>
  <c r="D2573" i="5"/>
  <c r="D2572" i="5"/>
  <c r="D2571" i="5"/>
  <c r="D2570" i="5"/>
  <c r="D2569" i="5"/>
  <c r="D2568" i="5"/>
  <c r="D2567" i="5"/>
  <c r="D2566" i="5"/>
  <c r="D2565" i="5"/>
  <c r="D2564" i="5"/>
  <c r="D2563" i="5"/>
  <c r="D2562" i="5"/>
  <c r="D2561" i="5"/>
  <c r="D2560" i="5"/>
  <c r="D2559" i="5"/>
  <c r="D2558" i="5"/>
  <c r="D2557" i="5"/>
  <c r="D2556" i="5"/>
  <c r="D2555" i="5"/>
  <c r="D2554" i="5"/>
  <c r="D2553" i="5"/>
  <c r="D2552" i="5"/>
  <c r="D2551" i="5"/>
  <c r="D2550" i="5"/>
  <c r="D2549" i="5"/>
  <c r="D2548" i="5"/>
  <c r="D2547" i="5"/>
  <c r="D2546" i="5"/>
  <c r="D2545" i="5"/>
  <c r="D2544" i="5"/>
  <c r="D2543" i="5"/>
  <c r="D2542" i="5"/>
  <c r="D2541" i="5"/>
  <c r="D2540" i="5"/>
  <c r="D2539" i="5"/>
  <c r="D2538" i="5"/>
  <c r="D2537" i="5"/>
  <c r="D2536" i="5"/>
  <c r="D2535" i="5"/>
  <c r="D2534" i="5"/>
  <c r="D2533" i="5"/>
  <c r="D2532" i="5"/>
  <c r="D2531" i="5"/>
  <c r="D2530" i="5"/>
  <c r="D2529" i="5"/>
  <c r="D2528" i="5"/>
  <c r="D2527" i="5"/>
  <c r="D2526" i="5"/>
  <c r="D2525" i="5"/>
  <c r="D2524" i="5"/>
  <c r="D2523" i="5"/>
  <c r="D2522" i="5"/>
  <c r="D2521" i="5"/>
  <c r="D2520" i="5"/>
  <c r="D2519" i="5"/>
  <c r="D2518" i="5"/>
  <c r="D2517" i="5"/>
  <c r="D2516" i="5"/>
  <c r="D2515" i="5"/>
  <c r="D2514" i="5"/>
  <c r="D2513" i="5"/>
  <c r="D2512" i="5"/>
  <c r="D2511" i="5"/>
  <c r="D2510" i="5"/>
  <c r="D2509" i="5"/>
  <c r="D2508" i="5"/>
  <c r="D2507" i="5"/>
  <c r="D2506" i="5"/>
  <c r="D2505" i="5"/>
  <c r="D2504" i="5"/>
  <c r="D2503" i="5"/>
  <c r="D2502" i="5"/>
  <c r="D2501" i="5"/>
  <c r="D2500" i="5"/>
  <c r="D2499" i="5"/>
  <c r="D2498" i="5"/>
  <c r="D2497" i="5"/>
  <c r="D2496" i="5"/>
  <c r="D2495" i="5"/>
  <c r="D2494" i="5"/>
  <c r="D2493" i="5"/>
  <c r="D2492" i="5"/>
  <c r="D2491" i="5"/>
  <c r="D2490" i="5"/>
  <c r="D2489" i="5"/>
  <c r="D2488" i="5"/>
  <c r="D2487" i="5"/>
  <c r="D2486" i="5"/>
  <c r="D2485" i="5"/>
  <c r="D2484" i="5"/>
  <c r="D2483" i="5"/>
  <c r="D2482" i="5"/>
  <c r="D2481" i="5"/>
  <c r="D2480" i="5"/>
  <c r="D2479" i="5"/>
  <c r="D2478" i="5"/>
  <c r="D2477" i="5"/>
  <c r="D2476" i="5"/>
  <c r="D2475" i="5"/>
  <c r="D2474" i="5"/>
  <c r="D2473" i="5"/>
  <c r="D2472" i="5"/>
  <c r="D2471" i="5"/>
  <c r="D2470" i="5"/>
  <c r="D2469" i="5"/>
  <c r="D2468" i="5"/>
  <c r="D2467" i="5"/>
  <c r="D2466" i="5"/>
  <c r="D2465" i="5"/>
  <c r="D2464" i="5"/>
  <c r="D2463" i="5"/>
  <c r="D2462" i="5"/>
  <c r="D2461" i="5"/>
  <c r="D2460" i="5"/>
  <c r="D2459" i="5"/>
  <c r="D2458" i="5"/>
  <c r="D2457" i="5"/>
  <c r="D2456" i="5"/>
  <c r="D2455" i="5"/>
  <c r="D2454" i="5"/>
  <c r="D2453" i="5"/>
  <c r="D2452" i="5"/>
  <c r="D2451" i="5"/>
  <c r="D2450" i="5"/>
  <c r="D2449" i="5"/>
  <c r="D2448" i="5"/>
  <c r="D2447" i="5"/>
  <c r="D2446" i="5"/>
  <c r="D2445" i="5"/>
  <c r="D2444" i="5"/>
  <c r="D2443" i="5"/>
  <c r="D2442" i="5"/>
  <c r="D2441" i="5"/>
  <c r="D2440" i="5"/>
  <c r="D2439" i="5"/>
  <c r="D2438" i="5"/>
  <c r="D2437" i="5"/>
  <c r="D2436" i="5"/>
  <c r="D2435" i="5"/>
  <c r="D2434" i="5"/>
  <c r="D2433" i="5"/>
  <c r="D2432" i="5"/>
  <c r="D2431" i="5"/>
  <c r="D2430" i="5"/>
  <c r="D2429" i="5"/>
  <c r="D2428" i="5"/>
  <c r="D2427" i="5"/>
  <c r="D2426" i="5"/>
  <c r="D2425" i="5"/>
  <c r="D2424" i="5"/>
  <c r="D2423" i="5"/>
  <c r="D2422" i="5"/>
  <c r="D2421" i="5"/>
  <c r="D2420" i="5"/>
  <c r="D2419" i="5"/>
  <c r="D2418" i="5"/>
  <c r="D2417" i="5"/>
  <c r="D2416" i="5"/>
  <c r="D2415" i="5"/>
  <c r="D2414" i="5"/>
  <c r="D2413" i="5"/>
  <c r="D2412" i="5"/>
  <c r="D2411" i="5"/>
  <c r="D2410" i="5"/>
  <c r="D2409" i="5"/>
  <c r="D2408" i="5"/>
  <c r="D2407" i="5"/>
  <c r="D2406" i="5"/>
  <c r="D2405" i="5"/>
  <c r="D2404" i="5"/>
  <c r="D2403" i="5"/>
  <c r="D2402" i="5"/>
  <c r="D2401" i="5"/>
  <c r="D2400" i="5"/>
  <c r="D2399" i="5"/>
  <c r="D2398" i="5"/>
  <c r="D2397" i="5"/>
  <c r="D2396" i="5"/>
  <c r="D2395" i="5"/>
  <c r="D2394" i="5"/>
  <c r="D2393" i="5"/>
  <c r="D2392" i="5"/>
  <c r="D2391" i="5"/>
  <c r="D2390" i="5"/>
  <c r="D2389" i="5"/>
  <c r="D2388" i="5"/>
  <c r="D2387" i="5"/>
  <c r="D2386" i="5"/>
  <c r="D2385" i="5"/>
  <c r="D2384" i="5"/>
  <c r="D2383" i="5"/>
  <c r="D2382" i="5"/>
  <c r="D2381" i="5"/>
  <c r="D2380" i="5"/>
  <c r="D2379" i="5"/>
  <c r="D2378" i="5"/>
  <c r="D2377" i="5"/>
  <c r="D2376" i="5"/>
  <c r="D2375" i="5"/>
  <c r="D2374" i="5"/>
  <c r="D2373" i="5"/>
  <c r="D2372" i="5"/>
  <c r="D2371" i="5"/>
  <c r="D2370" i="5"/>
  <c r="D2369" i="5"/>
  <c r="D2368" i="5"/>
  <c r="D2367" i="5"/>
  <c r="D2366" i="5"/>
  <c r="D2365" i="5"/>
  <c r="D2364" i="5"/>
  <c r="D2363" i="5"/>
  <c r="D2362" i="5"/>
  <c r="D2361" i="5"/>
  <c r="D2360" i="5"/>
  <c r="D2359" i="5"/>
  <c r="D2358" i="5"/>
  <c r="D2357" i="5"/>
  <c r="D2356" i="5"/>
  <c r="D2355" i="5"/>
  <c r="D2354" i="5"/>
  <c r="D2353" i="5"/>
  <c r="D2352" i="5"/>
  <c r="D2351" i="5"/>
  <c r="D2350" i="5"/>
  <c r="D2349" i="5"/>
  <c r="D2348" i="5"/>
  <c r="D2347" i="5"/>
  <c r="D2346" i="5"/>
  <c r="D2345" i="5"/>
  <c r="D2344" i="5"/>
  <c r="D2343" i="5"/>
  <c r="D2342" i="5"/>
  <c r="D2341" i="5"/>
  <c r="D2340" i="5"/>
  <c r="D2339" i="5"/>
  <c r="D2338" i="5"/>
  <c r="D2337" i="5"/>
  <c r="D2336" i="5"/>
  <c r="D2335" i="5"/>
  <c r="D2334" i="5"/>
  <c r="D2333" i="5"/>
  <c r="D2332" i="5"/>
  <c r="D2331" i="5"/>
  <c r="D2330" i="5"/>
  <c r="D2329" i="5"/>
  <c r="D2328" i="5"/>
  <c r="D2327" i="5"/>
  <c r="D2326" i="5"/>
  <c r="D2325" i="5"/>
  <c r="D2324" i="5"/>
  <c r="D2323" i="5"/>
  <c r="D2322" i="5"/>
  <c r="D2321" i="5"/>
  <c r="D2320" i="5"/>
  <c r="D2319" i="5"/>
  <c r="D2318" i="5"/>
  <c r="D2317" i="5"/>
  <c r="D2316" i="5"/>
  <c r="D2315" i="5"/>
  <c r="D2314" i="5"/>
  <c r="D2313" i="5"/>
  <c r="D2312" i="5"/>
  <c r="D2311" i="5"/>
  <c r="D2310" i="5"/>
  <c r="D2309" i="5"/>
  <c r="D2308" i="5"/>
  <c r="D2307" i="5"/>
  <c r="D2306" i="5"/>
  <c r="D2305" i="5"/>
  <c r="D2304" i="5"/>
  <c r="D2303" i="5"/>
  <c r="D2302" i="5"/>
  <c r="D2301" i="5"/>
  <c r="D2300" i="5"/>
  <c r="D2299" i="5"/>
  <c r="D2298" i="5"/>
  <c r="D2297" i="5"/>
  <c r="D2296" i="5"/>
  <c r="D2295" i="5"/>
  <c r="D2294" i="5"/>
  <c r="D2293" i="5"/>
  <c r="D2292" i="5"/>
  <c r="D2291" i="5"/>
  <c r="D2290" i="5"/>
  <c r="D2289" i="5"/>
  <c r="D2288" i="5"/>
  <c r="D2287" i="5"/>
  <c r="D2286" i="5"/>
  <c r="D2285" i="5"/>
  <c r="D2284" i="5"/>
  <c r="D2283" i="5"/>
  <c r="D2282" i="5"/>
  <c r="D2281" i="5"/>
  <c r="D2280" i="5"/>
  <c r="D2279" i="5"/>
  <c r="D2278" i="5"/>
  <c r="D2277" i="5"/>
  <c r="D2276" i="5"/>
  <c r="D2275" i="5"/>
  <c r="D2274" i="5"/>
  <c r="D2273" i="5"/>
  <c r="D2272" i="5"/>
  <c r="D2271" i="5"/>
  <c r="D2270" i="5"/>
  <c r="D2269" i="5"/>
  <c r="D2268" i="5"/>
  <c r="D2267" i="5"/>
  <c r="D2266" i="5"/>
  <c r="D2265" i="5"/>
  <c r="D2264" i="5"/>
  <c r="D2263" i="5"/>
  <c r="D2262" i="5"/>
  <c r="D2261" i="5"/>
  <c r="D2260" i="5"/>
  <c r="D2259" i="5"/>
  <c r="D2258" i="5"/>
  <c r="D2257" i="5"/>
  <c r="D2256" i="5"/>
  <c r="D2255" i="5"/>
  <c r="D2254" i="5"/>
  <c r="D2253" i="5"/>
  <c r="D2252" i="5"/>
  <c r="D2251" i="5"/>
  <c r="D2250" i="5"/>
  <c r="D2249" i="5"/>
  <c r="D2248" i="5"/>
  <c r="D2247" i="5"/>
  <c r="D2246" i="5"/>
  <c r="D2245" i="5"/>
  <c r="D2244" i="5"/>
  <c r="D2243" i="5"/>
  <c r="D2242" i="5"/>
  <c r="D2241" i="5"/>
  <c r="D2240" i="5"/>
  <c r="D2239" i="5"/>
  <c r="D2238" i="5"/>
  <c r="D2237" i="5"/>
  <c r="D2236" i="5"/>
  <c r="D2235" i="5"/>
  <c r="D2234" i="5"/>
  <c r="D2233" i="5"/>
  <c r="D2232" i="5"/>
  <c r="D2231" i="5"/>
  <c r="D2230" i="5"/>
  <c r="D2229" i="5"/>
  <c r="D2228" i="5"/>
  <c r="D2227" i="5"/>
  <c r="D2226" i="5"/>
  <c r="D2225" i="5"/>
  <c r="D2224" i="5"/>
  <c r="D2223" i="5"/>
  <c r="D2222" i="5"/>
  <c r="D2221" i="5"/>
  <c r="D2220" i="5"/>
  <c r="D2219" i="5"/>
  <c r="D2218" i="5"/>
  <c r="D2217" i="5"/>
  <c r="D2216" i="5"/>
  <c r="D2215" i="5"/>
  <c r="D2214" i="5"/>
  <c r="D2213" i="5"/>
  <c r="D2212" i="5"/>
  <c r="D2211" i="5"/>
  <c r="D2210" i="5"/>
  <c r="D2209" i="5"/>
  <c r="D2208" i="5"/>
  <c r="D2207" i="5"/>
  <c r="D2206" i="5"/>
  <c r="D2205" i="5"/>
  <c r="D2204" i="5"/>
  <c r="D2203" i="5"/>
  <c r="D2202" i="5"/>
  <c r="D2201" i="5"/>
  <c r="D2200" i="5"/>
  <c r="D2199" i="5"/>
  <c r="D2198" i="5"/>
  <c r="D2197" i="5"/>
  <c r="D2196" i="5"/>
  <c r="D2195" i="5"/>
  <c r="D2194" i="5"/>
  <c r="D2193" i="5"/>
  <c r="D2192" i="5"/>
  <c r="D2191" i="5"/>
  <c r="D2190" i="5"/>
  <c r="D2189" i="5"/>
  <c r="D2188" i="5"/>
  <c r="D2187" i="5"/>
  <c r="D2186" i="5"/>
  <c r="D2185" i="5"/>
  <c r="D2184" i="5"/>
  <c r="D2183" i="5"/>
  <c r="D2182" i="5"/>
  <c r="D2181" i="5"/>
  <c r="D2180" i="5"/>
  <c r="D2179" i="5"/>
  <c r="D2178" i="5"/>
  <c r="D2177" i="5"/>
  <c r="D2176" i="5"/>
  <c r="D2175" i="5"/>
  <c r="D2174" i="5"/>
  <c r="D2173" i="5"/>
  <c r="D2172" i="5"/>
  <c r="D2171" i="5"/>
  <c r="D2170" i="5"/>
  <c r="D2169" i="5"/>
  <c r="D2168" i="5"/>
  <c r="D2167" i="5"/>
  <c r="D2166" i="5"/>
  <c r="D2165" i="5"/>
  <c r="D2164" i="5"/>
  <c r="D2163" i="5"/>
  <c r="D2162" i="5"/>
  <c r="D2161" i="5"/>
  <c r="D2160" i="5"/>
  <c r="D2159" i="5"/>
  <c r="D2158" i="5"/>
  <c r="D2157" i="5"/>
  <c r="D2156" i="5"/>
  <c r="D2155" i="5"/>
  <c r="D2154" i="5"/>
  <c r="D2153" i="5"/>
  <c r="D2152" i="5"/>
  <c r="D2151" i="5"/>
  <c r="D2150" i="5"/>
  <c r="D2149" i="5"/>
  <c r="D2148" i="5"/>
  <c r="D2147" i="5"/>
  <c r="D2146" i="5"/>
  <c r="D2145" i="5"/>
  <c r="D2144" i="5"/>
  <c r="D2143" i="5"/>
  <c r="D2142" i="5"/>
  <c r="D2141" i="5"/>
  <c r="D2140" i="5"/>
  <c r="D2139" i="5"/>
  <c r="D2138" i="5"/>
  <c r="D2137" i="5"/>
  <c r="D2136" i="5"/>
  <c r="D2135" i="5"/>
  <c r="D2134" i="5"/>
  <c r="D2133" i="5"/>
  <c r="D2132" i="5"/>
  <c r="D2131" i="5"/>
  <c r="D2130" i="5"/>
  <c r="D2129" i="5"/>
  <c r="D2128" i="5"/>
  <c r="D2127" i="5"/>
  <c r="D2126" i="5"/>
  <c r="D2125" i="5"/>
  <c r="D2124" i="5"/>
  <c r="D2123" i="5"/>
  <c r="D2122" i="5"/>
  <c r="D2121" i="5"/>
  <c r="D2120" i="5"/>
  <c r="D2119" i="5"/>
  <c r="D2118" i="5"/>
  <c r="D2117" i="5"/>
  <c r="D2116" i="5"/>
  <c r="D2115" i="5"/>
  <c r="D2114" i="5"/>
  <c r="D2113" i="5"/>
  <c r="D2112" i="5"/>
  <c r="D2111" i="5"/>
  <c r="D2110" i="5"/>
  <c r="D2109" i="5"/>
  <c r="D2108" i="5"/>
  <c r="D2107" i="5"/>
  <c r="D2106" i="5"/>
  <c r="D2105" i="5"/>
  <c r="D2104" i="5"/>
  <c r="D2103" i="5"/>
  <c r="D2102" i="5"/>
  <c r="D2101" i="5"/>
  <c r="D2100" i="5"/>
  <c r="D2099" i="5"/>
  <c r="D2098" i="5"/>
  <c r="D2097" i="5"/>
  <c r="D2096" i="5"/>
  <c r="D2095" i="5"/>
  <c r="D2094" i="5"/>
  <c r="D2093" i="5"/>
  <c r="D2092" i="5"/>
  <c r="D2091" i="5"/>
  <c r="D2090" i="5"/>
  <c r="D2089" i="5"/>
  <c r="D2088" i="5"/>
  <c r="D2087" i="5"/>
  <c r="D2086" i="5"/>
  <c r="D2085" i="5"/>
  <c r="D2084" i="5"/>
  <c r="D2083" i="5"/>
  <c r="D2082" i="5"/>
  <c r="D2081" i="5"/>
  <c r="D2080" i="5"/>
  <c r="D2079" i="5"/>
  <c r="D2078" i="5"/>
  <c r="D2077" i="5"/>
  <c r="D2076" i="5"/>
  <c r="D2075" i="5"/>
  <c r="D2074" i="5"/>
  <c r="D2073" i="5"/>
  <c r="D2072" i="5"/>
  <c r="D2071" i="5"/>
  <c r="D2070" i="5"/>
  <c r="D2069" i="5"/>
  <c r="D2068" i="5"/>
  <c r="D2067" i="5"/>
  <c r="D2066" i="5"/>
  <c r="D2065" i="5"/>
  <c r="D2064" i="5"/>
  <c r="D2063" i="5"/>
  <c r="D2062" i="5"/>
  <c r="D2061" i="5"/>
  <c r="D2060" i="5"/>
  <c r="D2059" i="5"/>
  <c r="D2058" i="5"/>
  <c r="D2057" i="5"/>
  <c r="D2056" i="5"/>
  <c r="D2055" i="5"/>
  <c r="D2054" i="5"/>
  <c r="D2053" i="5"/>
  <c r="D2052" i="5"/>
  <c r="D2051" i="5"/>
  <c r="D2050" i="5"/>
  <c r="D2049" i="5"/>
  <c r="D2048" i="5"/>
  <c r="D2047" i="5"/>
  <c r="D2046" i="5"/>
  <c r="D2045" i="5"/>
  <c r="D2044" i="5"/>
  <c r="D2043" i="5"/>
  <c r="D2042" i="5"/>
  <c r="D2041" i="5"/>
  <c r="D2040" i="5"/>
  <c r="D2039" i="5"/>
  <c r="D2038" i="5"/>
  <c r="D2037" i="5"/>
  <c r="D2036" i="5"/>
  <c r="D2035" i="5"/>
  <c r="D2034" i="5"/>
  <c r="D2033" i="5"/>
  <c r="D2032" i="5"/>
  <c r="D2031" i="5"/>
  <c r="D2030" i="5"/>
  <c r="D2029" i="5"/>
  <c r="D2028" i="5"/>
  <c r="D2027" i="5"/>
  <c r="D2026" i="5"/>
  <c r="D2025" i="5"/>
  <c r="D2024" i="5"/>
  <c r="D2023" i="5"/>
  <c r="D2022" i="5"/>
  <c r="D2021" i="5"/>
  <c r="D2020" i="5"/>
  <c r="D2019" i="5"/>
  <c r="D2018" i="5"/>
  <c r="D2017" i="5"/>
  <c r="D2016" i="5"/>
  <c r="D2015" i="5"/>
  <c r="D2014" i="5"/>
  <c r="D2013" i="5"/>
  <c r="D2012" i="5"/>
  <c r="D2011" i="5"/>
  <c r="D2010" i="5"/>
  <c r="D2009" i="5"/>
  <c r="D2008" i="5"/>
  <c r="D2007" i="5"/>
  <c r="D2006" i="5"/>
  <c r="D2005" i="5"/>
  <c r="D2004" i="5"/>
  <c r="D2003" i="5"/>
  <c r="D2002" i="5"/>
  <c r="D2001" i="5"/>
  <c r="D2000" i="5"/>
  <c r="D1999" i="5"/>
  <c r="D1998" i="5"/>
  <c r="D1997" i="5"/>
  <c r="D1996" i="5"/>
  <c r="D1995" i="5"/>
  <c r="D1994" i="5"/>
  <c r="D1993" i="5"/>
  <c r="D1992" i="5"/>
  <c r="D1991" i="5"/>
  <c r="D1990" i="5"/>
  <c r="D1989" i="5"/>
  <c r="D1988" i="5"/>
  <c r="D1987" i="5"/>
  <c r="D1986" i="5"/>
  <c r="D1985" i="5"/>
  <c r="D1984" i="5"/>
  <c r="D1983" i="5"/>
  <c r="D1982" i="5"/>
  <c r="D1981" i="5"/>
  <c r="D1980" i="5"/>
  <c r="D1979" i="5"/>
  <c r="D1978" i="5"/>
  <c r="D1977" i="5"/>
  <c r="D1976" i="5"/>
  <c r="D1975" i="5"/>
  <c r="D1974" i="5"/>
  <c r="D1973" i="5"/>
  <c r="D1972" i="5"/>
  <c r="D1971" i="5"/>
  <c r="D1970" i="5"/>
  <c r="D1969" i="5"/>
  <c r="D1968" i="5"/>
  <c r="D1967" i="5"/>
  <c r="D1966" i="5"/>
  <c r="D1965" i="5"/>
  <c r="D1964" i="5"/>
  <c r="D1963" i="5"/>
  <c r="D1962" i="5"/>
  <c r="D1961" i="5"/>
  <c r="D1960" i="5"/>
  <c r="D1959" i="5"/>
  <c r="D1958" i="5"/>
  <c r="D1957" i="5"/>
  <c r="D1956" i="5"/>
  <c r="D1955" i="5"/>
  <c r="D1954" i="5"/>
  <c r="D1953" i="5"/>
  <c r="D1952" i="5"/>
  <c r="D1951" i="5"/>
  <c r="D1950" i="5"/>
  <c r="D1949" i="5"/>
  <c r="D1948" i="5"/>
  <c r="D1947" i="5"/>
  <c r="D1946" i="5"/>
  <c r="D1945" i="5"/>
  <c r="D1944" i="5"/>
  <c r="D1943" i="5"/>
  <c r="D1942" i="5"/>
  <c r="D1941" i="5"/>
  <c r="D1940" i="5"/>
  <c r="D1939" i="5"/>
  <c r="D1938" i="5"/>
  <c r="D1937" i="5"/>
  <c r="D1936" i="5"/>
  <c r="D1935" i="5"/>
  <c r="D1934" i="5"/>
  <c r="D1933" i="5"/>
  <c r="D1932" i="5"/>
  <c r="D1931" i="5"/>
  <c r="D1930" i="5"/>
  <c r="D1929" i="5"/>
  <c r="D1928" i="5"/>
  <c r="D1927" i="5"/>
  <c r="D1926" i="5"/>
  <c r="D1925" i="5"/>
  <c r="D1924" i="5"/>
  <c r="D1923" i="5"/>
  <c r="D1922" i="5"/>
  <c r="D1921" i="5"/>
  <c r="D1920" i="5"/>
  <c r="D1919" i="5"/>
  <c r="D1918" i="5"/>
  <c r="D1917" i="5"/>
  <c r="D1916" i="5"/>
  <c r="D1915" i="5"/>
  <c r="D1914" i="5"/>
  <c r="D1913" i="5"/>
  <c r="D1912" i="5"/>
  <c r="D1911" i="5"/>
  <c r="D1910" i="5"/>
  <c r="D1909" i="5"/>
  <c r="D1908" i="5"/>
  <c r="D1907" i="5"/>
  <c r="D1906" i="5"/>
  <c r="D1905" i="5"/>
  <c r="D1904" i="5"/>
  <c r="D1903" i="5"/>
  <c r="D1902" i="5"/>
  <c r="D1901" i="5"/>
  <c r="D1900" i="5"/>
  <c r="D1899" i="5"/>
  <c r="D1898" i="5"/>
  <c r="D1897" i="5"/>
  <c r="D1896" i="5"/>
  <c r="D1895" i="5"/>
  <c r="D1894" i="5"/>
  <c r="D1893" i="5"/>
  <c r="D1892" i="5"/>
  <c r="D1891" i="5"/>
  <c r="D1890" i="5"/>
  <c r="D1889" i="5"/>
  <c r="D1888" i="5"/>
  <c r="D1887" i="5"/>
  <c r="D1886" i="5"/>
  <c r="D1885" i="5"/>
  <c r="D1884" i="5"/>
  <c r="D1883" i="5"/>
  <c r="D1882" i="5"/>
  <c r="D1881" i="5"/>
  <c r="D1880" i="5"/>
  <c r="D1879" i="5"/>
  <c r="D1878" i="5"/>
  <c r="D1877" i="5"/>
  <c r="D1876" i="5"/>
  <c r="D1875" i="5"/>
  <c r="D1874" i="5"/>
  <c r="D1873" i="5"/>
  <c r="D1872" i="5"/>
  <c r="D1871" i="5"/>
  <c r="D1870" i="5"/>
  <c r="D1869" i="5"/>
  <c r="D1868" i="5"/>
  <c r="D1867" i="5"/>
  <c r="D1866" i="5"/>
  <c r="D1865" i="5"/>
  <c r="D1864" i="5"/>
  <c r="D1863" i="5"/>
  <c r="D1862" i="5"/>
  <c r="D1861" i="5"/>
  <c r="D1860" i="5"/>
  <c r="D1859" i="5"/>
  <c r="D1858" i="5"/>
  <c r="D1857" i="5"/>
  <c r="D1856" i="5"/>
  <c r="D1855" i="5"/>
  <c r="D1854" i="5"/>
  <c r="D1853" i="5"/>
  <c r="D1852" i="5"/>
  <c r="D1851" i="5"/>
  <c r="D1850" i="5"/>
  <c r="D1849" i="5"/>
  <c r="D1848" i="5"/>
  <c r="D1847" i="5"/>
  <c r="D1846" i="5"/>
  <c r="D1845" i="5"/>
  <c r="D1844" i="5"/>
  <c r="D1843" i="5"/>
  <c r="D1842" i="5"/>
  <c r="D1841" i="5"/>
  <c r="D1840" i="5"/>
  <c r="D1839" i="5"/>
  <c r="D1838" i="5"/>
  <c r="D1837" i="5"/>
  <c r="D1836" i="5"/>
  <c r="D1835" i="5"/>
  <c r="D1834" i="5"/>
  <c r="D1833" i="5"/>
  <c r="D1832" i="5"/>
  <c r="D1831" i="5"/>
  <c r="D1830" i="5"/>
  <c r="D1829" i="5"/>
  <c r="D1828" i="5"/>
  <c r="D1827" i="5"/>
  <c r="D1826" i="5"/>
  <c r="D1825" i="5"/>
  <c r="D1824" i="5"/>
  <c r="D1823" i="5"/>
  <c r="D1822" i="5"/>
  <c r="D1821" i="5"/>
  <c r="D1820" i="5"/>
  <c r="D1819" i="5"/>
  <c r="D1818" i="5"/>
  <c r="D1817" i="5"/>
  <c r="D1816" i="5"/>
  <c r="D1815" i="5"/>
  <c r="D1814" i="5"/>
  <c r="D1813" i="5"/>
  <c r="D1812" i="5"/>
  <c r="D1811" i="5"/>
  <c r="D1810" i="5"/>
  <c r="D1809" i="5"/>
  <c r="D1808" i="5"/>
  <c r="D1807" i="5"/>
  <c r="D1806" i="5"/>
  <c r="D1805" i="5"/>
  <c r="D1804" i="5"/>
  <c r="D1803" i="5"/>
  <c r="D1802" i="5"/>
  <c r="D1801" i="5"/>
  <c r="D1800" i="5"/>
  <c r="D1799" i="5"/>
  <c r="D1798" i="5"/>
  <c r="D1797" i="5"/>
  <c r="D1796" i="5"/>
  <c r="D1795" i="5"/>
  <c r="D1794" i="5"/>
  <c r="D1793" i="5"/>
  <c r="D1792" i="5"/>
  <c r="D1791" i="5"/>
  <c r="D1790" i="5"/>
  <c r="D1789" i="5"/>
  <c r="D1788" i="5"/>
  <c r="D1787" i="5"/>
  <c r="D1786" i="5"/>
  <c r="D1785" i="5"/>
  <c r="D1784" i="5"/>
  <c r="D1783" i="5"/>
  <c r="D1782" i="5"/>
  <c r="D1781" i="5"/>
  <c r="D1780" i="5"/>
  <c r="D1779" i="5"/>
  <c r="D1778" i="5"/>
  <c r="D1777" i="5"/>
  <c r="D1776" i="5"/>
  <c r="D1775" i="5"/>
  <c r="D1774" i="5"/>
  <c r="D1773" i="5"/>
  <c r="D1772" i="5"/>
  <c r="D1771" i="5"/>
  <c r="D1770" i="5"/>
  <c r="D1769" i="5"/>
  <c r="D1768" i="5"/>
  <c r="D1767" i="5"/>
  <c r="D1766" i="5"/>
  <c r="D1765" i="5"/>
  <c r="D1764" i="5"/>
  <c r="D1763" i="5"/>
  <c r="D1762" i="5"/>
  <c r="D1761" i="5"/>
  <c r="D1760" i="5"/>
  <c r="D1759" i="5"/>
  <c r="D1758" i="5"/>
  <c r="D1757" i="5"/>
  <c r="D1756" i="5"/>
  <c r="D1755" i="5"/>
  <c r="D1754" i="5"/>
  <c r="D1753" i="5"/>
  <c r="D1752" i="5"/>
  <c r="D1751" i="5"/>
  <c r="D1750" i="5"/>
  <c r="D1749" i="5"/>
  <c r="D1748" i="5"/>
  <c r="D1747" i="5"/>
  <c r="D1746" i="5"/>
  <c r="D1745" i="5"/>
  <c r="D1744" i="5"/>
  <c r="D1743" i="5"/>
  <c r="D1742" i="5"/>
  <c r="D1741" i="5"/>
  <c r="D1740" i="5"/>
  <c r="D1739" i="5"/>
  <c r="D1738" i="5"/>
  <c r="D1737" i="5"/>
  <c r="D1736" i="5"/>
  <c r="D1735" i="5"/>
  <c r="D1734" i="5"/>
  <c r="D1733" i="5"/>
  <c r="D1732" i="5"/>
  <c r="D1731" i="5"/>
  <c r="D1730" i="5"/>
  <c r="D1729" i="5"/>
  <c r="D1728" i="5"/>
  <c r="D1727" i="5"/>
  <c r="D1726" i="5"/>
  <c r="D1725" i="5"/>
  <c r="D1724" i="5"/>
  <c r="D1723" i="5"/>
  <c r="D1722" i="5"/>
  <c r="D1721" i="5"/>
  <c r="D1720" i="5"/>
  <c r="D1719" i="5"/>
  <c r="D1718" i="5"/>
  <c r="D1717" i="5"/>
  <c r="D1716" i="5"/>
  <c r="D1715" i="5"/>
  <c r="D1714" i="5"/>
  <c r="D1713" i="5"/>
  <c r="D1712" i="5"/>
  <c r="D1711" i="5"/>
  <c r="D1710" i="5"/>
  <c r="D1709" i="5"/>
  <c r="D1708" i="5"/>
  <c r="D1707" i="5"/>
  <c r="D1706" i="5"/>
  <c r="D1705" i="5"/>
  <c r="D1704" i="5"/>
  <c r="D1703" i="5"/>
  <c r="D1702" i="5"/>
  <c r="D1701" i="5"/>
  <c r="D1700" i="5"/>
  <c r="D1699" i="5"/>
  <c r="D1698" i="5"/>
  <c r="D1697" i="5"/>
  <c r="D1696" i="5"/>
  <c r="D1695" i="5"/>
  <c r="D1694" i="5"/>
  <c r="D1693" i="5"/>
  <c r="D1692" i="5"/>
  <c r="D1691" i="5"/>
  <c r="D1690" i="5"/>
  <c r="D1689" i="5"/>
  <c r="D1688" i="5"/>
  <c r="D1687" i="5"/>
  <c r="D1686" i="5"/>
  <c r="D1685" i="5"/>
  <c r="D1684" i="5"/>
  <c r="D1683" i="5"/>
  <c r="D1682" i="5"/>
  <c r="D1681" i="5"/>
  <c r="D1680" i="5"/>
  <c r="D1679" i="5"/>
  <c r="D1678" i="5"/>
  <c r="D1677" i="5"/>
  <c r="D1676" i="5"/>
  <c r="D1675" i="5"/>
  <c r="D1674" i="5"/>
  <c r="D1673" i="5"/>
  <c r="D1672" i="5"/>
  <c r="D1671" i="5"/>
  <c r="D1670" i="5"/>
  <c r="D1669" i="5"/>
  <c r="D1668" i="5"/>
  <c r="D1667" i="5"/>
  <c r="D1666" i="5"/>
  <c r="D1665" i="5"/>
  <c r="D1664" i="5"/>
  <c r="D1663" i="5"/>
  <c r="D1662" i="5"/>
  <c r="D1661" i="5"/>
  <c r="D1660" i="5"/>
  <c r="D1659" i="5"/>
  <c r="D1658" i="5"/>
  <c r="D1657" i="5"/>
  <c r="D1656" i="5"/>
  <c r="D1655" i="5"/>
  <c r="D1654" i="5"/>
  <c r="D1653" i="5"/>
  <c r="D1652" i="5"/>
  <c r="D1651" i="5"/>
  <c r="D1650" i="5"/>
  <c r="D1649" i="5"/>
  <c r="D1648" i="5"/>
  <c r="D1647" i="5"/>
  <c r="D1646" i="5"/>
  <c r="D1645" i="5"/>
  <c r="D1644" i="5"/>
  <c r="D1643" i="5"/>
  <c r="D1642" i="5"/>
  <c r="D1641" i="5"/>
  <c r="D1640" i="5"/>
  <c r="D1639" i="5"/>
  <c r="D1638" i="5"/>
  <c r="D1637" i="5"/>
  <c r="D1636" i="5"/>
  <c r="D1635" i="5"/>
  <c r="D1634" i="5"/>
  <c r="D1633" i="5"/>
  <c r="D1632" i="5"/>
  <c r="D1631" i="5"/>
  <c r="D1630" i="5"/>
  <c r="D1629" i="5"/>
  <c r="D1628" i="5"/>
  <c r="D1627" i="5"/>
  <c r="D1626" i="5"/>
  <c r="D1625" i="5"/>
  <c r="D1624" i="5"/>
  <c r="D1623" i="5"/>
  <c r="D1622" i="5"/>
  <c r="D1621" i="5"/>
  <c r="D1620" i="5"/>
  <c r="D1619" i="5"/>
  <c r="D1618" i="5"/>
  <c r="D1617" i="5"/>
  <c r="D1616" i="5"/>
  <c r="D1615" i="5"/>
  <c r="D1614" i="5"/>
  <c r="D1613" i="5"/>
  <c r="D1612" i="5"/>
  <c r="D1611" i="5"/>
  <c r="D1610" i="5"/>
  <c r="D1609" i="5"/>
  <c r="D1608" i="5"/>
  <c r="D1607" i="5"/>
  <c r="D1606" i="5"/>
  <c r="D1605" i="5"/>
  <c r="D1604" i="5"/>
  <c r="D1603" i="5"/>
  <c r="D1602" i="5"/>
  <c r="D1601" i="5"/>
  <c r="D1600" i="5"/>
  <c r="D1599" i="5"/>
  <c r="D1598" i="5"/>
  <c r="D1597" i="5"/>
  <c r="D1596" i="5"/>
  <c r="D1595" i="5"/>
  <c r="D1594" i="5"/>
  <c r="D1593" i="5"/>
  <c r="D1592" i="5"/>
  <c r="D1591" i="5"/>
  <c r="D1590" i="5"/>
  <c r="D1589" i="5"/>
  <c r="D1588" i="5"/>
  <c r="D1587" i="5"/>
  <c r="D1586" i="5"/>
  <c r="D1585" i="5"/>
  <c r="D1584" i="5"/>
  <c r="D1583" i="5"/>
  <c r="D1582" i="5"/>
  <c r="D1581" i="5"/>
  <c r="D1580" i="5"/>
  <c r="D1579" i="5"/>
  <c r="D1578" i="5"/>
  <c r="D1577" i="5"/>
  <c r="D1576" i="5"/>
  <c r="D1575" i="5"/>
  <c r="D1574" i="5"/>
  <c r="D1573" i="5"/>
  <c r="D1572" i="5"/>
  <c r="D1571" i="5"/>
  <c r="D1570" i="5"/>
  <c r="D1569" i="5"/>
  <c r="D1568" i="5"/>
  <c r="D1567" i="5"/>
  <c r="D1566" i="5"/>
  <c r="D1565" i="5"/>
  <c r="D1564" i="5"/>
  <c r="D1563" i="5"/>
  <c r="D1562" i="5"/>
  <c r="D1561" i="5"/>
  <c r="D1560" i="5"/>
  <c r="D1559" i="5"/>
  <c r="D1558" i="5"/>
  <c r="D1557" i="5"/>
  <c r="D1556" i="5"/>
  <c r="D1555" i="5"/>
  <c r="D1554" i="5"/>
  <c r="D1553" i="5"/>
  <c r="D1552" i="5"/>
  <c r="D1551" i="5"/>
  <c r="D1550" i="5"/>
  <c r="D1549" i="5"/>
  <c r="D1548" i="5"/>
  <c r="D1547" i="5"/>
  <c r="D1546" i="5"/>
  <c r="D1545" i="5"/>
  <c r="D1544" i="5"/>
  <c r="D1543" i="5"/>
  <c r="D1542" i="5"/>
  <c r="D1541" i="5"/>
  <c r="D1540" i="5"/>
  <c r="D1539" i="5"/>
  <c r="D1538" i="5"/>
  <c r="D1537" i="5"/>
  <c r="D1536" i="5"/>
  <c r="D1535" i="5"/>
  <c r="D1534" i="5"/>
  <c r="D1533" i="5"/>
  <c r="D1532" i="5"/>
  <c r="D1531" i="5"/>
  <c r="D1530" i="5"/>
  <c r="D1529" i="5"/>
  <c r="D1528" i="5"/>
  <c r="D1527" i="5"/>
  <c r="D1526" i="5"/>
  <c r="D1525" i="5"/>
  <c r="D1524" i="5"/>
  <c r="D1523" i="5"/>
  <c r="D1522" i="5"/>
  <c r="D1521" i="5"/>
  <c r="D1520" i="5"/>
  <c r="D1519" i="5"/>
  <c r="D1518" i="5"/>
  <c r="D1517" i="5"/>
  <c r="D1516" i="5"/>
  <c r="D1515" i="5"/>
  <c r="D1514" i="5"/>
  <c r="D1513" i="5"/>
  <c r="D1512" i="5"/>
  <c r="D1511" i="5"/>
  <c r="D1510" i="5"/>
  <c r="D1509" i="5"/>
  <c r="D1508" i="5"/>
  <c r="D1507" i="5"/>
  <c r="D1506" i="5"/>
  <c r="D1505" i="5"/>
  <c r="D1504" i="5"/>
  <c r="D1503" i="5"/>
  <c r="D1502" i="5"/>
  <c r="D1501" i="5"/>
  <c r="D1500" i="5"/>
  <c r="D1499" i="5"/>
  <c r="D1498" i="5"/>
  <c r="D1497" i="5"/>
  <c r="D1496" i="5"/>
  <c r="D1495" i="5"/>
  <c r="D1494" i="5"/>
  <c r="D1493" i="5"/>
  <c r="D1492" i="5"/>
  <c r="D1491" i="5"/>
  <c r="D1490" i="5"/>
  <c r="D1489" i="5"/>
  <c r="D1488" i="5"/>
  <c r="D1487" i="5"/>
  <c r="D1486" i="5"/>
  <c r="D1485" i="5"/>
  <c r="D1484" i="5"/>
  <c r="D1483" i="5"/>
  <c r="D1482" i="5"/>
  <c r="D1481" i="5"/>
  <c r="D1480" i="5"/>
  <c r="D1479" i="5"/>
  <c r="D1478" i="5"/>
  <c r="D1477" i="5"/>
  <c r="D1476" i="5"/>
  <c r="D1475" i="5"/>
  <c r="D1474" i="5"/>
  <c r="D1473" i="5"/>
  <c r="D1472" i="5"/>
  <c r="D1471" i="5"/>
  <c r="D1470" i="5"/>
  <c r="D1469" i="5"/>
  <c r="D1468" i="5"/>
  <c r="D1467" i="5"/>
  <c r="D1466" i="5"/>
  <c r="D1465" i="5"/>
  <c r="D1464" i="5"/>
  <c r="D1463" i="5"/>
  <c r="D1462" i="5"/>
  <c r="D1461" i="5"/>
  <c r="D1460" i="5"/>
  <c r="D1459" i="5"/>
  <c r="D1458" i="5"/>
  <c r="D1457" i="5"/>
  <c r="D1456" i="5"/>
  <c r="D1455" i="5"/>
  <c r="D1454" i="5"/>
  <c r="D1453" i="5"/>
  <c r="D1452" i="5"/>
  <c r="D1451" i="5"/>
  <c r="D1450" i="5"/>
  <c r="D1449" i="5"/>
  <c r="D1448" i="5"/>
  <c r="D1447" i="5"/>
  <c r="D1446" i="5"/>
  <c r="D1445" i="5"/>
  <c r="D1444" i="5"/>
  <c r="D1443" i="5"/>
  <c r="D1442" i="5"/>
  <c r="D1441" i="5"/>
  <c r="D1440" i="5"/>
  <c r="D1439" i="5"/>
  <c r="D1438" i="5"/>
  <c r="D1437" i="5"/>
  <c r="D1436" i="5"/>
  <c r="D1435" i="5"/>
  <c r="D1434" i="5"/>
  <c r="D1433" i="5"/>
  <c r="D1432" i="5"/>
  <c r="D1431" i="5"/>
  <c r="D1430" i="5"/>
  <c r="D1429" i="5"/>
  <c r="D1428" i="5"/>
  <c r="D1427" i="5"/>
  <c r="D1426" i="5"/>
  <c r="D1425" i="5"/>
  <c r="D1424" i="5"/>
  <c r="D1423" i="5"/>
  <c r="D1422" i="5"/>
  <c r="D1421" i="5"/>
  <c r="D1420" i="5"/>
  <c r="D1419" i="5"/>
  <c r="D1418" i="5"/>
  <c r="D1417" i="5"/>
  <c r="D1416" i="5"/>
  <c r="D1415" i="5"/>
  <c r="D1414" i="5"/>
  <c r="D1413" i="5"/>
  <c r="D1412" i="5"/>
  <c r="D1411" i="5"/>
  <c r="D1410" i="5"/>
  <c r="D1409" i="5"/>
  <c r="D1408" i="5"/>
  <c r="D1407" i="5"/>
  <c r="D1406" i="5"/>
  <c r="D1405" i="5"/>
  <c r="D1404" i="5"/>
  <c r="D1403" i="5"/>
  <c r="D1402" i="5"/>
  <c r="D1401" i="5"/>
  <c r="D1400" i="5"/>
  <c r="D1399" i="5"/>
  <c r="D1398" i="5"/>
  <c r="D1397" i="5"/>
  <c r="D1396" i="5"/>
  <c r="D1395" i="5"/>
  <c r="D1394" i="5"/>
  <c r="D1393" i="5"/>
  <c r="D1392" i="5"/>
  <c r="D1391" i="5"/>
  <c r="D1390" i="5"/>
  <c r="D1389" i="5"/>
  <c r="D1388" i="5"/>
  <c r="D1387" i="5"/>
  <c r="D1386" i="5"/>
  <c r="D1385" i="5"/>
  <c r="D1384" i="5"/>
  <c r="D1383" i="5"/>
  <c r="D1382" i="5"/>
  <c r="D1381" i="5"/>
  <c r="D1380" i="5"/>
  <c r="D1379" i="5"/>
  <c r="D1378" i="5"/>
  <c r="D1377" i="5"/>
  <c r="D1376" i="5"/>
  <c r="D1375" i="5"/>
  <c r="D1374" i="5"/>
  <c r="D1373" i="5"/>
  <c r="D1372" i="5"/>
  <c r="D1371" i="5"/>
  <c r="D1370" i="5"/>
  <c r="D1369" i="5"/>
  <c r="D1368" i="5"/>
  <c r="D1367" i="5"/>
  <c r="D1366" i="5"/>
  <c r="D1365" i="5"/>
  <c r="D1364" i="5"/>
  <c r="D1363" i="5"/>
  <c r="D1362" i="5"/>
  <c r="D1361" i="5"/>
  <c r="D1360" i="5"/>
  <c r="D1359" i="5"/>
  <c r="D1358" i="5"/>
  <c r="D1357" i="5"/>
  <c r="D1356" i="5"/>
  <c r="D1355" i="5"/>
  <c r="D1354" i="5"/>
  <c r="D1353" i="5"/>
  <c r="D1352" i="5"/>
  <c r="D1351" i="5"/>
  <c r="D1350" i="5"/>
  <c r="D1349" i="5"/>
  <c r="D1348" i="5"/>
  <c r="D1347" i="5"/>
  <c r="D1346" i="5"/>
  <c r="D1345" i="5"/>
  <c r="D1344" i="5"/>
  <c r="D1343" i="5"/>
  <c r="D1342" i="5"/>
  <c r="D1341" i="5"/>
  <c r="D1340" i="5"/>
  <c r="D1339" i="5"/>
  <c r="D1338" i="5"/>
  <c r="D1337" i="5"/>
  <c r="D1336" i="5"/>
  <c r="D1335" i="5"/>
  <c r="D1334" i="5"/>
  <c r="D1333" i="5"/>
  <c r="D1332" i="5"/>
  <c r="D1331" i="5"/>
  <c r="D1330" i="5"/>
  <c r="D1329" i="5"/>
  <c r="D1328" i="5"/>
  <c r="D1327" i="5"/>
  <c r="D1326" i="5"/>
  <c r="D1325" i="5"/>
  <c r="D1324" i="5"/>
  <c r="D1323" i="5"/>
  <c r="D1322" i="5"/>
  <c r="D1321" i="5"/>
  <c r="D1320" i="5"/>
  <c r="D1319" i="5"/>
  <c r="D1318" i="5"/>
  <c r="D1317" i="5"/>
  <c r="D1316" i="5"/>
  <c r="D1315" i="5"/>
  <c r="D1314" i="5"/>
  <c r="D1313" i="5"/>
  <c r="D1312" i="5"/>
  <c r="D1311" i="5"/>
  <c r="D1310" i="5"/>
  <c r="D1309" i="5"/>
  <c r="D1308" i="5"/>
  <c r="D1307" i="5"/>
  <c r="D1306" i="5"/>
  <c r="D1305" i="5"/>
  <c r="D1304" i="5"/>
  <c r="D1303" i="5"/>
  <c r="D1302" i="5"/>
  <c r="D1301" i="5"/>
  <c r="D1300" i="5"/>
  <c r="D1299" i="5"/>
  <c r="D1298" i="5"/>
  <c r="D1297" i="5"/>
  <c r="D1296" i="5"/>
  <c r="D1295" i="5"/>
  <c r="D1294" i="5"/>
  <c r="D1293" i="5"/>
  <c r="D1292" i="5"/>
  <c r="D1291" i="5"/>
  <c r="D1290" i="5"/>
  <c r="D1289" i="5"/>
  <c r="D1288" i="5"/>
  <c r="D1287" i="5"/>
  <c r="D1286" i="5"/>
  <c r="D1285" i="5"/>
  <c r="D1284" i="5"/>
  <c r="D1283" i="5"/>
  <c r="D1282" i="5"/>
  <c r="D1281" i="5"/>
  <c r="D1280" i="5"/>
  <c r="D1279" i="5"/>
  <c r="D1278" i="5"/>
  <c r="D1277" i="5"/>
  <c r="D1276" i="5"/>
  <c r="D1275" i="5"/>
  <c r="D1274" i="5"/>
  <c r="D1273" i="5"/>
  <c r="D1272" i="5"/>
  <c r="D1271" i="5"/>
  <c r="D1270" i="5"/>
  <c r="D1269" i="5"/>
  <c r="D1268" i="5"/>
  <c r="D1267" i="5"/>
  <c r="D1266" i="5"/>
  <c r="D1265" i="5"/>
  <c r="D1264" i="5"/>
  <c r="D1263" i="5"/>
  <c r="D1262" i="5"/>
  <c r="D1261" i="5"/>
  <c r="D1260" i="5"/>
  <c r="D1259" i="5"/>
  <c r="D1258" i="5"/>
  <c r="D1257" i="5"/>
  <c r="D1256" i="5"/>
  <c r="D1255" i="5"/>
  <c r="D1254" i="5"/>
  <c r="D1253" i="5"/>
  <c r="D1252" i="5"/>
  <c r="D1251" i="5"/>
  <c r="D1250" i="5"/>
  <c r="D1249" i="5"/>
  <c r="D1248" i="5"/>
  <c r="D1247" i="5"/>
  <c r="D1246" i="5"/>
  <c r="D1245" i="5"/>
  <c r="D1244" i="5"/>
  <c r="D1243" i="5"/>
  <c r="D1242" i="5"/>
  <c r="D1241" i="5"/>
  <c r="D1240" i="5"/>
  <c r="D1239" i="5"/>
  <c r="D1238" i="5"/>
  <c r="D1237" i="5"/>
  <c r="D1236" i="5"/>
  <c r="D1235" i="5"/>
  <c r="D1234" i="5"/>
  <c r="D1233" i="5"/>
  <c r="D1232" i="5"/>
  <c r="D1231" i="5"/>
  <c r="D1230" i="5"/>
  <c r="D1229" i="5"/>
  <c r="D1228" i="5"/>
  <c r="D1227" i="5"/>
  <c r="D1226" i="5"/>
  <c r="D1225" i="5"/>
  <c r="D1224" i="5"/>
  <c r="D1223" i="5"/>
  <c r="D1222" i="5"/>
  <c r="D1221" i="5"/>
  <c r="D1220" i="5"/>
  <c r="D1219" i="5"/>
  <c r="D1218" i="5"/>
  <c r="D1217" i="5"/>
  <c r="D1216" i="5"/>
  <c r="D1215" i="5"/>
  <c r="D1214" i="5"/>
  <c r="D1213" i="5"/>
  <c r="D1212" i="5"/>
  <c r="D1211" i="5"/>
  <c r="D1210" i="5"/>
  <c r="D1209" i="5"/>
  <c r="D1208" i="5"/>
  <c r="D1207" i="5"/>
  <c r="D1206" i="5"/>
  <c r="D1205" i="5"/>
  <c r="D1204" i="5"/>
  <c r="D1203" i="5"/>
  <c r="D1202" i="5"/>
  <c r="D1201" i="5"/>
  <c r="D1200" i="5"/>
  <c r="D1199" i="5"/>
  <c r="D1198" i="5"/>
  <c r="D1197" i="5"/>
  <c r="D1196" i="5"/>
  <c r="D1195" i="5"/>
  <c r="D1194" i="5"/>
  <c r="D1193" i="5"/>
  <c r="D1192" i="5"/>
  <c r="D1191" i="5"/>
  <c r="D1190" i="5"/>
  <c r="D1189" i="5"/>
  <c r="D1188" i="5"/>
  <c r="D1187" i="5"/>
  <c r="D1186" i="5"/>
  <c r="D1185" i="5"/>
  <c r="D1184" i="5"/>
  <c r="D1183" i="5"/>
  <c r="D1182" i="5"/>
  <c r="D1181" i="5"/>
  <c r="D1180" i="5"/>
  <c r="D1179" i="5"/>
  <c r="D1178" i="5"/>
  <c r="D1177" i="5"/>
  <c r="D1176" i="5"/>
  <c r="D1175" i="5"/>
  <c r="D1174" i="5"/>
  <c r="D1173" i="5"/>
  <c r="D1172" i="5"/>
  <c r="D1171" i="5"/>
  <c r="D1170" i="5"/>
  <c r="D1169" i="5"/>
  <c r="D1168" i="5"/>
  <c r="D1167" i="5"/>
  <c r="D1166" i="5"/>
  <c r="D1165" i="5"/>
  <c r="D1164" i="5"/>
  <c r="D1163" i="5"/>
  <c r="D1162" i="5"/>
  <c r="D1161" i="5"/>
  <c r="D1160" i="5"/>
  <c r="D1159" i="5"/>
  <c r="D1158" i="5"/>
  <c r="D1157" i="5"/>
  <c r="D1156" i="5"/>
  <c r="D1155" i="5"/>
  <c r="D1154" i="5"/>
  <c r="D1153" i="5"/>
  <c r="D1152" i="5"/>
  <c r="D1151" i="5"/>
  <c r="D1150" i="5"/>
  <c r="D1149" i="5"/>
  <c r="D1148" i="5"/>
  <c r="D1147" i="5"/>
  <c r="D1146" i="5"/>
  <c r="D1145" i="5"/>
  <c r="D1144" i="5"/>
  <c r="D1143" i="5"/>
  <c r="D1142" i="5"/>
  <c r="D1141" i="5"/>
  <c r="D1140" i="5"/>
  <c r="D1139" i="5"/>
  <c r="D1138" i="5"/>
  <c r="D1137" i="5"/>
  <c r="D1136" i="5"/>
  <c r="D1135" i="5"/>
  <c r="D1134" i="5"/>
  <c r="D1133" i="5"/>
  <c r="D1132" i="5"/>
  <c r="D1131" i="5"/>
  <c r="D1130" i="5"/>
  <c r="D1129" i="5"/>
  <c r="D1128" i="5"/>
  <c r="D1127" i="5"/>
  <c r="D1126" i="5"/>
  <c r="D1125" i="5"/>
  <c r="D1124" i="5"/>
  <c r="D1123" i="5"/>
  <c r="D1122" i="5"/>
  <c r="D1121" i="5"/>
  <c r="D1120" i="5"/>
  <c r="D1119" i="5"/>
  <c r="D1118" i="5"/>
  <c r="D1117" i="5"/>
  <c r="D1116" i="5"/>
  <c r="D1115" i="5"/>
  <c r="D1114" i="5"/>
  <c r="D1113" i="5"/>
  <c r="D1112" i="5"/>
  <c r="D1111" i="5"/>
  <c r="D1110" i="5"/>
  <c r="D1109" i="5"/>
  <c r="D1108" i="5"/>
  <c r="D1107" i="5"/>
  <c r="D1106" i="5"/>
  <c r="D1105" i="5"/>
  <c r="D1104" i="5"/>
  <c r="D1103" i="5"/>
  <c r="D1102" i="5"/>
  <c r="D1101" i="5"/>
  <c r="D1100" i="5"/>
  <c r="D1099" i="5"/>
  <c r="D1098" i="5"/>
  <c r="D1097" i="5"/>
  <c r="D1096" i="5"/>
  <c r="D1095" i="5"/>
  <c r="D1094" i="5"/>
  <c r="D1093" i="5"/>
  <c r="D1092" i="5"/>
  <c r="D1091" i="5"/>
  <c r="D1090" i="5"/>
  <c r="D1089" i="5"/>
  <c r="D1088" i="5"/>
  <c r="D1087" i="5"/>
  <c r="D1086" i="5"/>
  <c r="D1085" i="5"/>
  <c r="D1084" i="5"/>
  <c r="D1083" i="5"/>
  <c r="D1082" i="5"/>
  <c r="D1081" i="5"/>
  <c r="D1080" i="5"/>
  <c r="D1079" i="5"/>
  <c r="D1078" i="5"/>
  <c r="D1077" i="5"/>
  <c r="D1076" i="5"/>
  <c r="D1075" i="5"/>
  <c r="D1074" i="5"/>
  <c r="D1073" i="5"/>
  <c r="D1072" i="5"/>
  <c r="D1071" i="5"/>
  <c r="D1070" i="5"/>
  <c r="D1069" i="5"/>
  <c r="D1068" i="5"/>
  <c r="D1067" i="5"/>
  <c r="D1066" i="5"/>
  <c r="D1065" i="5"/>
  <c r="D1064" i="5"/>
  <c r="D1063" i="5"/>
  <c r="D1062" i="5"/>
  <c r="D1061" i="5"/>
  <c r="D1060" i="5"/>
  <c r="D1059" i="5"/>
  <c r="D1058" i="5"/>
  <c r="D1057" i="5"/>
  <c r="D1056" i="5"/>
  <c r="D1055" i="5"/>
  <c r="D1054" i="5"/>
  <c r="D1053" i="5"/>
  <c r="D1052" i="5"/>
  <c r="D1051" i="5"/>
  <c r="D1050" i="5"/>
  <c r="D1049" i="5"/>
  <c r="D1048" i="5"/>
  <c r="D1047" i="5"/>
  <c r="D1046" i="5"/>
  <c r="D1045" i="5"/>
  <c r="D1044" i="5"/>
  <c r="D1043" i="5"/>
  <c r="D1042" i="5"/>
  <c r="D1041" i="5"/>
  <c r="D1040" i="5"/>
  <c r="D1039" i="5"/>
  <c r="D1038" i="5"/>
  <c r="D1037" i="5"/>
  <c r="D1036" i="5"/>
  <c r="D1035" i="5"/>
  <c r="D1034" i="5"/>
  <c r="D1033" i="5"/>
  <c r="D1032" i="5"/>
  <c r="D1031" i="5"/>
  <c r="D1030" i="5"/>
  <c r="D1029" i="5"/>
  <c r="D1028" i="5"/>
  <c r="D1027" i="5"/>
  <c r="D1026" i="5"/>
  <c r="D1025" i="5"/>
  <c r="D1024" i="5"/>
  <c r="D1023" i="5"/>
  <c r="D1022" i="5"/>
  <c r="D1021" i="5"/>
  <c r="D1020" i="5"/>
  <c r="D1019" i="5"/>
  <c r="D1018" i="5"/>
  <c r="D1017" i="5"/>
  <c r="D1016" i="5"/>
  <c r="D1015" i="5"/>
  <c r="D1014" i="5"/>
  <c r="D1013" i="5"/>
  <c r="D1012" i="5"/>
  <c r="D1011" i="5"/>
  <c r="D1010" i="5"/>
  <c r="D1009" i="5"/>
  <c r="D1008" i="5"/>
  <c r="D1007" i="5"/>
  <c r="D1006" i="5"/>
  <c r="D1005" i="5"/>
  <c r="D1004" i="5"/>
  <c r="D1003" i="5"/>
  <c r="D1002" i="5"/>
  <c r="D1001" i="5"/>
  <c r="D1000" i="5"/>
  <c r="D999" i="5"/>
  <c r="D998" i="5"/>
  <c r="D997" i="5"/>
  <c r="D996" i="5"/>
  <c r="D995" i="5"/>
  <c r="D994" i="5"/>
  <c r="D993" i="5"/>
  <c r="D992" i="5"/>
  <c r="D991" i="5"/>
  <c r="D990" i="5"/>
  <c r="D989" i="5"/>
  <c r="D988" i="5"/>
  <c r="D987" i="5"/>
  <c r="D986" i="5"/>
  <c r="D985" i="5"/>
  <c r="D984" i="5"/>
  <c r="D983" i="5"/>
  <c r="D982" i="5"/>
  <c r="D981" i="5"/>
  <c r="D980" i="5"/>
  <c r="D979" i="5"/>
  <c r="D978" i="5"/>
  <c r="D977" i="5"/>
  <c r="D976" i="5"/>
  <c r="D975" i="5"/>
  <c r="D974" i="5"/>
  <c r="D973" i="5"/>
  <c r="D972" i="5"/>
  <c r="D971" i="5"/>
  <c r="D970" i="5"/>
  <c r="D969" i="5"/>
  <c r="D968" i="5"/>
  <c r="D967" i="5"/>
  <c r="D966" i="5"/>
  <c r="D965" i="5"/>
  <c r="D964" i="5"/>
  <c r="D963" i="5"/>
  <c r="D962" i="5"/>
  <c r="D961" i="5"/>
  <c r="D960" i="5"/>
  <c r="D959" i="5"/>
  <c r="D958" i="5"/>
  <c r="D957" i="5"/>
  <c r="D956" i="5"/>
  <c r="D955" i="5"/>
  <c r="D954" i="5"/>
  <c r="D953" i="5"/>
  <c r="D952" i="5"/>
  <c r="D951" i="5"/>
  <c r="D950" i="5"/>
  <c r="D949" i="5"/>
  <c r="D948" i="5"/>
  <c r="D947" i="5"/>
  <c r="D946" i="5"/>
  <c r="D945" i="5"/>
  <c r="D944" i="5"/>
  <c r="D943" i="5"/>
  <c r="D942" i="5"/>
  <c r="D941" i="5"/>
  <c r="D940" i="5"/>
  <c r="D939" i="5"/>
  <c r="D938" i="5"/>
  <c r="D937" i="5"/>
  <c r="D936" i="5"/>
  <c r="D935" i="5"/>
  <c r="D934" i="5"/>
  <c r="D933" i="5"/>
  <c r="D932" i="5"/>
  <c r="D931" i="5"/>
  <c r="D930" i="5"/>
  <c r="D929" i="5"/>
  <c r="D928" i="5"/>
  <c r="D927" i="5"/>
  <c r="D926" i="5"/>
  <c r="D925" i="5"/>
  <c r="D924" i="5"/>
  <c r="D923" i="5"/>
  <c r="D922" i="5"/>
  <c r="D921" i="5"/>
  <c r="D920" i="5"/>
  <c r="D919" i="5"/>
  <c r="D918" i="5"/>
  <c r="D917" i="5"/>
  <c r="D916" i="5"/>
  <c r="D915" i="5"/>
  <c r="D914" i="5"/>
  <c r="D913" i="5"/>
  <c r="D912" i="5"/>
  <c r="D911" i="5"/>
  <c r="D910" i="5"/>
  <c r="D909" i="5"/>
  <c r="D908" i="5"/>
  <c r="D907" i="5"/>
  <c r="D906" i="5"/>
  <c r="D905" i="5"/>
  <c r="D904" i="5"/>
  <c r="D903" i="5"/>
  <c r="D902" i="5"/>
  <c r="D901" i="5"/>
  <c r="D900" i="5"/>
  <c r="D899" i="5"/>
  <c r="D898" i="5"/>
  <c r="D897" i="5"/>
  <c r="D896" i="5"/>
  <c r="D895" i="5"/>
  <c r="D894" i="5"/>
  <c r="D893" i="5"/>
  <c r="D892" i="5"/>
  <c r="D891" i="5"/>
  <c r="D890" i="5"/>
  <c r="D889" i="5"/>
  <c r="D888" i="5"/>
  <c r="D887" i="5"/>
  <c r="D886" i="5"/>
  <c r="D885" i="5"/>
  <c r="D884" i="5"/>
  <c r="D883" i="5"/>
  <c r="D882" i="5"/>
  <c r="D881" i="5"/>
  <c r="D880" i="5"/>
  <c r="D879" i="5"/>
  <c r="D878" i="5"/>
  <c r="D877" i="5"/>
  <c r="D876" i="5"/>
  <c r="D875" i="5"/>
  <c r="D874" i="5"/>
  <c r="D873" i="5"/>
  <c r="D872" i="5"/>
  <c r="D871" i="5"/>
  <c r="D870" i="5"/>
  <c r="D869" i="5"/>
  <c r="D868" i="5"/>
  <c r="D867" i="5"/>
  <c r="D866" i="5"/>
  <c r="D865" i="5"/>
  <c r="D864" i="5"/>
  <c r="D863" i="5"/>
  <c r="D862" i="5"/>
  <c r="D861" i="5"/>
  <c r="D860" i="5"/>
  <c r="D859" i="5"/>
  <c r="D858" i="5"/>
  <c r="D857" i="5"/>
  <c r="D856" i="5"/>
  <c r="D855" i="5"/>
  <c r="D854" i="5"/>
  <c r="D853" i="5"/>
  <c r="D852" i="5"/>
  <c r="D851" i="5"/>
  <c r="D850" i="5"/>
  <c r="D849" i="5"/>
  <c r="D848" i="5"/>
  <c r="D847" i="5"/>
  <c r="D846" i="5"/>
  <c r="D845" i="5"/>
  <c r="D844" i="5"/>
  <c r="D843" i="5"/>
  <c r="D842" i="5"/>
  <c r="D841" i="5"/>
  <c r="D840" i="5"/>
  <c r="D839" i="5"/>
  <c r="D838" i="5"/>
  <c r="D837" i="5"/>
  <c r="D836" i="5"/>
  <c r="D835" i="5"/>
  <c r="D834" i="5"/>
  <c r="D833" i="5"/>
  <c r="D832" i="5"/>
  <c r="D831" i="5"/>
  <c r="D830" i="5"/>
  <c r="D829" i="5"/>
  <c r="D828" i="5"/>
  <c r="D827" i="5"/>
  <c r="D826" i="5"/>
  <c r="D825" i="5"/>
  <c r="D824" i="5"/>
  <c r="D823" i="5"/>
  <c r="D822" i="5"/>
  <c r="D821" i="5"/>
  <c r="D820" i="5"/>
  <c r="D819" i="5"/>
  <c r="D818" i="5"/>
  <c r="D817" i="5"/>
  <c r="D816" i="5"/>
  <c r="D815" i="5"/>
  <c r="D814" i="5"/>
  <c r="D813" i="5"/>
  <c r="D812" i="5"/>
  <c r="D811" i="5"/>
  <c r="D810" i="5"/>
  <c r="D809" i="5"/>
  <c r="D808" i="5"/>
  <c r="D807" i="5"/>
  <c r="D806" i="5"/>
  <c r="D805" i="5"/>
  <c r="D804" i="5"/>
  <c r="D803" i="5"/>
  <c r="D802" i="5"/>
  <c r="D801" i="5"/>
  <c r="D800" i="5"/>
  <c r="D799" i="5"/>
  <c r="D798" i="5"/>
  <c r="D797" i="5"/>
  <c r="D796" i="5"/>
  <c r="D795" i="5"/>
  <c r="D794" i="5"/>
  <c r="D793" i="5"/>
  <c r="D792" i="5"/>
  <c r="D791" i="5"/>
  <c r="D790" i="5"/>
  <c r="D789" i="5"/>
  <c r="D788" i="5"/>
  <c r="D787" i="5"/>
  <c r="D786" i="5"/>
  <c r="D785" i="5"/>
  <c r="D784" i="5"/>
  <c r="D783" i="5"/>
  <c r="D782" i="5"/>
  <c r="D781" i="5"/>
  <c r="D780" i="5"/>
  <c r="D779" i="5"/>
  <c r="D778" i="5"/>
  <c r="D777" i="5"/>
  <c r="D776" i="5"/>
  <c r="D775" i="5"/>
  <c r="D774" i="5"/>
  <c r="D773" i="5"/>
  <c r="D772" i="5"/>
  <c r="D771" i="5"/>
  <c r="D770" i="5"/>
  <c r="D769" i="5"/>
  <c r="D768" i="5"/>
  <c r="D767" i="5"/>
  <c r="D766" i="5"/>
  <c r="D765" i="5"/>
  <c r="D764" i="5"/>
  <c r="D763" i="5"/>
  <c r="D762" i="5"/>
  <c r="D761" i="5"/>
  <c r="D760" i="5"/>
  <c r="D759" i="5"/>
  <c r="D758" i="5"/>
  <c r="D757" i="5"/>
  <c r="D756" i="5"/>
  <c r="D755" i="5"/>
  <c r="D754" i="5"/>
  <c r="D753" i="5"/>
  <c r="D752" i="5"/>
  <c r="D751" i="5"/>
  <c r="D750" i="5"/>
  <c r="D749" i="5"/>
  <c r="D748" i="5"/>
  <c r="D747" i="5"/>
  <c r="D746" i="5"/>
  <c r="D745" i="5"/>
  <c r="D744" i="5"/>
  <c r="D743" i="5"/>
  <c r="D742" i="5"/>
  <c r="D741" i="5"/>
  <c r="D740" i="5"/>
  <c r="D739" i="5"/>
  <c r="D738" i="5"/>
  <c r="D737" i="5"/>
  <c r="D736" i="5"/>
  <c r="D735" i="5"/>
  <c r="D734" i="5"/>
  <c r="D733" i="5"/>
  <c r="D732" i="5"/>
  <c r="D731" i="5"/>
  <c r="D730" i="5"/>
  <c r="D729" i="5"/>
  <c r="D728" i="5"/>
  <c r="D727" i="5"/>
  <c r="D726" i="5"/>
  <c r="D725" i="5"/>
  <c r="D724" i="5"/>
  <c r="D723" i="5"/>
  <c r="D722" i="5"/>
  <c r="D721" i="5"/>
  <c r="D720" i="5"/>
  <c r="D719" i="5"/>
  <c r="D718" i="5"/>
  <c r="D717" i="5"/>
  <c r="D716" i="5"/>
  <c r="D715" i="5"/>
  <c r="D714" i="5"/>
  <c r="D713" i="5"/>
  <c r="D712" i="5"/>
  <c r="D711" i="5"/>
  <c r="D710" i="5"/>
  <c r="D709" i="5"/>
  <c r="D708" i="5"/>
  <c r="D707" i="5"/>
  <c r="D706" i="5"/>
  <c r="D705" i="5"/>
  <c r="D704" i="5"/>
  <c r="D703" i="5"/>
  <c r="D702" i="5"/>
  <c r="D701" i="5"/>
  <c r="D700" i="5"/>
  <c r="D699" i="5"/>
  <c r="D698" i="5"/>
  <c r="D697" i="5"/>
  <c r="D696" i="5"/>
  <c r="D695" i="5"/>
  <c r="D694" i="5"/>
  <c r="D693" i="5"/>
  <c r="D692" i="5"/>
  <c r="D691" i="5"/>
  <c r="D690" i="5"/>
  <c r="D689" i="5"/>
  <c r="D688" i="5"/>
  <c r="D687" i="5"/>
  <c r="D686" i="5"/>
  <c r="D685" i="5"/>
  <c r="D684" i="5"/>
  <c r="D683" i="5"/>
  <c r="D682" i="5"/>
  <c r="D681" i="5"/>
  <c r="D680" i="5"/>
  <c r="D679" i="5"/>
  <c r="D678" i="5"/>
  <c r="D677" i="5"/>
  <c r="D676" i="5"/>
  <c r="D675" i="5"/>
  <c r="D674" i="5"/>
  <c r="D673" i="5"/>
  <c r="D672" i="5"/>
  <c r="D671" i="5"/>
  <c r="D670" i="5"/>
  <c r="D669" i="5"/>
  <c r="D668" i="5"/>
  <c r="D667" i="5"/>
  <c r="D666" i="5"/>
  <c r="D665" i="5"/>
  <c r="D664" i="5"/>
  <c r="D663" i="5"/>
  <c r="D662" i="5"/>
  <c r="D661" i="5"/>
  <c r="D660" i="5"/>
  <c r="D659" i="5"/>
  <c r="D658" i="5"/>
  <c r="D657" i="5"/>
  <c r="D656" i="5"/>
  <c r="D655" i="5"/>
  <c r="D654" i="5"/>
  <c r="D653" i="5"/>
  <c r="D652" i="5"/>
  <c r="D651" i="5"/>
  <c r="D650" i="5"/>
  <c r="D649" i="5"/>
  <c r="D648" i="5"/>
  <c r="D647" i="5"/>
  <c r="D646" i="5"/>
  <c r="D645" i="5"/>
  <c r="D644" i="5"/>
  <c r="D643" i="5"/>
  <c r="D642" i="5"/>
  <c r="D641" i="5"/>
  <c r="D640" i="5"/>
  <c r="D639" i="5"/>
  <c r="D638" i="5"/>
  <c r="D637" i="5"/>
  <c r="D636" i="5"/>
  <c r="D635" i="5"/>
  <c r="D634" i="5"/>
  <c r="D633" i="5"/>
  <c r="D632" i="5"/>
  <c r="D631" i="5"/>
  <c r="D630" i="5"/>
  <c r="D629" i="5"/>
  <c r="D628" i="5"/>
  <c r="D627" i="5"/>
  <c r="D626" i="5"/>
  <c r="D625" i="5"/>
  <c r="D624" i="5"/>
  <c r="D623" i="5"/>
  <c r="D622" i="5"/>
  <c r="D621" i="5"/>
  <c r="D620" i="5"/>
  <c r="D619" i="5"/>
  <c r="D618" i="5"/>
  <c r="D617" i="5"/>
  <c r="D616" i="5"/>
  <c r="D615" i="5"/>
  <c r="D614" i="5"/>
  <c r="D613" i="5"/>
  <c r="D612" i="5"/>
  <c r="D611" i="5"/>
  <c r="D610" i="5"/>
  <c r="D609" i="5"/>
  <c r="D608" i="5"/>
  <c r="D607" i="5"/>
  <c r="D606" i="5"/>
  <c r="D605" i="5"/>
  <c r="D604" i="5"/>
  <c r="D603" i="5"/>
  <c r="D602" i="5"/>
  <c r="D601" i="5"/>
  <c r="D600" i="5"/>
  <c r="D599" i="5"/>
  <c r="D598" i="5"/>
  <c r="D597" i="5"/>
  <c r="D596" i="5"/>
  <c r="D595" i="5"/>
  <c r="D594" i="5"/>
  <c r="D593" i="5"/>
  <c r="D592" i="5"/>
  <c r="D591" i="5"/>
  <c r="D590" i="5"/>
  <c r="D589" i="5"/>
  <c r="D588" i="5"/>
  <c r="D587" i="5"/>
  <c r="D586" i="5"/>
  <c r="D585" i="5"/>
  <c r="D584" i="5"/>
  <c r="D583" i="5"/>
  <c r="D582" i="5"/>
  <c r="D581" i="5"/>
  <c r="D580" i="5"/>
  <c r="D579" i="5"/>
  <c r="D578" i="5"/>
  <c r="D577" i="5"/>
  <c r="D576" i="5"/>
  <c r="D575" i="5"/>
  <c r="D574" i="5"/>
  <c r="D573" i="5"/>
  <c r="D572" i="5"/>
  <c r="D571" i="5"/>
  <c r="D570" i="5"/>
  <c r="D569" i="5"/>
  <c r="D568" i="5"/>
  <c r="D567" i="5"/>
  <c r="D566" i="5"/>
  <c r="D565" i="5"/>
  <c r="D564" i="5"/>
  <c r="D563" i="5"/>
  <c r="D562" i="5"/>
  <c r="D561" i="5"/>
  <c r="D560" i="5"/>
  <c r="D559" i="5"/>
  <c r="D558" i="5"/>
  <c r="D557" i="5"/>
  <c r="D556" i="5"/>
  <c r="D555" i="5"/>
  <c r="D554" i="5"/>
  <c r="D553" i="5"/>
  <c r="D552" i="5"/>
  <c r="D551" i="5"/>
  <c r="D550" i="5"/>
  <c r="D549" i="5"/>
  <c r="D548" i="5"/>
  <c r="D547" i="5"/>
  <c r="D546" i="5"/>
  <c r="D545" i="5"/>
  <c r="D544" i="5"/>
  <c r="D543" i="5"/>
  <c r="D542" i="5"/>
  <c r="D541" i="5"/>
  <c r="D540" i="5"/>
  <c r="D539" i="5"/>
  <c r="D538" i="5"/>
  <c r="D537" i="5"/>
  <c r="D536" i="5"/>
  <c r="D535" i="5"/>
  <c r="D534" i="5"/>
  <c r="D533" i="5"/>
  <c r="D532" i="5"/>
  <c r="D531" i="5"/>
  <c r="D530" i="5"/>
  <c r="D529" i="5"/>
  <c r="D528" i="5"/>
  <c r="D527" i="5"/>
  <c r="D526" i="5"/>
  <c r="D525" i="5"/>
  <c r="D524" i="5"/>
  <c r="D523" i="5"/>
  <c r="D522" i="5"/>
  <c r="D521" i="5"/>
  <c r="D520" i="5"/>
  <c r="D519" i="5"/>
  <c r="D518" i="5"/>
  <c r="D517" i="5"/>
  <c r="D516" i="5"/>
  <c r="D515" i="5"/>
  <c r="D514" i="5"/>
  <c r="D513" i="5"/>
  <c r="D512" i="5"/>
  <c r="D511" i="5"/>
  <c r="D510" i="5"/>
  <c r="D509" i="5"/>
  <c r="D508" i="5"/>
  <c r="D507" i="5"/>
  <c r="D506" i="5"/>
  <c r="D505" i="5"/>
  <c r="D504" i="5"/>
  <c r="D503" i="5"/>
  <c r="D502" i="5"/>
  <c r="D501" i="5"/>
  <c r="D500" i="5"/>
  <c r="D499" i="5"/>
  <c r="D498" i="5"/>
  <c r="D497" i="5"/>
  <c r="D496" i="5"/>
  <c r="D495" i="5"/>
  <c r="D494" i="5"/>
  <c r="D493" i="5"/>
  <c r="D492" i="5"/>
  <c r="D491" i="5"/>
  <c r="D490" i="5"/>
  <c r="D489" i="5"/>
  <c r="D488" i="5"/>
  <c r="D487" i="5"/>
  <c r="D486" i="5"/>
  <c r="D485" i="5"/>
  <c r="D484" i="5"/>
  <c r="D483" i="5"/>
  <c r="D482" i="5"/>
  <c r="D481" i="5"/>
  <c r="D480" i="5"/>
  <c r="D479" i="5"/>
  <c r="D478" i="5"/>
  <c r="D477" i="5"/>
  <c r="D476" i="5"/>
  <c r="D475" i="5"/>
  <c r="D474" i="5"/>
  <c r="D473" i="5"/>
  <c r="D472" i="5"/>
  <c r="D471" i="5"/>
  <c r="D470" i="5"/>
  <c r="D469" i="5"/>
  <c r="D468" i="5"/>
  <c r="D467" i="5"/>
  <c r="D466" i="5"/>
  <c r="D465" i="5"/>
  <c r="D464" i="5"/>
  <c r="D463" i="5"/>
  <c r="D462" i="5"/>
  <c r="D461" i="5"/>
  <c r="D460" i="5"/>
  <c r="D459" i="5"/>
  <c r="D458" i="5"/>
  <c r="D457" i="5"/>
  <c r="D456" i="5"/>
  <c r="D455" i="5"/>
  <c r="D454" i="5"/>
  <c r="D453" i="5"/>
  <c r="D452" i="5"/>
  <c r="D451" i="5"/>
  <c r="D450" i="5"/>
  <c r="D449" i="5"/>
  <c r="D448" i="5"/>
  <c r="D447" i="5"/>
  <c r="D446" i="5"/>
  <c r="D445" i="5"/>
  <c r="D444" i="5"/>
  <c r="D443" i="5"/>
  <c r="D442" i="5"/>
  <c r="D441" i="5"/>
  <c r="D440" i="5"/>
  <c r="D439" i="5"/>
  <c r="D438" i="5"/>
  <c r="D437" i="5"/>
  <c r="D436" i="5"/>
  <c r="D435" i="5"/>
  <c r="D434" i="5"/>
  <c r="D433" i="5"/>
  <c r="D432" i="5"/>
  <c r="D431" i="5"/>
  <c r="D430" i="5"/>
  <c r="D429" i="5"/>
  <c r="D428" i="5"/>
  <c r="D427" i="5"/>
  <c r="D426" i="5"/>
  <c r="D425" i="5"/>
  <c r="D424" i="5"/>
  <c r="D423" i="5"/>
  <c r="D422" i="5"/>
  <c r="D421" i="5"/>
  <c r="D420" i="5"/>
  <c r="D419" i="5"/>
  <c r="D418" i="5"/>
  <c r="D417" i="5"/>
  <c r="D416" i="5"/>
  <c r="D415" i="5"/>
  <c r="D414" i="5"/>
  <c r="D413" i="5"/>
  <c r="D412" i="5"/>
  <c r="D411" i="5"/>
  <c r="D410" i="5"/>
  <c r="D409" i="5"/>
  <c r="D408" i="5"/>
  <c r="D407" i="5"/>
  <c r="D406" i="5"/>
  <c r="D405" i="5"/>
  <c r="D404" i="5"/>
  <c r="D403" i="5"/>
  <c r="D402" i="5"/>
  <c r="D401" i="5"/>
  <c r="D400" i="5"/>
  <c r="D399" i="5"/>
  <c r="D398" i="5"/>
  <c r="D397" i="5"/>
  <c r="D396" i="5"/>
  <c r="D395" i="5"/>
  <c r="D394" i="5"/>
  <c r="D393" i="5"/>
  <c r="D392" i="5"/>
  <c r="D391" i="5"/>
  <c r="D390" i="5"/>
  <c r="D389" i="5"/>
  <c r="D388" i="5"/>
  <c r="D387" i="5"/>
  <c r="D386" i="5"/>
  <c r="D385" i="5"/>
  <c r="D384" i="5"/>
  <c r="D383" i="5"/>
  <c r="D382" i="5"/>
  <c r="D381" i="5"/>
  <c r="D380" i="5"/>
  <c r="D379" i="5"/>
  <c r="D378" i="5"/>
  <c r="D377" i="5"/>
  <c r="D376" i="5"/>
  <c r="D375" i="5"/>
  <c r="D374" i="5"/>
  <c r="D373" i="5"/>
  <c r="D372" i="5"/>
  <c r="D371" i="5"/>
  <c r="D370" i="5"/>
  <c r="D369" i="5"/>
  <c r="D368" i="5"/>
  <c r="D367" i="5"/>
  <c r="D366" i="5"/>
  <c r="D365" i="5"/>
  <c r="D364" i="5"/>
  <c r="D363" i="5"/>
  <c r="D362" i="5"/>
  <c r="D361" i="5"/>
  <c r="D360" i="5"/>
  <c r="D359" i="5"/>
  <c r="D358" i="5"/>
  <c r="D357" i="5"/>
  <c r="D356" i="5"/>
  <c r="D355" i="5"/>
  <c r="D354" i="5"/>
  <c r="D353" i="5"/>
  <c r="D352" i="5"/>
  <c r="D351" i="5"/>
  <c r="D350" i="5"/>
  <c r="D349" i="5"/>
  <c r="D348" i="5"/>
  <c r="D347" i="5"/>
  <c r="D346" i="5"/>
  <c r="D345" i="5"/>
  <c r="D344" i="5"/>
  <c r="D343" i="5"/>
  <c r="D342" i="5"/>
  <c r="D341" i="5"/>
  <c r="D340" i="5"/>
  <c r="D339" i="5"/>
  <c r="D338" i="5"/>
  <c r="D337" i="5"/>
  <c r="D336" i="5"/>
  <c r="D335" i="5"/>
  <c r="D334" i="5"/>
  <c r="D333" i="5"/>
  <c r="D332" i="5"/>
  <c r="D331" i="5"/>
  <c r="D330" i="5"/>
  <c r="D329" i="5"/>
  <c r="D328" i="5"/>
  <c r="D327" i="5"/>
  <c r="D326" i="5"/>
  <c r="D325" i="5"/>
  <c r="D324" i="5"/>
  <c r="D323" i="5"/>
  <c r="D322" i="5"/>
  <c r="D321" i="5"/>
  <c r="D320" i="5"/>
  <c r="D319" i="5"/>
  <c r="D318" i="5"/>
  <c r="D317" i="5"/>
  <c r="D316" i="5"/>
  <c r="D315" i="5"/>
  <c r="D314" i="5"/>
  <c r="D313" i="5"/>
  <c r="D312" i="5"/>
  <c r="D311" i="5"/>
  <c r="D310" i="5"/>
  <c r="D309" i="5"/>
  <c r="D308" i="5"/>
  <c r="D307" i="5"/>
  <c r="D306" i="5"/>
  <c r="D305" i="5"/>
  <c r="D304" i="5"/>
  <c r="D303" i="5"/>
  <c r="D302" i="5"/>
  <c r="D301" i="5"/>
  <c r="D300" i="5"/>
  <c r="D299" i="5"/>
  <c r="D298" i="5"/>
  <c r="D297" i="5"/>
  <c r="D296" i="5"/>
  <c r="D295" i="5"/>
  <c r="D294" i="5"/>
  <c r="D293" i="5"/>
  <c r="D292" i="5"/>
  <c r="D291" i="5"/>
  <c r="D290" i="5"/>
  <c r="D289" i="5"/>
  <c r="D288" i="5"/>
  <c r="D287" i="5"/>
  <c r="D286" i="5"/>
  <c r="D285" i="5"/>
  <c r="D284" i="5"/>
  <c r="D283" i="5"/>
  <c r="D282" i="5"/>
  <c r="D281" i="5"/>
  <c r="D280" i="5"/>
  <c r="D279" i="5"/>
  <c r="D278" i="5"/>
  <c r="D277" i="5"/>
  <c r="D276" i="5"/>
  <c r="D275" i="5"/>
  <c r="D274" i="5"/>
  <c r="D273" i="5"/>
  <c r="D272" i="5"/>
  <c r="D271" i="5"/>
  <c r="D270" i="5"/>
  <c r="D269" i="5"/>
  <c r="D268" i="5"/>
  <c r="D267" i="5"/>
  <c r="D266" i="5"/>
  <c r="D265" i="5"/>
  <c r="D264" i="5"/>
  <c r="D263" i="5"/>
  <c r="D262" i="5"/>
  <c r="D261" i="5"/>
  <c r="D260" i="5"/>
  <c r="D259" i="5"/>
  <c r="D258" i="5"/>
  <c r="D257" i="5"/>
  <c r="D256" i="5"/>
  <c r="D255" i="5"/>
  <c r="D254" i="5"/>
  <c r="D253" i="5"/>
  <c r="D252" i="5"/>
  <c r="D251" i="5"/>
  <c r="D250" i="5"/>
  <c r="D249" i="5"/>
  <c r="D248" i="5"/>
  <c r="D247" i="5"/>
  <c r="D246" i="5"/>
  <c r="D245" i="5"/>
  <c r="D244" i="5"/>
  <c r="D243" i="5"/>
  <c r="D242" i="5"/>
  <c r="D241" i="5"/>
  <c r="D240" i="5"/>
  <c r="D239" i="5"/>
  <c r="D238" i="5"/>
  <c r="D237" i="5"/>
  <c r="D236" i="5"/>
  <c r="D235" i="5"/>
  <c r="D234" i="5"/>
  <c r="D233" i="5"/>
  <c r="D232" i="5"/>
  <c r="D231" i="5"/>
  <c r="D230" i="5"/>
  <c r="D229" i="5"/>
  <c r="D228" i="5"/>
  <c r="D227" i="5"/>
  <c r="D226" i="5"/>
  <c r="D225" i="5"/>
  <c r="D224" i="5"/>
  <c r="D223" i="5"/>
  <c r="D222" i="5"/>
  <c r="D221" i="5"/>
  <c r="D220" i="5"/>
  <c r="D219" i="5"/>
  <c r="D218" i="5"/>
  <c r="D217" i="5"/>
  <c r="D216" i="5"/>
  <c r="D215" i="5"/>
  <c r="D214" i="5"/>
  <c r="D213" i="5"/>
  <c r="D212" i="5"/>
  <c r="D211" i="5"/>
  <c r="D210" i="5"/>
  <c r="D209" i="5"/>
  <c r="D208" i="5"/>
  <c r="D207" i="5"/>
  <c r="D206" i="5"/>
  <c r="D205" i="5"/>
  <c r="D204" i="5"/>
  <c r="D203" i="5"/>
  <c r="D202" i="5"/>
  <c r="D201" i="5"/>
  <c r="D200" i="5"/>
  <c r="D199" i="5"/>
  <c r="D198" i="5"/>
  <c r="D197" i="5"/>
  <c r="D196" i="5"/>
  <c r="D195" i="5"/>
  <c r="D194" i="5"/>
  <c r="D193" i="5"/>
  <c r="D192" i="5"/>
  <c r="D191" i="5"/>
  <c r="D190" i="5"/>
  <c r="D189" i="5"/>
  <c r="D188" i="5"/>
  <c r="D187" i="5"/>
  <c r="D186" i="5"/>
  <c r="D185" i="5"/>
  <c r="D184" i="5"/>
  <c r="D183" i="5"/>
  <c r="D182" i="5"/>
  <c r="D181" i="5"/>
  <c r="D180" i="5"/>
  <c r="D179" i="5"/>
  <c r="D178" i="5"/>
  <c r="D177" i="5"/>
  <c r="D176" i="5"/>
  <c r="D175" i="5"/>
  <c r="D174" i="5"/>
  <c r="D173" i="5"/>
  <c r="D172" i="5"/>
  <c r="D171" i="5"/>
  <c r="D170" i="5"/>
  <c r="D169" i="5"/>
  <c r="D168" i="5"/>
  <c r="D167" i="5"/>
  <c r="D166" i="5"/>
  <c r="D165" i="5"/>
  <c r="D164" i="5"/>
  <c r="D163" i="5"/>
  <c r="D162" i="5"/>
  <c r="D161" i="5"/>
  <c r="D160" i="5"/>
  <c r="D159" i="5"/>
  <c r="D158" i="5"/>
  <c r="D157" i="5"/>
  <c r="D156" i="5"/>
  <c r="D155" i="5"/>
  <c r="D154" i="5"/>
  <c r="D153" i="5"/>
  <c r="D152" i="5"/>
  <c r="D151" i="5"/>
  <c r="D150" i="5"/>
  <c r="D149" i="5"/>
  <c r="D148" i="5"/>
  <c r="D147" i="5"/>
  <c r="D146" i="5"/>
  <c r="D145" i="5"/>
  <c r="D144" i="5"/>
  <c r="D143" i="5"/>
  <c r="D142" i="5"/>
  <c r="D141" i="5"/>
  <c r="D140" i="5"/>
  <c r="D139" i="5"/>
  <c r="D138" i="5"/>
  <c r="D137" i="5"/>
  <c r="D136" i="5"/>
  <c r="D135" i="5"/>
  <c r="D134" i="5"/>
  <c r="D133" i="5"/>
  <c r="D132" i="5"/>
  <c r="D131" i="5"/>
  <c r="D130" i="5"/>
  <c r="D129" i="5"/>
  <c r="D128" i="5"/>
  <c r="D127" i="5"/>
  <c r="D126" i="5"/>
  <c r="D125" i="5"/>
  <c r="D124" i="5"/>
  <c r="D123" i="5"/>
  <c r="D122" i="5"/>
  <c r="D121" i="5"/>
  <c r="D120" i="5"/>
  <c r="D119" i="5"/>
  <c r="D118" i="5"/>
  <c r="D117" i="5"/>
  <c r="D116" i="5"/>
  <c r="D115" i="5"/>
  <c r="D114" i="5"/>
  <c r="D113" i="5"/>
  <c r="D112" i="5"/>
  <c r="D111" i="5"/>
  <c r="D110" i="5"/>
  <c r="D109" i="5"/>
  <c r="D108" i="5"/>
  <c r="D107" i="5"/>
  <c r="D106" i="5"/>
  <c r="D105" i="5"/>
  <c r="D104" i="5"/>
  <c r="D103" i="5"/>
  <c r="D102" i="5"/>
  <c r="D101" i="5"/>
  <c r="D100" i="5"/>
  <c r="D99" i="5"/>
  <c r="D98" i="5"/>
  <c r="D97" i="5"/>
  <c r="D96" i="5"/>
  <c r="D95" i="5"/>
  <c r="D94" i="5"/>
  <c r="D93" i="5"/>
  <c r="D92" i="5"/>
  <c r="D91" i="5"/>
  <c r="D90" i="5"/>
  <c r="D89" i="5"/>
  <c r="D88" i="5"/>
  <c r="D87" i="5"/>
  <c r="D86" i="5"/>
  <c r="D85" i="5"/>
  <c r="D84" i="5"/>
  <c r="D83" i="5"/>
  <c r="D82" i="5"/>
  <c r="D81" i="5"/>
  <c r="D80" i="5"/>
  <c r="D79" i="5"/>
  <c r="D78" i="5"/>
  <c r="D77" i="5"/>
  <c r="D76" i="5"/>
  <c r="D75" i="5"/>
  <c r="D74" i="5"/>
  <c r="D73" i="5"/>
  <c r="D72" i="5"/>
  <c r="D71" i="5"/>
  <c r="D70" i="5"/>
  <c r="D69" i="5"/>
  <c r="D68" i="5"/>
  <c r="D67" i="5"/>
  <c r="D66" i="5"/>
  <c r="D65" i="5"/>
  <c r="D64" i="5"/>
  <c r="D63" i="5"/>
  <c r="D62" i="5"/>
  <c r="D61" i="5"/>
  <c r="D60" i="5"/>
  <c r="D59" i="5"/>
  <c r="D58" i="5"/>
  <c r="D57" i="5"/>
  <c r="D56" i="5"/>
  <c r="D55" i="5"/>
  <c r="D54" i="5"/>
  <c r="D53" i="5"/>
  <c r="D52" i="5"/>
  <c r="D51" i="5"/>
  <c r="D50" i="5"/>
  <c r="D49" i="5"/>
  <c r="D48" i="5"/>
  <c r="D47" i="5"/>
  <c r="D46" i="5"/>
  <c r="D45" i="5"/>
  <c r="D44" i="5"/>
  <c r="D43" i="5"/>
  <c r="D42" i="5"/>
  <c r="D41" i="5"/>
  <c r="D40" i="5"/>
  <c r="D39" i="5"/>
  <c r="D38" i="5"/>
  <c r="D37" i="5"/>
  <c r="D36" i="5"/>
  <c r="D35" i="5"/>
  <c r="D34" i="5"/>
  <c r="D33" i="5"/>
  <c r="D32" i="5"/>
  <c r="D31" i="5"/>
  <c r="D30" i="5"/>
  <c r="D29" i="5"/>
  <c r="D28" i="5"/>
  <c r="D27" i="5"/>
  <c r="D26" i="5"/>
  <c r="D25" i="5"/>
  <c r="D24" i="5"/>
  <c r="D23" i="5"/>
  <c r="D22" i="5"/>
  <c r="D21" i="5"/>
  <c r="D20" i="5"/>
  <c r="D19" i="5"/>
  <c r="D18" i="5"/>
  <c r="D17" i="5"/>
  <c r="D16" i="5"/>
  <c r="D15" i="5"/>
  <c r="D14" i="5"/>
  <c r="D13" i="5"/>
  <c r="D12" i="5"/>
  <c r="D11" i="5"/>
  <c r="D10" i="5"/>
  <c r="D9" i="5"/>
  <c r="D8" i="5"/>
  <c r="D7" i="5"/>
  <c r="D6" i="5"/>
  <c r="D9" i="2" l="1"/>
  <c r="C9" i="2"/>
  <c r="B7" i="2" l="1"/>
  <c r="A10" i="2" l="1"/>
  <c r="A11" i="2" l="1"/>
  <c r="C10" i="2"/>
  <c r="D10" i="2"/>
  <c r="A12" i="2" l="1"/>
  <c r="C11" i="2"/>
  <c r="D11" i="2"/>
  <c r="A13" i="2" l="1"/>
  <c r="C12" i="2"/>
  <c r="D12" i="2"/>
  <c r="A14" i="2" l="1"/>
  <c r="C13" i="2"/>
  <c r="D13" i="2"/>
  <c r="A15" i="2" l="1"/>
  <c r="C14" i="2"/>
  <c r="D14" i="2"/>
  <c r="A16" i="2" l="1"/>
  <c r="C15" i="2"/>
  <c r="D15" i="2"/>
  <c r="A17" i="2" l="1"/>
  <c r="C16" i="2"/>
  <c r="D16" i="2"/>
  <c r="A18" i="2" l="1"/>
  <c r="C17" i="2"/>
  <c r="D17" i="2"/>
  <c r="A19" i="2" l="1"/>
  <c r="C18" i="2"/>
  <c r="D18" i="2"/>
  <c r="A20" i="2" l="1"/>
  <c r="C19" i="2"/>
  <c r="D19" i="2"/>
  <c r="A21" i="2" l="1"/>
  <c r="C20" i="2"/>
  <c r="D20" i="2"/>
  <c r="A22" i="2" l="1"/>
  <c r="C21" i="2"/>
  <c r="D21" i="2"/>
  <c r="A23" i="2" l="1"/>
  <c r="C22" i="2"/>
  <c r="D22" i="2"/>
  <c r="A24" i="2" l="1"/>
  <c r="C23" i="2"/>
  <c r="D23" i="2"/>
  <c r="A25" i="2" l="1"/>
  <c r="C24" i="2"/>
  <c r="D24" i="2"/>
  <c r="A26" i="2" l="1"/>
  <c r="C25" i="2"/>
  <c r="D25" i="2"/>
  <c r="A27" i="2" l="1"/>
  <c r="C26" i="2"/>
  <c r="D26" i="2"/>
  <c r="A28" i="2" l="1"/>
  <c r="C27" i="2"/>
  <c r="D27" i="2"/>
  <c r="A29" i="2" l="1"/>
  <c r="C28" i="2"/>
  <c r="D28" i="2"/>
  <c r="A30" i="2" l="1"/>
  <c r="C29" i="2"/>
  <c r="D29" i="2"/>
  <c r="A31" i="2" l="1"/>
  <c r="C30" i="2"/>
  <c r="D30" i="2"/>
  <c r="A32" i="2" l="1"/>
  <c r="C31" i="2"/>
  <c r="D31" i="2"/>
  <c r="A33" i="2" l="1"/>
  <c r="C32" i="2"/>
  <c r="D32" i="2"/>
  <c r="A34" i="2" l="1"/>
  <c r="C33" i="2"/>
  <c r="D33" i="2"/>
  <c r="A35" i="2" l="1"/>
  <c r="C34" i="2"/>
  <c r="D34" i="2"/>
  <c r="A36" i="2" l="1"/>
  <c r="C35" i="2"/>
  <c r="D35" i="2"/>
  <c r="A37" i="2" l="1"/>
  <c r="C36" i="2"/>
  <c r="D36" i="2"/>
  <c r="A38" i="2" l="1"/>
  <c r="C37" i="2"/>
  <c r="D37" i="2"/>
  <c r="A39" i="2" l="1"/>
  <c r="C38" i="2"/>
  <c r="D38" i="2"/>
  <c r="A40" i="2" l="1"/>
  <c r="C39" i="2"/>
  <c r="D39" i="2"/>
  <c r="A41" i="2" l="1"/>
  <c r="C40" i="2"/>
  <c r="D40" i="2"/>
  <c r="A42" i="2" l="1"/>
  <c r="C41" i="2"/>
  <c r="D41" i="2"/>
  <c r="A43" i="2" l="1"/>
  <c r="C42" i="2"/>
  <c r="D42" i="2"/>
  <c r="A44" i="2" l="1"/>
  <c r="C43" i="2"/>
  <c r="D43" i="2"/>
  <c r="A45" i="2" l="1"/>
  <c r="C44" i="2"/>
  <c r="D44" i="2"/>
  <c r="A46" i="2" l="1"/>
  <c r="C45" i="2"/>
  <c r="D45" i="2"/>
  <c r="A47" i="2" l="1"/>
  <c r="C46" i="2"/>
  <c r="D46" i="2"/>
  <c r="A48" i="2" l="1"/>
  <c r="C47" i="2"/>
  <c r="D47" i="2"/>
  <c r="A49" i="2" l="1"/>
  <c r="C48" i="2"/>
  <c r="D48" i="2"/>
  <c r="A50" i="2" l="1"/>
  <c r="C49" i="2"/>
  <c r="D49" i="2"/>
  <c r="A51" i="2" l="1"/>
  <c r="C50" i="2"/>
  <c r="D50" i="2"/>
  <c r="A52" i="2" l="1"/>
  <c r="C51" i="2"/>
  <c r="D51" i="2"/>
  <c r="A53" i="2" l="1"/>
  <c r="C52" i="2"/>
  <c r="D52" i="2"/>
  <c r="A54" i="2" l="1"/>
  <c r="C53" i="2"/>
  <c r="D53" i="2"/>
  <c r="A55" i="2" l="1"/>
  <c r="C54" i="2"/>
  <c r="D54" i="2"/>
  <c r="A56" i="2" l="1"/>
  <c r="C55" i="2"/>
  <c r="D55" i="2"/>
  <c r="A57" i="2" l="1"/>
  <c r="C56" i="2"/>
  <c r="D56" i="2"/>
  <c r="A58" i="2" l="1"/>
  <c r="C57" i="2"/>
  <c r="D57" i="2"/>
  <c r="A59" i="2" l="1"/>
  <c r="C58" i="2"/>
  <c r="D58" i="2"/>
  <c r="A60" i="2" l="1"/>
  <c r="C59" i="2"/>
  <c r="D59" i="2"/>
  <c r="A61" i="2" l="1"/>
  <c r="C60" i="2"/>
  <c r="D60" i="2"/>
  <c r="A62" i="2" l="1"/>
  <c r="C61" i="2"/>
  <c r="D61" i="2"/>
  <c r="A63" i="2" l="1"/>
  <c r="C62" i="2"/>
  <c r="D62" i="2"/>
  <c r="A64" i="2" l="1"/>
  <c r="C63" i="2"/>
  <c r="D63" i="2"/>
  <c r="A65" i="2" l="1"/>
  <c r="C64" i="2"/>
  <c r="D64" i="2"/>
  <c r="A66" i="2" l="1"/>
  <c r="C65" i="2"/>
  <c r="D65" i="2"/>
  <c r="A67" i="2" l="1"/>
  <c r="C66" i="2"/>
  <c r="D66" i="2"/>
  <c r="A68" i="2" l="1"/>
  <c r="C67" i="2"/>
  <c r="D67" i="2"/>
  <c r="A69" i="2" l="1"/>
  <c r="C68" i="2"/>
  <c r="D68" i="2"/>
  <c r="A70" i="2" l="1"/>
  <c r="C69" i="2"/>
  <c r="D69" i="2"/>
  <c r="A71" i="2" l="1"/>
  <c r="C70" i="2"/>
  <c r="D70" i="2"/>
  <c r="A72" i="2" l="1"/>
  <c r="C71" i="2"/>
  <c r="D71" i="2"/>
  <c r="A73" i="2" l="1"/>
  <c r="C72" i="2"/>
  <c r="D72" i="2"/>
  <c r="A74" i="2" l="1"/>
  <c r="C73" i="2"/>
  <c r="D73" i="2"/>
  <c r="A75" i="2" l="1"/>
  <c r="C74" i="2"/>
  <c r="D74" i="2"/>
  <c r="A76" i="2" l="1"/>
  <c r="C75" i="2"/>
  <c r="D75" i="2"/>
  <c r="A77" i="2" l="1"/>
  <c r="C76" i="2"/>
  <c r="D76" i="2"/>
  <c r="A78" i="2" l="1"/>
  <c r="C77" i="2"/>
  <c r="D77" i="2"/>
  <c r="A79" i="2" l="1"/>
  <c r="C78" i="2"/>
  <c r="D78" i="2"/>
  <c r="A80" i="2" l="1"/>
  <c r="C79" i="2"/>
  <c r="D79" i="2"/>
  <c r="A81" i="2" l="1"/>
  <c r="C80" i="2"/>
  <c r="D80" i="2"/>
  <c r="A82" i="2" l="1"/>
  <c r="C81" i="2"/>
  <c r="D81" i="2"/>
  <c r="A83" i="2" l="1"/>
  <c r="C82" i="2"/>
  <c r="D82" i="2"/>
  <c r="A84" i="2" l="1"/>
  <c r="C83" i="2"/>
  <c r="D83" i="2"/>
  <c r="A85" i="2" l="1"/>
  <c r="C84" i="2"/>
  <c r="D84" i="2"/>
  <c r="A86" i="2" l="1"/>
  <c r="C85" i="2"/>
  <c r="D85" i="2"/>
  <c r="A87" i="2" l="1"/>
  <c r="C86" i="2"/>
  <c r="D86" i="2"/>
  <c r="A88" i="2" l="1"/>
  <c r="C87" i="2"/>
  <c r="D87" i="2"/>
  <c r="A89" i="2" l="1"/>
  <c r="C88" i="2"/>
  <c r="D88" i="2"/>
  <c r="A90" i="2" l="1"/>
  <c r="C89" i="2"/>
  <c r="D89" i="2"/>
  <c r="A91" i="2" l="1"/>
  <c r="C90" i="2"/>
  <c r="D90" i="2"/>
  <c r="A92" i="2" l="1"/>
  <c r="C91" i="2"/>
  <c r="D91" i="2"/>
  <c r="A93" i="2" l="1"/>
  <c r="C92" i="2"/>
  <c r="D92" i="2"/>
  <c r="A94" i="2" l="1"/>
  <c r="C93" i="2"/>
  <c r="D93" i="2"/>
  <c r="A95" i="2" l="1"/>
  <c r="C94" i="2"/>
  <c r="D94" i="2"/>
  <c r="A96" i="2" l="1"/>
  <c r="C95" i="2"/>
  <c r="D95" i="2"/>
  <c r="A97" i="2" l="1"/>
  <c r="C96" i="2"/>
  <c r="D96" i="2"/>
  <c r="A98" i="2" l="1"/>
  <c r="C97" i="2"/>
  <c r="D97" i="2"/>
  <c r="A99" i="2" l="1"/>
  <c r="C98" i="2"/>
  <c r="D98" i="2"/>
  <c r="A100" i="2" l="1"/>
  <c r="C99" i="2"/>
  <c r="D99" i="2"/>
  <c r="A101" i="2" l="1"/>
  <c r="C100" i="2"/>
  <c r="D100" i="2"/>
  <c r="A102" i="2" l="1"/>
  <c r="C101" i="2"/>
  <c r="D101" i="2"/>
  <c r="A103" i="2" l="1"/>
  <c r="C102" i="2"/>
  <c r="D102" i="2"/>
  <c r="A104" i="2" l="1"/>
  <c r="C103" i="2"/>
  <c r="D103" i="2"/>
  <c r="A105" i="2" l="1"/>
  <c r="C104" i="2"/>
  <c r="D104" i="2"/>
  <c r="A106" i="2" l="1"/>
  <c r="C105" i="2"/>
  <c r="D105" i="2"/>
  <c r="A107" i="2" l="1"/>
  <c r="C106" i="2"/>
  <c r="D106" i="2"/>
  <c r="A108" i="2" l="1"/>
  <c r="C107" i="2"/>
  <c r="D107" i="2"/>
  <c r="A109" i="2" l="1"/>
  <c r="C108" i="2"/>
  <c r="D108" i="2"/>
  <c r="A110" i="2" l="1"/>
  <c r="C109" i="2"/>
  <c r="D109" i="2"/>
  <c r="A111" i="2" l="1"/>
  <c r="C110" i="2"/>
  <c r="D110" i="2"/>
  <c r="A112" i="2" l="1"/>
  <c r="C111" i="2"/>
  <c r="D111" i="2"/>
  <c r="A113" i="2" l="1"/>
  <c r="C112" i="2"/>
  <c r="D112" i="2"/>
  <c r="A114" i="2" l="1"/>
  <c r="C113" i="2"/>
  <c r="D113" i="2"/>
  <c r="A115" i="2" l="1"/>
  <c r="C114" i="2"/>
  <c r="D114" i="2"/>
  <c r="A116" i="2" l="1"/>
  <c r="C115" i="2"/>
  <c r="D115" i="2"/>
  <c r="A117" i="2" l="1"/>
  <c r="C116" i="2"/>
  <c r="D116" i="2"/>
  <c r="A118" i="2" l="1"/>
  <c r="C117" i="2"/>
  <c r="D117" i="2"/>
  <c r="A119" i="2" l="1"/>
  <c r="C118" i="2"/>
  <c r="D118" i="2"/>
  <c r="A120" i="2" l="1"/>
  <c r="C119" i="2"/>
  <c r="D119" i="2"/>
  <c r="A121" i="2" l="1"/>
  <c r="C120" i="2"/>
  <c r="D120" i="2"/>
  <c r="A122" i="2" l="1"/>
  <c r="C121" i="2"/>
  <c r="D121" i="2"/>
  <c r="A123" i="2" l="1"/>
  <c r="C122" i="2"/>
  <c r="D122" i="2"/>
  <c r="A124" i="2" l="1"/>
  <c r="C123" i="2"/>
  <c r="D123" i="2"/>
  <c r="A125" i="2" l="1"/>
  <c r="C124" i="2"/>
  <c r="D124" i="2"/>
  <c r="A126" i="2" l="1"/>
  <c r="C125" i="2"/>
  <c r="D125" i="2"/>
  <c r="A127" i="2" l="1"/>
  <c r="C126" i="2"/>
  <c r="D126" i="2"/>
  <c r="A128" i="2" l="1"/>
  <c r="C127" i="2"/>
  <c r="D127" i="2"/>
  <c r="A129" i="2" l="1"/>
  <c r="C128" i="2"/>
  <c r="D128" i="2"/>
  <c r="A130" i="2" l="1"/>
  <c r="C129" i="2"/>
  <c r="D129" i="2"/>
  <c r="A131" i="2" l="1"/>
  <c r="C130" i="2"/>
  <c r="D130" i="2"/>
  <c r="A132" i="2" l="1"/>
  <c r="C131" i="2"/>
  <c r="D131" i="2"/>
  <c r="A133" i="2" l="1"/>
  <c r="C132" i="2"/>
  <c r="D132" i="2"/>
  <c r="A134" i="2" l="1"/>
  <c r="C133" i="2"/>
  <c r="D133" i="2"/>
  <c r="A135" i="2" l="1"/>
  <c r="C134" i="2"/>
  <c r="D134" i="2"/>
  <c r="A136" i="2" l="1"/>
  <c r="C135" i="2"/>
  <c r="D135" i="2"/>
  <c r="A137" i="2" l="1"/>
  <c r="C136" i="2"/>
  <c r="D136" i="2"/>
  <c r="A138" i="2" l="1"/>
  <c r="C137" i="2"/>
  <c r="D137" i="2"/>
  <c r="A139" i="2" l="1"/>
  <c r="C138" i="2"/>
  <c r="D138" i="2"/>
  <c r="A140" i="2" l="1"/>
  <c r="C139" i="2"/>
  <c r="D139" i="2"/>
  <c r="A141" i="2" l="1"/>
  <c r="C140" i="2"/>
  <c r="D140" i="2"/>
  <c r="A142" i="2" l="1"/>
  <c r="C141" i="2"/>
  <c r="D141" i="2"/>
  <c r="A143" i="2" l="1"/>
  <c r="C142" i="2"/>
  <c r="D142" i="2"/>
  <c r="A144" i="2" l="1"/>
  <c r="C143" i="2"/>
  <c r="D143" i="2"/>
  <c r="A145" i="2" l="1"/>
  <c r="C144" i="2"/>
  <c r="D144" i="2"/>
  <c r="A146" i="2" l="1"/>
  <c r="D145" i="2"/>
  <c r="C145" i="2"/>
  <c r="A147" i="2" l="1"/>
  <c r="C146" i="2"/>
  <c r="D146" i="2"/>
  <c r="A148" i="2" l="1"/>
  <c r="C147" i="2"/>
  <c r="D147" i="2"/>
  <c r="A149" i="2" l="1"/>
  <c r="C148" i="2"/>
  <c r="D148" i="2"/>
  <c r="A150" i="2" l="1"/>
  <c r="D149" i="2"/>
  <c r="C149" i="2"/>
  <c r="A151" i="2" l="1"/>
  <c r="C150" i="2"/>
  <c r="D150" i="2"/>
  <c r="A152" i="2" l="1"/>
  <c r="C151" i="2"/>
  <c r="D151" i="2"/>
  <c r="A153" i="2" l="1"/>
  <c r="C152" i="2"/>
  <c r="D152" i="2"/>
  <c r="A154" i="2" l="1"/>
  <c r="D153" i="2"/>
  <c r="C153" i="2"/>
  <c r="A155" i="2" l="1"/>
  <c r="C154" i="2"/>
  <c r="D154" i="2"/>
  <c r="A156" i="2" l="1"/>
  <c r="C155" i="2"/>
  <c r="D155" i="2"/>
  <c r="A157" i="2" l="1"/>
  <c r="C156" i="2"/>
  <c r="D156" i="2"/>
  <c r="A158" i="2" l="1"/>
  <c r="D157" i="2"/>
  <c r="C157" i="2"/>
  <c r="A159" i="2" l="1"/>
  <c r="C158" i="2"/>
  <c r="D158" i="2"/>
  <c r="A160" i="2" l="1"/>
  <c r="C159" i="2"/>
  <c r="D159" i="2"/>
  <c r="A161" i="2" l="1"/>
  <c r="C160" i="2"/>
  <c r="D160" i="2"/>
  <c r="A162" i="2" l="1"/>
  <c r="D161" i="2"/>
  <c r="C161" i="2"/>
  <c r="A163" i="2" l="1"/>
  <c r="C162" i="2"/>
  <c r="D162" i="2"/>
  <c r="A164" i="2" l="1"/>
  <c r="C163" i="2"/>
  <c r="D163" i="2"/>
  <c r="A165" i="2" l="1"/>
  <c r="C164" i="2"/>
  <c r="D164" i="2"/>
  <c r="A166" i="2" l="1"/>
  <c r="D165" i="2"/>
  <c r="C165" i="2"/>
  <c r="A167" i="2" l="1"/>
  <c r="C166" i="2"/>
  <c r="D166" i="2"/>
  <c r="A168" i="2" l="1"/>
  <c r="C167" i="2"/>
  <c r="D167" i="2"/>
  <c r="A169" i="2" l="1"/>
  <c r="C168" i="2"/>
  <c r="D168" i="2"/>
  <c r="A170" i="2" l="1"/>
  <c r="D169" i="2"/>
  <c r="C169" i="2"/>
  <c r="A171" i="2" l="1"/>
  <c r="C170" i="2"/>
  <c r="D170" i="2"/>
  <c r="A172" i="2" l="1"/>
  <c r="C171" i="2"/>
  <c r="D171" i="2"/>
  <c r="A173" i="2" l="1"/>
  <c r="C172" i="2"/>
  <c r="D172" i="2"/>
  <c r="A174" i="2" l="1"/>
  <c r="D173" i="2"/>
  <c r="C173" i="2"/>
  <c r="A175" i="2" l="1"/>
  <c r="C174" i="2"/>
  <c r="D174" i="2"/>
  <c r="A176" i="2" l="1"/>
  <c r="C175" i="2"/>
  <c r="D175" i="2"/>
  <c r="A177" i="2" l="1"/>
  <c r="C176" i="2"/>
  <c r="D176" i="2"/>
  <c r="A178" i="2" l="1"/>
  <c r="D177" i="2"/>
  <c r="C177" i="2"/>
  <c r="A179" i="2" l="1"/>
  <c r="C178" i="2"/>
  <c r="D178" i="2"/>
  <c r="A180" i="2" l="1"/>
  <c r="C179" i="2"/>
  <c r="D179" i="2"/>
  <c r="A181" i="2" l="1"/>
  <c r="D180" i="2"/>
  <c r="C180" i="2"/>
  <c r="A182" i="2" l="1"/>
  <c r="C181" i="2"/>
  <c r="D181" i="2"/>
  <c r="A183" i="2" l="1"/>
  <c r="D182" i="2"/>
  <c r="C182" i="2"/>
  <c r="A184" i="2" l="1"/>
  <c r="C183" i="2"/>
  <c r="D183" i="2"/>
  <c r="A185" i="2" l="1"/>
  <c r="D184" i="2"/>
  <c r="C184" i="2"/>
  <c r="A186" i="2" l="1"/>
  <c r="C185" i="2"/>
  <c r="D185" i="2"/>
  <c r="A187" i="2" l="1"/>
  <c r="D186" i="2"/>
  <c r="C186" i="2"/>
  <c r="A188" i="2" l="1"/>
  <c r="C187" i="2"/>
  <c r="D187" i="2"/>
  <c r="A189" i="2" l="1"/>
  <c r="D188" i="2"/>
  <c r="C188" i="2"/>
  <c r="A190" i="2" l="1"/>
  <c r="C189" i="2"/>
  <c r="D189" i="2"/>
  <c r="A191" i="2" l="1"/>
  <c r="D190" i="2"/>
  <c r="C190" i="2"/>
  <c r="A192" i="2" l="1"/>
  <c r="C191" i="2"/>
  <c r="D191" i="2"/>
  <c r="A193" i="2" l="1"/>
  <c r="D192" i="2"/>
  <c r="C192" i="2"/>
  <c r="A194" i="2" l="1"/>
  <c r="C193" i="2"/>
  <c r="D193" i="2"/>
  <c r="A195" i="2" l="1"/>
  <c r="D194" i="2"/>
  <c r="C194" i="2"/>
  <c r="A196" i="2" l="1"/>
  <c r="C195" i="2"/>
  <c r="D195" i="2"/>
  <c r="A197" i="2" l="1"/>
  <c r="D196" i="2"/>
  <c r="C196" i="2"/>
  <c r="A198" i="2" l="1"/>
  <c r="C197" i="2"/>
  <c r="D197" i="2"/>
  <c r="A199" i="2" l="1"/>
  <c r="D198" i="2"/>
  <c r="C198" i="2"/>
  <c r="A200" i="2" l="1"/>
  <c r="C199" i="2"/>
  <c r="D199" i="2"/>
  <c r="A201" i="2" l="1"/>
  <c r="D200" i="2"/>
  <c r="C200" i="2"/>
  <c r="A202" i="2" l="1"/>
  <c r="C201" i="2"/>
  <c r="D201" i="2"/>
  <c r="A203" i="2" l="1"/>
  <c r="D202" i="2"/>
  <c r="C202" i="2"/>
  <c r="A204" i="2" l="1"/>
  <c r="C203" i="2"/>
  <c r="D203" i="2"/>
  <c r="A205" i="2" l="1"/>
  <c r="D204" i="2"/>
  <c r="C204" i="2"/>
  <c r="A206" i="2" l="1"/>
  <c r="C205" i="2"/>
  <c r="D205" i="2"/>
  <c r="A207" i="2" l="1"/>
  <c r="D206" i="2"/>
  <c r="C206" i="2"/>
  <c r="A208" i="2" l="1"/>
  <c r="C207" i="2"/>
  <c r="D207" i="2"/>
  <c r="A209" i="2" l="1"/>
  <c r="D208" i="2"/>
  <c r="C208" i="2"/>
  <c r="A210" i="2" l="1"/>
  <c r="C209" i="2"/>
  <c r="D209" i="2"/>
  <c r="A211" i="2" l="1"/>
  <c r="D210" i="2"/>
  <c r="C210" i="2"/>
  <c r="A212" i="2" l="1"/>
  <c r="C211" i="2"/>
  <c r="D211" i="2"/>
  <c r="A213" i="2" l="1"/>
  <c r="D212" i="2"/>
  <c r="C212" i="2"/>
  <c r="A214" i="2" l="1"/>
  <c r="C213" i="2"/>
  <c r="D213" i="2"/>
  <c r="A215" i="2" l="1"/>
  <c r="D214" i="2"/>
  <c r="C214" i="2"/>
  <c r="A216" i="2" l="1"/>
  <c r="C215" i="2"/>
  <c r="D215" i="2"/>
  <c r="A217" i="2" l="1"/>
  <c r="D216" i="2"/>
  <c r="C216" i="2"/>
  <c r="A218" i="2" l="1"/>
  <c r="C217" i="2"/>
  <c r="D217" i="2"/>
  <c r="A219" i="2" l="1"/>
  <c r="D218" i="2"/>
  <c r="C218" i="2"/>
  <c r="A220" i="2" l="1"/>
  <c r="C219" i="2"/>
  <c r="D219" i="2"/>
  <c r="A221" i="2" l="1"/>
  <c r="D220" i="2"/>
  <c r="C220" i="2"/>
  <c r="A222" i="2" l="1"/>
  <c r="C221" i="2"/>
  <c r="D221" i="2"/>
  <c r="A223" i="2" l="1"/>
  <c r="D222" i="2"/>
  <c r="C222" i="2"/>
  <c r="A224" i="2" l="1"/>
  <c r="C223" i="2"/>
  <c r="D223" i="2"/>
  <c r="A225" i="2" l="1"/>
  <c r="D224" i="2"/>
  <c r="C224" i="2"/>
  <c r="A226" i="2" l="1"/>
  <c r="C225" i="2"/>
  <c r="D225" i="2"/>
  <c r="A227" i="2" l="1"/>
  <c r="D226" i="2"/>
  <c r="C226" i="2"/>
  <c r="A228" i="2" l="1"/>
  <c r="C227" i="2"/>
  <c r="D227" i="2"/>
  <c r="A229" i="2" l="1"/>
  <c r="D228" i="2"/>
  <c r="C228" i="2"/>
  <c r="A230" i="2" l="1"/>
  <c r="C229" i="2"/>
  <c r="D229" i="2"/>
  <c r="A231" i="2" l="1"/>
  <c r="D230" i="2"/>
  <c r="C230" i="2"/>
  <c r="A232" i="2" l="1"/>
  <c r="C231" i="2"/>
  <c r="D231" i="2"/>
  <c r="A233" i="2" l="1"/>
  <c r="D232" i="2"/>
  <c r="C232" i="2"/>
  <c r="A234" i="2" l="1"/>
  <c r="C233" i="2"/>
  <c r="D233" i="2"/>
  <c r="A235" i="2" l="1"/>
  <c r="D234" i="2"/>
  <c r="C234" i="2"/>
  <c r="A236" i="2" l="1"/>
  <c r="C235" i="2"/>
  <c r="D235" i="2"/>
  <c r="A237" i="2" l="1"/>
  <c r="D236" i="2"/>
  <c r="C236" i="2"/>
  <c r="A238" i="2" l="1"/>
  <c r="C237" i="2"/>
  <c r="D237" i="2"/>
  <c r="A239" i="2" l="1"/>
  <c r="D238" i="2"/>
  <c r="C238" i="2"/>
  <c r="A240" i="2" l="1"/>
  <c r="C239" i="2"/>
  <c r="D239" i="2"/>
  <c r="A241" i="2" l="1"/>
  <c r="D240" i="2"/>
  <c r="C240" i="2"/>
  <c r="A242" i="2" l="1"/>
  <c r="C241" i="2"/>
  <c r="D241" i="2"/>
  <c r="A243" i="2" l="1"/>
  <c r="D242" i="2"/>
  <c r="C242" i="2"/>
  <c r="A244" i="2" l="1"/>
  <c r="C243" i="2"/>
  <c r="D243" i="2"/>
  <c r="A245" i="2" l="1"/>
  <c r="D244" i="2"/>
  <c r="C244" i="2"/>
  <c r="A246" i="2" l="1"/>
  <c r="C245" i="2"/>
  <c r="D245" i="2"/>
  <c r="A247" i="2" l="1"/>
  <c r="D246" i="2"/>
  <c r="C246" i="2"/>
  <c r="A248" i="2" l="1"/>
  <c r="C247" i="2"/>
  <c r="D247" i="2"/>
  <c r="A249" i="2" l="1"/>
  <c r="D248" i="2"/>
  <c r="C248" i="2"/>
  <c r="A250" i="2" l="1"/>
  <c r="C249" i="2"/>
  <c r="D249" i="2"/>
  <c r="A251" i="2" l="1"/>
  <c r="D250" i="2"/>
  <c r="C250" i="2"/>
  <c r="A252" i="2" l="1"/>
  <c r="C251" i="2"/>
  <c r="D251" i="2"/>
  <c r="A253" i="2" l="1"/>
  <c r="D252" i="2"/>
  <c r="C252" i="2"/>
  <c r="A254" i="2" l="1"/>
  <c r="C253" i="2"/>
  <c r="D253" i="2"/>
  <c r="A255" i="2" l="1"/>
  <c r="D254" i="2"/>
  <c r="C254" i="2"/>
  <c r="A256" i="2" l="1"/>
  <c r="C255" i="2"/>
  <c r="D255" i="2"/>
  <c r="A257" i="2" l="1"/>
  <c r="D256" i="2"/>
  <c r="C256" i="2"/>
  <c r="A258" i="2" l="1"/>
  <c r="C257" i="2"/>
  <c r="D257" i="2"/>
  <c r="A259" i="2" l="1"/>
  <c r="D258" i="2"/>
  <c r="C258" i="2"/>
  <c r="A260" i="2" l="1"/>
  <c r="C259" i="2"/>
  <c r="D259" i="2"/>
  <c r="A261" i="2" l="1"/>
  <c r="D260" i="2"/>
  <c r="C260" i="2"/>
  <c r="A262" i="2" l="1"/>
  <c r="C261" i="2"/>
  <c r="D261" i="2"/>
  <c r="A263" i="2" l="1"/>
  <c r="D262" i="2"/>
  <c r="C262" i="2"/>
  <c r="A264" i="2" l="1"/>
  <c r="C263" i="2"/>
  <c r="D263" i="2"/>
  <c r="A265" i="2" l="1"/>
  <c r="D264" i="2"/>
  <c r="C264" i="2"/>
  <c r="A266" i="2" l="1"/>
  <c r="C265" i="2"/>
  <c r="D265" i="2"/>
  <c r="A267" i="2" l="1"/>
  <c r="D266" i="2"/>
  <c r="C266" i="2"/>
  <c r="A268" i="2" l="1"/>
  <c r="C267" i="2"/>
  <c r="D267" i="2"/>
  <c r="A269" i="2" l="1"/>
  <c r="D268" i="2"/>
  <c r="C268" i="2"/>
  <c r="A270" i="2" l="1"/>
  <c r="C269" i="2"/>
  <c r="D269" i="2"/>
  <c r="A271" i="2" l="1"/>
  <c r="D270" i="2"/>
  <c r="C270" i="2"/>
  <c r="A272" i="2" l="1"/>
  <c r="D271" i="2"/>
  <c r="C271" i="2"/>
  <c r="A273" i="2" l="1"/>
  <c r="D272" i="2"/>
  <c r="C272" i="2"/>
  <c r="A274" i="2" l="1"/>
  <c r="C273" i="2"/>
  <c r="D273" i="2"/>
  <c r="A275" i="2" l="1"/>
  <c r="D274" i="2"/>
  <c r="C274" i="2"/>
  <c r="A276" i="2" l="1"/>
  <c r="C275" i="2"/>
  <c r="D275" i="2"/>
  <c r="A277" i="2" l="1"/>
  <c r="D276" i="2"/>
  <c r="C276" i="2"/>
  <c r="A278" i="2" l="1"/>
  <c r="D277" i="2"/>
  <c r="C277" i="2"/>
  <c r="A279" i="2" l="1"/>
  <c r="D278" i="2"/>
  <c r="C278" i="2"/>
  <c r="A280" i="2" l="1"/>
  <c r="D279" i="2"/>
  <c r="C279" i="2"/>
  <c r="A281" i="2" l="1"/>
  <c r="D280" i="2"/>
  <c r="C280" i="2"/>
  <c r="A282" i="2" l="1"/>
  <c r="C281" i="2"/>
  <c r="D281" i="2"/>
  <c r="A283" i="2" l="1"/>
  <c r="D282" i="2"/>
  <c r="C282" i="2"/>
  <c r="A284" i="2" l="1"/>
  <c r="C283" i="2"/>
  <c r="D283" i="2"/>
  <c r="A285" i="2" l="1"/>
  <c r="D284" i="2"/>
  <c r="C284" i="2"/>
  <c r="A286" i="2" l="1"/>
  <c r="D285" i="2"/>
  <c r="C285" i="2"/>
  <c r="A287" i="2" l="1"/>
  <c r="D286" i="2"/>
  <c r="C286" i="2"/>
  <c r="A288" i="2" l="1"/>
  <c r="D287" i="2"/>
  <c r="C287" i="2"/>
  <c r="A289" i="2" l="1"/>
  <c r="D288" i="2"/>
  <c r="C288" i="2"/>
  <c r="A290" i="2" l="1"/>
  <c r="C289" i="2"/>
  <c r="D289" i="2"/>
  <c r="A291" i="2" l="1"/>
  <c r="D290" i="2"/>
  <c r="C290" i="2"/>
  <c r="A292" i="2" l="1"/>
  <c r="C291" i="2"/>
  <c r="D291" i="2"/>
  <c r="A293" i="2" l="1"/>
  <c r="D292" i="2"/>
  <c r="C292" i="2"/>
  <c r="A294" i="2" l="1"/>
  <c r="D293" i="2"/>
  <c r="C293" i="2"/>
  <c r="A295" i="2" l="1"/>
  <c r="D294" i="2"/>
  <c r="C294" i="2"/>
  <c r="A296" i="2" l="1"/>
  <c r="D295" i="2"/>
  <c r="C295" i="2"/>
  <c r="A297" i="2" l="1"/>
  <c r="D296" i="2"/>
  <c r="C296" i="2"/>
  <c r="A298" i="2" l="1"/>
  <c r="C297" i="2"/>
  <c r="D297" i="2"/>
  <c r="A299" i="2" l="1"/>
  <c r="D298" i="2"/>
  <c r="C298" i="2"/>
  <c r="A300" i="2" l="1"/>
  <c r="C299" i="2"/>
  <c r="D299" i="2"/>
  <c r="A301" i="2" l="1"/>
  <c r="D300" i="2"/>
  <c r="C300" i="2"/>
  <c r="A302" i="2" l="1"/>
  <c r="C301" i="2"/>
  <c r="D301" i="2"/>
  <c r="A303" i="2" l="1"/>
  <c r="D302" i="2"/>
  <c r="C302" i="2"/>
  <c r="A304" i="2" l="1"/>
  <c r="C303" i="2"/>
  <c r="D303" i="2"/>
  <c r="A305" i="2" l="1"/>
  <c r="D304" i="2"/>
  <c r="C304" i="2"/>
  <c r="A306" i="2" l="1"/>
  <c r="C305" i="2"/>
  <c r="D305" i="2"/>
  <c r="A307" i="2" l="1"/>
  <c r="D306" i="2"/>
  <c r="C306" i="2"/>
  <c r="A308" i="2" l="1"/>
  <c r="C307" i="2"/>
  <c r="D307" i="2"/>
  <c r="A309" i="2" l="1"/>
  <c r="D308" i="2"/>
  <c r="C308" i="2"/>
  <c r="A310" i="2" l="1"/>
  <c r="C309" i="2"/>
  <c r="D309" i="2"/>
  <c r="A311" i="2" l="1"/>
  <c r="D310" i="2"/>
  <c r="C310" i="2"/>
  <c r="A312" i="2" l="1"/>
  <c r="C311" i="2"/>
  <c r="D311" i="2"/>
  <c r="A313" i="2" l="1"/>
  <c r="D312" i="2"/>
  <c r="C312" i="2"/>
  <c r="A314" i="2" l="1"/>
  <c r="C313" i="2"/>
  <c r="D313" i="2"/>
  <c r="A315" i="2" l="1"/>
  <c r="D314" i="2"/>
  <c r="C314" i="2"/>
  <c r="A316" i="2" l="1"/>
  <c r="C315" i="2"/>
  <c r="D315" i="2"/>
  <c r="A317" i="2" l="1"/>
  <c r="D316" i="2"/>
  <c r="C316" i="2"/>
  <c r="A318" i="2" l="1"/>
  <c r="C317" i="2"/>
  <c r="D317" i="2"/>
  <c r="A319" i="2" l="1"/>
  <c r="D318" i="2"/>
  <c r="C318" i="2"/>
  <c r="A320" i="2" l="1"/>
  <c r="C319" i="2"/>
  <c r="D319" i="2"/>
  <c r="A321" i="2" l="1"/>
  <c r="D320" i="2"/>
  <c r="C320" i="2"/>
  <c r="A322" i="2" l="1"/>
  <c r="C321" i="2"/>
  <c r="D321" i="2"/>
  <c r="A323" i="2" l="1"/>
  <c r="D322" i="2"/>
  <c r="C322" i="2"/>
  <c r="A324" i="2" l="1"/>
  <c r="C323" i="2"/>
  <c r="D323" i="2"/>
  <c r="A325" i="2" l="1"/>
  <c r="D324" i="2"/>
  <c r="C324" i="2"/>
  <c r="A326" i="2" l="1"/>
  <c r="C325" i="2"/>
  <c r="D325" i="2"/>
  <c r="A327" i="2" l="1"/>
  <c r="D326" i="2"/>
  <c r="C326" i="2"/>
  <c r="A328" i="2" l="1"/>
  <c r="C327" i="2"/>
  <c r="D327" i="2"/>
  <c r="A329" i="2" l="1"/>
  <c r="D328" i="2"/>
  <c r="C328" i="2"/>
  <c r="A330" i="2" l="1"/>
  <c r="C329" i="2"/>
  <c r="D329" i="2"/>
  <c r="A331" i="2" l="1"/>
  <c r="D330" i="2"/>
  <c r="C330" i="2"/>
  <c r="A332" i="2" l="1"/>
  <c r="C331" i="2"/>
  <c r="D331" i="2"/>
  <c r="A333" i="2" l="1"/>
  <c r="D332" i="2"/>
  <c r="C332" i="2"/>
  <c r="A334" i="2" l="1"/>
  <c r="C333" i="2"/>
  <c r="D333" i="2"/>
  <c r="A335" i="2" l="1"/>
  <c r="D334" i="2"/>
  <c r="C334" i="2"/>
  <c r="A336" i="2" l="1"/>
  <c r="C335" i="2"/>
  <c r="D335" i="2"/>
  <c r="A337" i="2" l="1"/>
  <c r="D336" i="2"/>
  <c r="C336" i="2"/>
  <c r="A338" i="2" l="1"/>
  <c r="C337" i="2"/>
  <c r="D337" i="2"/>
  <c r="A339" i="2" l="1"/>
  <c r="D338" i="2"/>
  <c r="C338" i="2"/>
  <c r="A340" i="2" l="1"/>
  <c r="C339" i="2"/>
  <c r="D339" i="2"/>
  <c r="A341" i="2" l="1"/>
  <c r="D340" i="2"/>
  <c r="C340" i="2"/>
  <c r="A342" i="2" l="1"/>
  <c r="C341" i="2"/>
  <c r="D341" i="2"/>
  <c r="A343" i="2" l="1"/>
  <c r="D342" i="2"/>
  <c r="C342" i="2"/>
  <c r="A344" i="2" l="1"/>
  <c r="C343" i="2"/>
  <c r="D343" i="2"/>
  <c r="A345" i="2" l="1"/>
  <c r="D344" i="2"/>
  <c r="C344" i="2"/>
  <c r="A346" i="2" l="1"/>
  <c r="C345" i="2"/>
  <c r="D345" i="2"/>
  <c r="A347" i="2" l="1"/>
  <c r="D346" i="2"/>
  <c r="C346" i="2"/>
  <c r="A348" i="2" l="1"/>
  <c r="C347" i="2"/>
  <c r="D347" i="2"/>
  <c r="A349" i="2" l="1"/>
  <c r="D348" i="2"/>
  <c r="C348" i="2"/>
  <c r="A350" i="2" l="1"/>
  <c r="C349" i="2"/>
  <c r="D349" i="2"/>
  <c r="A351" i="2" l="1"/>
  <c r="D350" i="2"/>
  <c r="C350" i="2"/>
  <c r="A352" i="2" l="1"/>
  <c r="C351" i="2"/>
  <c r="D351" i="2"/>
  <c r="A353" i="2" l="1"/>
  <c r="D352" i="2"/>
  <c r="C352" i="2"/>
  <c r="A354" i="2" l="1"/>
  <c r="C353" i="2"/>
  <c r="D353" i="2"/>
  <c r="A355" i="2" l="1"/>
  <c r="D354" i="2"/>
  <c r="C354" i="2"/>
  <c r="A356" i="2" l="1"/>
  <c r="C355" i="2"/>
  <c r="D355" i="2"/>
  <c r="A357" i="2" l="1"/>
  <c r="D356" i="2"/>
  <c r="C356" i="2"/>
  <c r="A358" i="2" l="1"/>
  <c r="C357" i="2"/>
  <c r="D357" i="2"/>
  <c r="A359" i="2" l="1"/>
  <c r="D358" i="2"/>
  <c r="C358" i="2"/>
  <c r="A360" i="2" l="1"/>
  <c r="C359" i="2"/>
  <c r="D359" i="2"/>
  <c r="A361" i="2" l="1"/>
  <c r="D360" i="2"/>
  <c r="C360" i="2"/>
  <c r="A362" i="2" l="1"/>
  <c r="C361" i="2"/>
  <c r="D361" i="2"/>
  <c r="A363" i="2" l="1"/>
  <c r="D362" i="2"/>
  <c r="C362" i="2"/>
  <c r="A364" i="2" l="1"/>
  <c r="C363" i="2"/>
  <c r="D363" i="2"/>
  <c r="A365" i="2" l="1"/>
  <c r="D364" i="2"/>
  <c r="C364" i="2"/>
  <c r="A366" i="2" l="1"/>
  <c r="C365" i="2"/>
  <c r="D365" i="2"/>
  <c r="A367" i="2" l="1"/>
  <c r="D366" i="2"/>
  <c r="C366" i="2"/>
  <c r="A368" i="2" l="1"/>
  <c r="C367" i="2"/>
  <c r="D367" i="2"/>
  <c r="A369" i="2" l="1"/>
  <c r="D368" i="2"/>
  <c r="C368" i="2"/>
  <c r="A370" i="2" l="1"/>
  <c r="C369" i="2"/>
  <c r="D369" i="2"/>
  <c r="A371" i="2" l="1"/>
  <c r="D370" i="2"/>
  <c r="C370" i="2"/>
  <c r="A372" i="2" l="1"/>
  <c r="C371" i="2"/>
  <c r="D371" i="2"/>
  <c r="A373" i="2" l="1"/>
  <c r="D372" i="2"/>
  <c r="C372" i="2"/>
  <c r="A374" i="2" l="1"/>
  <c r="C373" i="2"/>
  <c r="D373" i="2"/>
  <c r="A375" i="2" l="1"/>
  <c r="D374" i="2"/>
  <c r="C374" i="2"/>
  <c r="A376" i="2" l="1"/>
  <c r="C375" i="2"/>
  <c r="D375" i="2"/>
  <c r="A377" i="2" l="1"/>
  <c r="D376" i="2"/>
  <c r="C376" i="2"/>
  <c r="A378" i="2" l="1"/>
  <c r="C377" i="2"/>
  <c r="D377" i="2"/>
  <c r="A379" i="2" l="1"/>
  <c r="D378" i="2"/>
  <c r="C378" i="2"/>
  <c r="A380" i="2" l="1"/>
  <c r="C379" i="2"/>
  <c r="D379" i="2"/>
  <c r="A381" i="2" l="1"/>
  <c r="D380" i="2"/>
  <c r="C380" i="2"/>
  <c r="A382" i="2" l="1"/>
  <c r="C381" i="2"/>
  <c r="D381" i="2"/>
  <c r="A383" i="2" l="1"/>
  <c r="D382" i="2"/>
  <c r="C382" i="2"/>
  <c r="A384" i="2" l="1"/>
  <c r="C383" i="2"/>
  <c r="D383" i="2"/>
  <c r="A385" i="2" l="1"/>
  <c r="D384" i="2"/>
  <c r="C384" i="2"/>
  <c r="A386" i="2" l="1"/>
  <c r="C385" i="2"/>
  <c r="D385" i="2"/>
  <c r="A387" i="2" l="1"/>
  <c r="D386" i="2"/>
  <c r="C386" i="2"/>
  <c r="A388" i="2" l="1"/>
  <c r="C387" i="2"/>
  <c r="D387" i="2"/>
  <c r="A389" i="2" l="1"/>
  <c r="D388" i="2"/>
  <c r="C388" i="2"/>
  <c r="A390" i="2" l="1"/>
  <c r="C389" i="2"/>
  <c r="D389" i="2"/>
  <c r="A391" i="2" l="1"/>
  <c r="D390" i="2"/>
  <c r="C390" i="2"/>
  <c r="A392" i="2" l="1"/>
  <c r="C391" i="2"/>
  <c r="D391" i="2"/>
  <c r="A393" i="2" l="1"/>
  <c r="D392" i="2"/>
  <c r="C392" i="2"/>
  <c r="A394" i="2" l="1"/>
  <c r="C393" i="2"/>
  <c r="D393" i="2"/>
  <c r="A395" i="2" l="1"/>
  <c r="D394" i="2"/>
  <c r="C394" i="2"/>
  <c r="A396" i="2" l="1"/>
  <c r="C395" i="2"/>
  <c r="D395" i="2"/>
  <c r="A397" i="2" l="1"/>
  <c r="D396" i="2"/>
  <c r="C396" i="2"/>
  <c r="A398" i="2" l="1"/>
  <c r="C397" i="2"/>
  <c r="D397" i="2"/>
  <c r="A399" i="2" l="1"/>
  <c r="D398" i="2"/>
  <c r="C398" i="2"/>
  <c r="A400" i="2" l="1"/>
  <c r="C399" i="2"/>
  <c r="D399" i="2"/>
  <c r="A401" i="2" l="1"/>
  <c r="D400" i="2"/>
  <c r="C400" i="2"/>
  <c r="A402" i="2" l="1"/>
  <c r="C401" i="2"/>
  <c r="D401" i="2"/>
  <c r="A403" i="2" l="1"/>
  <c r="D402" i="2"/>
  <c r="C402" i="2"/>
  <c r="A404" i="2" l="1"/>
  <c r="D403" i="2"/>
  <c r="C403" i="2"/>
  <c r="A405" i="2" l="1"/>
  <c r="D404" i="2"/>
  <c r="C404" i="2"/>
  <c r="A406" i="2" l="1"/>
  <c r="C405" i="2"/>
  <c r="D405" i="2"/>
  <c r="A407" i="2" l="1"/>
  <c r="C406" i="2"/>
  <c r="D406" i="2"/>
  <c r="A408" i="2" l="1"/>
  <c r="C407" i="2"/>
  <c r="D407" i="2"/>
  <c r="A409" i="2" l="1"/>
  <c r="C408" i="2"/>
  <c r="D408" i="2"/>
  <c r="A410" i="2" l="1"/>
  <c r="C409" i="2"/>
  <c r="D409" i="2"/>
  <c r="A411" i="2" l="1"/>
  <c r="C410" i="2"/>
  <c r="D410" i="2"/>
  <c r="A412" i="2" l="1"/>
  <c r="C411" i="2"/>
  <c r="D411" i="2"/>
  <c r="A413" i="2" l="1"/>
  <c r="C412" i="2"/>
  <c r="D412" i="2"/>
  <c r="A414" i="2" l="1"/>
  <c r="C413" i="2"/>
  <c r="D413" i="2"/>
  <c r="A415" i="2" l="1"/>
  <c r="C414" i="2"/>
  <c r="D414" i="2"/>
  <c r="A416" i="2" l="1"/>
  <c r="C415" i="2"/>
  <c r="D415" i="2"/>
  <c r="A417" i="2" l="1"/>
  <c r="C416" i="2"/>
  <c r="D416" i="2"/>
  <c r="A418" i="2" l="1"/>
  <c r="C417" i="2"/>
  <c r="D417" i="2"/>
  <c r="A419" i="2" l="1"/>
  <c r="C418" i="2"/>
  <c r="D418" i="2"/>
  <c r="A420" i="2" l="1"/>
  <c r="C419" i="2"/>
  <c r="D419" i="2"/>
  <c r="A421" i="2" l="1"/>
  <c r="C420" i="2"/>
  <c r="D420" i="2"/>
  <c r="A422" i="2" l="1"/>
  <c r="C421" i="2"/>
  <c r="D421" i="2"/>
  <c r="A423" i="2" l="1"/>
  <c r="C422" i="2"/>
  <c r="D422" i="2"/>
  <c r="A424" i="2" l="1"/>
  <c r="C423" i="2"/>
  <c r="D423" i="2"/>
  <c r="A425" i="2" l="1"/>
  <c r="C424" i="2"/>
  <c r="D424" i="2"/>
  <c r="A426" i="2" l="1"/>
  <c r="C425" i="2"/>
  <c r="D425" i="2"/>
  <c r="A427" i="2" l="1"/>
  <c r="C426" i="2"/>
  <c r="D426" i="2"/>
  <c r="A428" i="2" l="1"/>
  <c r="C427" i="2"/>
  <c r="D427" i="2"/>
  <c r="A429" i="2" l="1"/>
  <c r="C428" i="2"/>
  <c r="D428" i="2"/>
  <c r="A430" i="2" l="1"/>
  <c r="C429" i="2"/>
  <c r="D429" i="2"/>
  <c r="A431" i="2" l="1"/>
  <c r="C430" i="2"/>
  <c r="D430" i="2"/>
  <c r="A432" i="2" l="1"/>
  <c r="C431" i="2"/>
  <c r="D431" i="2"/>
  <c r="A433" i="2" l="1"/>
  <c r="C432" i="2"/>
  <c r="D432" i="2"/>
  <c r="A434" i="2" l="1"/>
  <c r="C433" i="2"/>
  <c r="D433" i="2"/>
  <c r="A435" i="2" l="1"/>
  <c r="C434" i="2"/>
  <c r="D434" i="2"/>
  <c r="A436" i="2" l="1"/>
  <c r="C435" i="2"/>
  <c r="D435" i="2"/>
  <c r="A437" i="2" l="1"/>
  <c r="C436" i="2"/>
  <c r="D436" i="2"/>
  <c r="A438" i="2" l="1"/>
  <c r="C437" i="2"/>
  <c r="D437" i="2"/>
  <c r="A439" i="2" l="1"/>
  <c r="C438" i="2"/>
  <c r="D438" i="2"/>
  <c r="A440" i="2" l="1"/>
  <c r="C439" i="2"/>
  <c r="D439" i="2"/>
  <c r="A441" i="2" l="1"/>
  <c r="C440" i="2"/>
  <c r="D440" i="2"/>
  <c r="A442" i="2" l="1"/>
  <c r="C441" i="2"/>
  <c r="D441" i="2"/>
  <c r="A443" i="2" l="1"/>
  <c r="C442" i="2"/>
  <c r="D442" i="2"/>
  <c r="A444" i="2" l="1"/>
  <c r="C443" i="2"/>
  <c r="D443" i="2"/>
  <c r="A445" i="2" l="1"/>
  <c r="C444" i="2"/>
  <c r="D444" i="2"/>
  <c r="A446" i="2" l="1"/>
  <c r="C445" i="2"/>
  <c r="D445" i="2"/>
  <c r="A447" i="2" l="1"/>
  <c r="C446" i="2"/>
  <c r="D446" i="2"/>
  <c r="A448" i="2" l="1"/>
  <c r="C447" i="2"/>
  <c r="D447" i="2"/>
  <c r="A449" i="2" l="1"/>
  <c r="C448" i="2"/>
  <c r="D448" i="2"/>
  <c r="A450" i="2" l="1"/>
  <c r="C449" i="2"/>
  <c r="D449" i="2"/>
  <c r="A451" i="2" l="1"/>
  <c r="C450" i="2"/>
  <c r="D450" i="2"/>
  <c r="A452" i="2" l="1"/>
  <c r="C451" i="2"/>
  <c r="D451" i="2"/>
  <c r="A453" i="2" l="1"/>
  <c r="C452" i="2"/>
  <c r="D452" i="2"/>
  <c r="A454" i="2" l="1"/>
  <c r="C453" i="2"/>
  <c r="D453" i="2"/>
  <c r="A455" i="2" l="1"/>
  <c r="C454" i="2"/>
  <c r="D454" i="2"/>
  <c r="A456" i="2" l="1"/>
  <c r="C455" i="2"/>
  <c r="D455" i="2"/>
  <c r="A457" i="2" l="1"/>
  <c r="C456" i="2"/>
  <c r="D456" i="2"/>
  <c r="A458" i="2" l="1"/>
  <c r="C457" i="2"/>
  <c r="D457" i="2"/>
  <c r="A459" i="2" l="1"/>
  <c r="C458" i="2"/>
  <c r="D458" i="2"/>
  <c r="A460" i="2" l="1"/>
  <c r="C459" i="2"/>
  <c r="D459" i="2"/>
  <c r="A461" i="2" l="1"/>
  <c r="C460" i="2"/>
  <c r="D460" i="2"/>
  <c r="A462" i="2" l="1"/>
  <c r="C461" i="2"/>
  <c r="D461" i="2"/>
  <c r="A463" i="2" l="1"/>
  <c r="C462" i="2"/>
  <c r="D462" i="2"/>
  <c r="A464" i="2" l="1"/>
  <c r="C463" i="2"/>
  <c r="D463" i="2"/>
  <c r="A465" i="2" l="1"/>
  <c r="C464" i="2"/>
  <c r="D464" i="2"/>
  <c r="A466" i="2" l="1"/>
  <c r="C465" i="2"/>
  <c r="D465" i="2"/>
  <c r="A467" i="2" l="1"/>
  <c r="C466" i="2"/>
  <c r="D466" i="2"/>
  <c r="A468" i="2" l="1"/>
  <c r="C467" i="2"/>
  <c r="D467" i="2"/>
  <c r="A469" i="2" l="1"/>
  <c r="C468" i="2"/>
  <c r="D468" i="2"/>
  <c r="A470" i="2" l="1"/>
  <c r="C469" i="2"/>
  <c r="D469" i="2"/>
  <c r="A471" i="2" l="1"/>
  <c r="C470" i="2"/>
  <c r="D470" i="2"/>
  <c r="A472" i="2" l="1"/>
  <c r="C471" i="2"/>
  <c r="D471" i="2"/>
  <c r="A473" i="2" l="1"/>
  <c r="C472" i="2"/>
  <c r="D472" i="2"/>
  <c r="A474" i="2" l="1"/>
  <c r="C473" i="2"/>
  <c r="D473" i="2"/>
  <c r="A475" i="2" l="1"/>
  <c r="C474" i="2"/>
  <c r="D474" i="2"/>
  <c r="A476" i="2" l="1"/>
  <c r="C475" i="2"/>
  <c r="D475" i="2"/>
  <c r="A477" i="2" l="1"/>
  <c r="C476" i="2"/>
  <c r="D476" i="2"/>
  <c r="A478" i="2" l="1"/>
  <c r="C477" i="2"/>
  <c r="D477" i="2"/>
  <c r="A479" i="2" l="1"/>
  <c r="C478" i="2"/>
  <c r="D478" i="2"/>
  <c r="A480" i="2" l="1"/>
  <c r="C479" i="2"/>
  <c r="D479" i="2"/>
  <c r="A481" i="2" l="1"/>
  <c r="C480" i="2"/>
  <c r="D480" i="2"/>
  <c r="A482" i="2" l="1"/>
  <c r="C481" i="2"/>
  <c r="D481" i="2"/>
  <c r="A483" i="2" l="1"/>
  <c r="C482" i="2"/>
  <c r="D482" i="2"/>
  <c r="A484" i="2" l="1"/>
  <c r="C483" i="2"/>
  <c r="D483" i="2"/>
  <c r="A485" i="2" l="1"/>
  <c r="C484" i="2"/>
  <c r="D484" i="2"/>
  <c r="A486" i="2" l="1"/>
  <c r="C485" i="2"/>
  <c r="D485" i="2"/>
  <c r="A487" i="2" l="1"/>
  <c r="C486" i="2"/>
  <c r="D486" i="2"/>
  <c r="A488" i="2" l="1"/>
  <c r="C487" i="2"/>
  <c r="D487" i="2"/>
  <c r="A489" i="2" l="1"/>
  <c r="C488" i="2"/>
  <c r="D488" i="2"/>
  <c r="A490" i="2" l="1"/>
  <c r="C489" i="2"/>
  <c r="D489" i="2"/>
  <c r="A491" i="2" l="1"/>
  <c r="C490" i="2"/>
  <c r="D490" i="2"/>
  <c r="A492" i="2" l="1"/>
  <c r="C491" i="2"/>
  <c r="D491" i="2"/>
  <c r="A493" i="2" l="1"/>
  <c r="C492" i="2"/>
  <c r="D492" i="2"/>
  <c r="A494" i="2" l="1"/>
  <c r="C493" i="2"/>
  <c r="D493" i="2"/>
  <c r="A495" i="2" l="1"/>
  <c r="C494" i="2"/>
  <c r="D494" i="2"/>
  <c r="A496" i="2" l="1"/>
  <c r="C495" i="2"/>
  <c r="D495" i="2"/>
  <c r="A497" i="2" l="1"/>
  <c r="C496" i="2"/>
  <c r="D496" i="2"/>
  <c r="A498" i="2" l="1"/>
  <c r="C497" i="2"/>
  <c r="D497" i="2"/>
  <c r="A499" i="2" l="1"/>
  <c r="C498" i="2"/>
  <c r="D498" i="2"/>
  <c r="A500" i="2" l="1"/>
  <c r="C499" i="2"/>
  <c r="D499" i="2"/>
  <c r="A501" i="2" l="1"/>
  <c r="C500" i="2"/>
  <c r="D500" i="2"/>
  <c r="A502" i="2" l="1"/>
  <c r="C501" i="2"/>
  <c r="D501" i="2"/>
  <c r="A503" i="2" l="1"/>
  <c r="C502" i="2"/>
  <c r="D502" i="2"/>
  <c r="A504" i="2" l="1"/>
  <c r="C503" i="2"/>
  <c r="D503" i="2"/>
  <c r="A505" i="2" l="1"/>
  <c r="C504" i="2"/>
  <c r="D504" i="2"/>
  <c r="A506" i="2" l="1"/>
  <c r="C505" i="2"/>
  <c r="D505" i="2"/>
  <c r="A507" i="2" l="1"/>
  <c r="C506" i="2"/>
  <c r="D506" i="2"/>
  <c r="A508" i="2" l="1"/>
  <c r="C507" i="2"/>
  <c r="D507" i="2"/>
  <c r="A509" i="2" l="1"/>
  <c r="C508" i="2"/>
  <c r="D508" i="2"/>
  <c r="A510" i="2" l="1"/>
  <c r="C509" i="2"/>
  <c r="D509" i="2"/>
  <c r="A511" i="2" l="1"/>
  <c r="C510" i="2"/>
  <c r="D510" i="2"/>
  <c r="A512" i="2" l="1"/>
  <c r="C511" i="2"/>
  <c r="D511" i="2"/>
  <c r="A513" i="2" l="1"/>
  <c r="C512" i="2"/>
  <c r="D512" i="2"/>
  <c r="A514" i="2" l="1"/>
  <c r="C513" i="2"/>
  <c r="D513" i="2"/>
  <c r="A515" i="2" l="1"/>
  <c r="C514" i="2"/>
  <c r="D514" i="2"/>
  <c r="A516" i="2" l="1"/>
  <c r="C515" i="2"/>
  <c r="D515" i="2"/>
  <c r="A517" i="2" l="1"/>
  <c r="C516" i="2"/>
  <c r="D516" i="2"/>
  <c r="A518" i="2" l="1"/>
  <c r="C517" i="2"/>
  <c r="D517" i="2"/>
  <c r="A519" i="2" l="1"/>
  <c r="C518" i="2"/>
  <c r="D518" i="2"/>
  <c r="A520" i="2" l="1"/>
  <c r="C519" i="2"/>
  <c r="D519" i="2"/>
  <c r="A521" i="2" l="1"/>
  <c r="C520" i="2"/>
  <c r="D520" i="2"/>
  <c r="A522" i="2" l="1"/>
  <c r="D521" i="2"/>
  <c r="C521" i="2"/>
  <c r="A523" i="2" l="1"/>
  <c r="C522" i="2"/>
  <c r="D522" i="2"/>
  <c r="A524" i="2" l="1"/>
  <c r="C523" i="2"/>
  <c r="D523" i="2"/>
  <c r="A525" i="2" l="1"/>
  <c r="C524" i="2"/>
  <c r="D524" i="2"/>
  <c r="A526" i="2" l="1"/>
  <c r="D525" i="2"/>
  <c r="C525" i="2"/>
  <c r="A527" i="2" l="1"/>
  <c r="C526" i="2"/>
  <c r="D526" i="2"/>
  <c r="A528" i="2" l="1"/>
  <c r="C527" i="2"/>
  <c r="D527" i="2"/>
  <c r="A529" i="2" l="1"/>
  <c r="C528" i="2"/>
  <c r="D528" i="2"/>
  <c r="A530" i="2" l="1"/>
  <c r="D529" i="2"/>
  <c r="C529" i="2"/>
  <c r="A531" i="2" l="1"/>
  <c r="C530" i="2"/>
  <c r="D530" i="2"/>
  <c r="A532" i="2" l="1"/>
  <c r="C531" i="2"/>
  <c r="D531" i="2"/>
  <c r="A533" i="2" l="1"/>
  <c r="C532" i="2"/>
  <c r="D532" i="2"/>
  <c r="A534" i="2" l="1"/>
  <c r="D533" i="2"/>
  <c r="C533" i="2"/>
  <c r="A535" i="2" l="1"/>
  <c r="C534" i="2"/>
  <c r="D534" i="2"/>
  <c r="A536" i="2" l="1"/>
  <c r="C535" i="2"/>
  <c r="D535" i="2"/>
  <c r="A537" i="2" l="1"/>
  <c r="C536" i="2"/>
  <c r="D536" i="2"/>
  <c r="A538" i="2" l="1"/>
  <c r="D537" i="2"/>
  <c r="C537" i="2"/>
  <c r="A539" i="2" l="1"/>
  <c r="C538" i="2"/>
  <c r="D538" i="2"/>
  <c r="A540" i="2" l="1"/>
  <c r="C539" i="2"/>
  <c r="D539" i="2"/>
  <c r="A541" i="2" l="1"/>
  <c r="C540" i="2"/>
  <c r="D540" i="2"/>
  <c r="A542" i="2" l="1"/>
  <c r="D541" i="2"/>
  <c r="C541" i="2"/>
  <c r="A543" i="2" l="1"/>
  <c r="C542" i="2"/>
  <c r="D542" i="2"/>
  <c r="A544" i="2" l="1"/>
  <c r="C543" i="2"/>
  <c r="D543" i="2"/>
  <c r="A545" i="2" l="1"/>
  <c r="C544" i="2"/>
  <c r="D544" i="2"/>
  <c r="A546" i="2" l="1"/>
  <c r="D545" i="2"/>
  <c r="C545" i="2"/>
  <c r="A547" i="2" l="1"/>
  <c r="C546" i="2"/>
  <c r="D546" i="2"/>
  <c r="A548" i="2" l="1"/>
  <c r="C547" i="2"/>
  <c r="D547" i="2"/>
  <c r="A549" i="2" l="1"/>
  <c r="C548" i="2"/>
  <c r="D548" i="2"/>
  <c r="A550" i="2" l="1"/>
  <c r="C549" i="2"/>
  <c r="D549" i="2"/>
  <c r="A551" i="2" l="1"/>
  <c r="C550" i="2"/>
  <c r="D550" i="2"/>
  <c r="A552" i="2" l="1"/>
  <c r="D551" i="2"/>
  <c r="C551" i="2"/>
  <c r="A553" i="2" l="1"/>
  <c r="C552" i="2"/>
  <c r="D552" i="2"/>
  <c r="A554" i="2" l="1"/>
  <c r="D553" i="2"/>
  <c r="C553" i="2"/>
  <c r="A555" i="2" l="1"/>
  <c r="C554" i="2"/>
  <c r="D554" i="2"/>
  <c r="A556" i="2" l="1"/>
  <c r="D555" i="2"/>
  <c r="C555" i="2"/>
  <c r="A557" i="2" l="1"/>
  <c r="C556" i="2"/>
  <c r="D556" i="2"/>
  <c r="A558" i="2" l="1"/>
  <c r="D557" i="2"/>
  <c r="C557" i="2"/>
  <c r="A559" i="2" l="1"/>
  <c r="C558" i="2"/>
  <c r="D558" i="2"/>
  <c r="A560" i="2" l="1"/>
  <c r="D559" i="2"/>
  <c r="C559" i="2"/>
  <c r="A561" i="2" l="1"/>
  <c r="C560" i="2"/>
  <c r="D560" i="2"/>
  <c r="A562" i="2" l="1"/>
  <c r="D561" i="2"/>
  <c r="C561" i="2"/>
  <c r="A563" i="2" l="1"/>
  <c r="C562" i="2"/>
  <c r="D562" i="2"/>
  <c r="A564" i="2" l="1"/>
  <c r="D563" i="2"/>
  <c r="C563" i="2"/>
  <c r="A565" i="2" l="1"/>
  <c r="C564" i="2"/>
  <c r="D564" i="2"/>
  <c r="A566" i="2" l="1"/>
  <c r="D565" i="2"/>
  <c r="C565" i="2"/>
  <c r="A567" i="2" l="1"/>
  <c r="C566" i="2"/>
  <c r="D566" i="2"/>
  <c r="A568" i="2" l="1"/>
  <c r="D567" i="2"/>
  <c r="C567" i="2"/>
  <c r="A569" i="2" l="1"/>
  <c r="C568" i="2"/>
  <c r="D568" i="2"/>
  <c r="A570" i="2" l="1"/>
  <c r="D569" i="2"/>
  <c r="C569" i="2"/>
  <c r="A571" i="2" l="1"/>
  <c r="C570" i="2"/>
  <c r="D570" i="2"/>
  <c r="A572" i="2" l="1"/>
  <c r="D571" i="2"/>
  <c r="C571" i="2"/>
  <c r="A573" i="2" l="1"/>
  <c r="C572" i="2"/>
  <c r="D572" i="2"/>
  <c r="A574" i="2" l="1"/>
  <c r="D573" i="2"/>
  <c r="C573" i="2"/>
  <c r="A575" i="2" l="1"/>
  <c r="C574" i="2"/>
  <c r="D574" i="2"/>
  <c r="A576" i="2" l="1"/>
  <c r="D575" i="2"/>
  <c r="C575" i="2"/>
  <c r="A577" i="2" l="1"/>
  <c r="C576" i="2"/>
  <c r="D576" i="2"/>
  <c r="A578" i="2" l="1"/>
  <c r="D577" i="2"/>
  <c r="C577" i="2"/>
  <c r="A579" i="2" l="1"/>
  <c r="C578" i="2"/>
  <c r="D578" i="2"/>
  <c r="A580" i="2" l="1"/>
  <c r="D579" i="2"/>
  <c r="C579" i="2"/>
  <c r="A581" i="2" l="1"/>
  <c r="C580" i="2"/>
  <c r="D580" i="2"/>
  <c r="A582" i="2" l="1"/>
  <c r="D581" i="2"/>
  <c r="C581" i="2"/>
  <c r="A583" i="2" l="1"/>
  <c r="C582" i="2"/>
  <c r="D582" i="2"/>
  <c r="A584" i="2" l="1"/>
  <c r="D583" i="2"/>
  <c r="C583" i="2"/>
  <c r="A585" i="2" l="1"/>
  <c r="C584" i="2"/>
  <c r="D584" i="2"/>
  <c r="A586" i="2" l="1"/>
  <c r="D585" i="2"/>
  <c r="C585" i="2"/>
  <c r="A587" i="2" l="1"/>
  <c r="C586" i="2"/>
  <c r="D586" i="2"/>
  <c r="A588" i="2" l="1"/>
  <c r="D587" i="2"/>
  <c r="C587" i="2"/>
  <c r="A589" i="2" l="1"/>
  <c r="C588" i="2"/>
  <c r="D588" i="2"/>
  <c r="A590" i="2" l="1"/>
  <c r="D589" i="2"/>
  <c r="C589" i="2"/>
  <c r="A591" i="2" l="1"/>
  <c r="C590" i="2"/>
  <c r="D590" i="2"/>
  <c r="A592" i="2" l="1"/>
  <c r="D591" i="2"/>
  <c r="C591" i="2"/>
  <c r="A593" i="2" l="1"/>
  <c r="C592" i="2"/>
  <c r="D592" i="2"/>
  <c r="A594" i="2" l="1"/>
  <c r="D593" i="2"/>
  <c r="C593" i="2"/>
  <c r="A595" i="2" l="1"/>
  <c r="C594" i="2"/>
  <c r="D594" i="2"/>
  <c r="A596" i="2" l="1"/>
  <c r="D595" i="2"/>
  <c r="C595" i="2"/>
  <c r="A597" i="2" l="1"/>
  <c r="C596" i="2"/>
  <c r="D596" i="2"/>
  <c r="A598" i="2" l="1"/>
  <c r="D597" i="2"/>
  <c r="C597" i="2"/>
  <c r="A599" i="2" l="1"/>
  <c r="C598" i="2"/>
  <c r="D598" i="2"/>
  <c r="A600" i="2" l="1"/>
  <c r="D599" i="2"/>
  <c r="C599" i="2"/>
  <c r="A601" i="2" l="1"/>
  <c r="C600" i="2"/>
  <c r="D600" i="2"/>
  <c r="A602" i="2" l="1"/>
  <c r="D601" i="2"/>
  <c r="C601" i="2"/>
  <c r="A603" i="2" l="1"/>
  <c r="C602" i="2"/>
  <c r="D602" i="2"/>
  <c r="A604" i="2" l="1"/>
  <c r="D603" i="2"/>
  <c r="C603" i="2"/>
  <c r="A605" i="2" l="1"/>
  <c r="C604" i="2"/>
  <c r="D604" i="2"/>
  <c r="A606" i="2" l="1"/>
  <c r="D605" i="2"/>
  <c r="C605" i="2"/>
  <c r="A607" i="2" l="1"/>
  <c r="C606" i="2"/>
  <c r="D606" i="2"/>
  <c r="A608" i="2" l="1"/>
  <c r="D607" i="2"/>
  <c r="C607" i="2"/>
  <c r="A609" i="2" l="1"/>
  <c r="C608" i="2"/>
  <c r="D608" i="2"/>
  <c r="A610" i="2" l="1"/>
  <c r="D609" i="2"/>
  <c r="C609" i="2"/>
  <c r="A611" i="2" l="1"/>
  <c r="C610" i="2"/>
  <c r="D610" i="2"/>
  <c r="A612" i="2" l="1"/>
  <c r="D611" i="2"/>
  <c r="C611" i="2"/>
  <c r="A613" i="2" l="1"/>
  <c r="C612" i="2"/>
  <c r="D612" i="2"/>
  <c r="A614" i="2" l="1"/>
  <c r="D613" i="2"/>
  <c r="C613" i="2"/>
  <c r="A615" i="2" l="1"/>
  <c r="C614" i="2"/>
  <c r="D614" i="2"/>
  <c r="A616" i="2" l="1"/>
  <c r="D615" i="2"/>
  <c r="C615" i="2"/>
  <c r="A617" i="2" l="1"/>
  <c r="C616" i="2"/>
  <c r="D616" i="2"/>
  <c r="A618" i="2" l="1"/>
  <c r="D617" i="2"/>
  <c r="C617" i="2"/>
  <c r="A619" i="2" l="1"/>
  <c r="C618" i="2"/>
  <c r="D618" i="2"/>
  <c r="A620" i="2" l="1"/>
  <c r="D619" i="2"/>
  <c r="C619" i="2"/>
  <c r="A621" i="2" l="1"/>
  <c r="C620" i="2"/>
  <c r="D620" i="2"/>
  <c r="A622" i="2" l="1"/>
  <c r="D621" i="2"/>
  <c r="C621" i="2"/>
  <c r="A623" i="2" l="1"/>
  <c r="C622" i="2"/>
  <c r="D622" i="2"/>
  <c r="A624" i="2" l="1"/>
  <c r="D623" i="2"/>
  <c r="C623" i="2"/>
  <c r="A625" i="2" l="1"/>
  <c r="C624" i="2"/>
  <c r="D624" i="2"/>
  <c r="A626" i="2" l="1"/>
  <c r="D625" i="2"/>
  <c r="C625" i="2"/>
  <c r="A627" i="2" l="1"/>
  <c r="C626" i="2"/>
  <c r="D626" i="2"/>
  <c r="A628" i="2" l="1"/>
  <c r="D627" i="2"/>
  <c r="C627" i="2"/>
  <c r="A629" i="2" l="1"/>
  <c r="C628" i="2"/>
  <c r="D628" i="2"/>
  <c r="A630" i="2" l="1"/>
  <c r="D629" i="2"/>
  <c r="C629" i="2"/>
  <c r="A631" i="2" l="1"/>
  <c r="C630" i="2"/>
  <c r="D630" i="2"/>
  <c r="A632" i="2" l="1"/>
  <c r="D631" i="2"/>
  <c r="C631" i="2"/>
  <c r="A633" i="2" l="1"/>
  <c r="C632" i="2"/>
  <c r="D632" i="2"/>
  <c r="A634" i="2" l="1"/>
  <c r="D633" i="2"/>
  <c r="C633" i="2"/>
  <c r="A635" i="2" l="1"/>
  <c r="C634" i="2"/>
  <c r="D634" i="2"/>
  <c r="A636" i="2" l="1"/>
  <c r="D635" i="2"/>
  <c r="C635" i="2"/>
  <c r="A637" i="2" l="1"/>
  <c r="C636" i="2"/>
  <c r="D636" i="2"/>
  <c r="A638" i="2" l="1"/>
  <c r="D637" i="2"/>
  <c r="C637" i="2"/>
  <c r="A639" i="2" l="1"/>
  <c r="C638" i="2"/>
  <c r="D638" i="2"/>
  <c r="A640" i="2" l="1"/>
  <c r="D639" i="2"/>
  <c r="C639" i="2"/>
  <c r="A641" i="2" l="1"/>
  <c r="C640" i="2"/>
  <c r="D640" i="2"/>
  <c r="A642" i="2" l="1"/>
  <c r="D641" i="2"/>
  <c r="C641" i="2"/>
  <c r="A643" i="2" l="1"/>
  <c r="C642" i="2"/>
  <c r="D642" i="2"/>
  <c r="A644" i="2" l="1"/>
  <c r="D643" i="2"/>
  <c r="C643" i="2"/>
  <c r="A645" i="2" l="1"/>
  <c r="C644" i="2"/>
  <c r="D644" i="2"/>
  <c r="A646" i="2" l="1"/>
  <c r="D645" i="2"/>
  <c r="C645" i="2"/>
  <c r="A647" i="2" l="1"/>
  <c r="C646" i="2"/>
  <c r="D646" i="2"/>
  <c r="A648" i="2" l="1"/>
  <c r="D647" i="2"/>
  <c r="C647" i="2"/>
  <c r="A649" i="2" l="1"/>
  <c r="C648" i="2"/>
  <c r="D648" i="2"/>
  <c r="A650" i="2" l="1"/>
  <c r="D649" i="2"/>
  <c r="C649" i="2"/>
  <c r="A651" i="2" l="1"/>
  <c r="C650" i="2"/>
  <c r="D650" i="2"/>
  <c r="A652" i="2" l="1"/>
  <c r="D651" i="2"/>
  <c r="C651" i="2"/>
  <c r="A653" i="2" l="1"/>
  <c r="C652" i="2"/>
  <c r="D652" i="2"/>
  <c r="A654" i="2" l="1"/>
  <c r="D653" i="2"/>
  <c r="C653" i="2"/>
  <c r="A655" i="2" l="1"/>
  <c r="C654" i="2"/>
  <c r="D654" i="2"/>
  <c r="A656" i="2" l="1"/>
  <c r="D655" i="2"/>
  <c r="C655" i="2"/>
  <c r="A657" i="2" l="1"/>
  <c r="C656" i="2"/>
  <c r="D656" i="2"/>
  <c r="A658" i="2" l="1"/>
  <c r="D657" i="2"/>
  <c r="C657" i="2"/>
  <c r="A659" i="2" l="1"/>
  <c r="C658" i="2"/>
  <c r="D658" i="2"/>
  <c r="A660" i="2" l="1"/>
  <c r="D659" i="2"/>
  <c r="C659" i="2"/>
  <c r="A661" i="2" l="1"/>
  <c r="C660" i="2"/>
  <c r="D660" i="2"/>
  <c r="A662" i="2" l="1"/>
  <c r="D661" i="2"/>
  <c r="C661" i="2"/>
  <c r="A663" i="2" l="1"/>
  <c r="C662" i="2"/>
  <c r="D662" i="2"/>
  <c r="A664" i="2" l="1"/>
  <c r="D663" i="2"/>
  <c r="C663" i="2"/>
  <c r="A665" i="2" l="1"/>
  <c r="C664" i="2"/>
  <c r="D664" i="2"/>
  <c r="A666" i="2" l="1"/>
  <c r="D665" i="2"/>
  <c r="C665" i="2"/>
  <c r="A667" i="2" l="1"/>
  <c r="C666" i="2"/>
  <c r="D666" i="2"/>
  <c r="A668" i="2" l="1"/>
  <c r="D667" i="2"/>
  <c r="C667" i="2"/>
  <c r="A669" i="2" l="1"/>
  <c r="C668" i="2"/>
  <c r="D668" i="2"/>
  <c r="A670" i="2" l="1"/>
  <c r="D669" i="2"/>
  <c r="C669" i="2"/>
  <c r="A671" i="2" l="1"/>
  <c r="C670" i="2"/>
  <c r="D670" i="2"/>
  <c r="A672" i="2" l="1"/>
  <c r="D671" i="2"/>
  <c r="C671" i="2"/>
  <c r="A673" i="2" l="1"/>
  <c r="C672" i="2"/>
  <c r="D672" i="2"/>
  <c r="A674" i="2" l="1"/>
  <c r="D673" i="2"/>
  <c r="C673" i="2"/>
  <c r="A675" i="2" l="1"/>
  <c r="C674" i="2"/>
  <c r="D674" i="2"/>
  <c r="A676" i="2" l="1"/>
  <c r="D675" i="2"/>
  <c r="C675" i="2"/>
  <c r="A677" i="2" l="1"/>
  <c r="C676" i="2"/>
  <c r="D676" i="2"/>
  <c r="A678" i="2" l="1"/>
  <c r="D677" i="2"/>
  <c r="C677" i="2"/>
  <c r="A679" i="2" l="1"/>
  <c r="C678" i="2"/>
  <c r="D678" i="2"/>
  <c r="A680" i="2" l="1"/>
  <c r="D679" i="2"/>
  <c r="C679" i="2"/>
  <c r="A681" i="2" l="1"/>
  <c r="C680" i="2"/>
  <c r="D680" i="2"/>
  <c r="A682" i="2" l="1"/>
  <c r="D681" i="2"/>
  <c r="C681" i="2"/>
  <c r="A683" i="2" l="1"/>
  <c r="C682" i="2"/>
  <c r="D682" i="2"/>
  <c r="A684" i="2" l="1"/>
  <c r="D683" i="2"/>
  <c r="C683" i="2"/>
  <c r="A685" i="2" l="1"/>
  <c r="C684" i="2"/>
  <c r="D684" i="2"/>
  <c r="A686" i="2" l="1"/>
  <c r="D685" i="2"/>
  <c r="C685" i="2"/>
  <c r="A687" i="2" l="1"/>
  <c r="C686" i="2"/>
  <c r="D686" i="2"/>
  <c r="A688" i="2" l="1"/>
  <c r="D687" i="2"/>
  <c r="C687" i="2"/>
  <c r="A689" i="2" l="1"/>
  <c r="C688" i="2"/>
  <c r="D688" i="2"/>
  <c r="A690" i="2" l="1"/>
  <c r="D689" i="2"/>
  <c r="C689" i="2"/>
  <c r="A691" i="2" l="1"/>
  <c r="C690" i="2"/>
  <c r="D690" i="2"/>
  <c r="A692" i="2" l="1"/>
  <c r="D691" i="2"/>
  <c r="C691" i="2"/>
  <c r="A693" i="2" l="1"/>
  <c r="C692" i="2"/>
  <c r="D692" i="2"/>
  <c r="A694" i="2" l="1"/>
  <c r="D693" i="2"/>
  <c r="C693" i="2"/>
  <c r="A695" i="2" l="1"/>
  <c r="C694" i="2"/>
  <c r="D694" i="2"/>
  <c r="A696" i="2" l="1"/>
  <c r="D695" i="2"/>
  <c r="C695" i="2"/>
  <c r="A697" i="2" l="1"/>
  <c r="C696" i="2"/>
  <c r="D696" i="2"/>
  <c r="A698" i="2" l="1"/>
  <c r="D697" i="2"/>
  <c r="C697" i="2"/>
  <c r="A699" i="2" l="1"/>
  <c r="C698" i="2"/>
  <c r="D698" i="2"/>
  <c r="A700" i="2" l="1"/>
  <c r="D699" i="2"/>
  <c r="C699" i="2"/>
  <c r="A701" i="2" l="1"/>
  <c r="C700" i="2"/>
  <c r="D700" i="2"/>
  <c r="A702" i="2" l="1"/>
  <c r="D701" i="2"/>
  <c r="C701" i="2"/>
  <c r="A703" i="2" l="1"/>
  <c r="C702" i="2"/>
  <c r="D702" i="2"/>
  <c r="A704" i="2" l="1"/>
  <c r="D703" i="2"/>
  <c r="C703" i="2"/>
  <c r="A705" i="2" l="1"/>
  <c r="C704" i="2"/>
  <c r="D704" i="2"/>
  <c r="A706" i="2" l="1"/>
  <c r="D705" i="2"/>
  <c r="C705" i="2"/>
  <c r="A707" i="2" l="1"/>
  <c r="C706" i="2"/>
  <c r="D706" i="2"/>
  <c r="A708" i="2" l="1"/>
  <c r="D707" i="2"/>
  <c r="C707" i="2"/>
  <c r="A709" i="2" l="1"/>
  <c r="C708" i="2"/>
  <c r="D708" i="2"/>
  <c r="A710" i="2" l="1"/>
  <c r="D709" i="2"/>
  <c r="C709" i="2"/>
  <c r="A711" i="2" l="1"/>
  <c r="C710" i="2"/>
  <c r="D710" i="2"/>
  <c r="A712" i="2" l="1"/>
  <c r="D711" i="2"/>
  <c r="C711" i="2"/>
  <c r="A713" i="2" l="1"/>
  <c r="C712" i="2"/>
  <c r="D712" i="2"/>
  <c r="A714" i="2" l="1"/>
  <c r="D713" i="2"/>
  <c r="C713" i="2"/>
  <c r="A715" i="2" l="1"/>
  <c r="C714" i="2"/>
  <c r="D714" i="2"/>
  <c r="A716" i="2" l="1"/>
  <c r="D715" i="2"/>
  <c r="C715" i="2"/>
  <c r="A717" i="2" l="1"/>
  <c r="C716" i="2"/>
  <c r="D716" i="2"/>
  <c r="A718" i="2" l="1"/>
  <c r="D717" i="2"/>
  <c r="C717" i="2"/>
  <c r="A719" i="2" l="1"/>
  <c r="C718" i="2"/>
  <c r="D718" i="2"/>
  <c r="A720" i="2" l="1"/>
  <c r="D719" i="2"/>
  <c r="C719" i="2"/>
  <c r="A721" i="2" l="1"/>
  <c r="C720" i="2"/>
  <c r="D720" i="2"/>
  <c r="A722" i="2" l="1"/>
  <c r="D721" i="2"/>
  <c r="C721" i="2"/>
  <c r="A723" i="2" l="1"/>
  <c r="C722" i="2"/>
  <c r="D722" i="2"/>
  <c r="A724" i="2" l="1"/>
  <c r="D723" i="2"/>
  <c r="C723" i="2"/>
  <c r="A725" i="2" l="1"/>
  <c r="C724" i="2"/>
  <c r="D724" i="2"/>
  <c r="A726" i="2" l="1"/>
  <c r="D725" i="2"/>
  <c r="C725" i="2"/>
  <c r="A727" i="2" l="1"/>
  <c r="C726" i="2"/>
  <c r="D726" i="2"/>
  <c r="A728" i="2" l="1"/>
  <c r="D727" i="2"/>
  <c r="C727" i="2"/>
  <c r="A729" i="2" l="1"/>
  <c r="C728" i="2"/>
  <c r="D728" i="2"/>
  <c r="A730" i="2" l="1"/>
  <c r="D729" i="2"/>
  <c r="C729" i="2"/>
  <c r="A731" i="2" l="1"/>
  <c r="C730" i="2"/>
  <c r="D730" i="2"/>
  <c r="A732" i="2" l="1"/>
  <c r="D731" i="2"/>
  <c r="C731" i="2"/>
  <c r="A733" i="2" l="1"/>
  <c r="C732" i="2"/>
  <c r="D732" i="2"/>
  <c r="A734" i="2" l="1"/>
  <c r="D733" i="2"/>
  <c r="C733" i="2"/>
  <c r="A735" i="2" l="1"/>
  <c r="C734" i="2"/>
  <c r="D734" i="2"/>
  <c r="A736" i="2" l="1"/>
  <c r="D735" i="2"/>
  <c r="C735" i="2"/>
  <c r="A737" i="2" l="1"/>
  <c r="C736" i="2"/>
  <c r="D736" i="2"/>
  <c r="A738" i="2" l="1"/>
  <c r="D737" i="2"/>
  <c r="C737" i="2"/>
  <c r="A739" i="2" l="1"/>
  <c r="C738" i="2"/>
  <c r="D738" i="2"/>
  <c r="A740" i="2" l="1"/>
  <c r="D739" i="2"/>
  <c r="C739" i="2"/>
  <c r="A741" i="2" l="1"/>
  <c r="C740" i="2"/>
  <c r="D740" i="2"/>
  <c r="A742" i="2" l="1"/>
  <c r="D741" i="2"/>
  <c r="C741" i="2"/>
  <c r="A743" i="2" l="1"/>
  <c r="C742" i="2"/>
  <c r="D742" i="2"/>
  <c r="A744" i="2" l="1"/>
  <c r="D743" i="2"/>
  <c r="C743" i="2"/>
  <c r="A745" i="2" l="1"/>
  <c r="C744" i="2"/>
  <c r="D744" i="2"/>
  <c r="A746" i="2" l="1"/>
  <c r="D745" i="2"/>
  <c r="C745" i="2"/>
  <c r="A747" i="2" l="1"/>
  <c r="C746" i="2"/>
  <c r="D746" i="2"/>
  <c r="A748" i="2" l="1"/>
  <c r="D747" i="2"/>
  <c r="C747" i="2"/>
  <c r="A749" i="2" l="1"/>
  <c r="C748" i="2"/>
  <c r="D748" i="2"/>
  <c r="A750" i="2" l="1"/>
  <c r="D749" i="2"/>
  <c r="C749" i="2"/>
  <c r="A751" i="2" l="1"/>
  <c r="C750" i="2"/>
  <c r="D750" i="2"/>
  <c r="A752" i="2" l="1"/>
  <c r="D751" i="2"/>
  <c r="C751" i="2"/>
  <c r="A753" i="2" l="1"/>
  <c r="C752" i="2"/>
  <c r="D752" i="2"/>
  <c r="A754" i="2" l="1"/>
  <c r="D753" i="2"/>
  <c r="C753" i="2"/>
  <c r="A755" i="2" l="1"/>
  <c r="C754" i="2"/>
  <c r="D754" i="2"/>
  <c r="A756" i="2" l="1"/>
  <c r="D755" i="2"/>
  <c r="C755" i="2"/>
  <c r="A757" i="2" l="1"/>
  <c r="C756" i="2"/>
  <c r="D756" i="2"/>
  <c r="A758" i="2" l="1"/>
  <c r="D757" i="2"/>
  <c r="C757" i="2"/>
  <c r="A759" i="2" l="1"/>
  <c r="C758" i="2"/>
  <c r="D758" i="2"/>
  <c r="A760" i="2" l="1"/>
  <c r="D759" i="2"/>
  <c r="C759" i="2"/>
  <c r="A761" i="2" l="1"/>
  <c r="C760" i="2"/>
  <c r="D760" i="2"/>
  <c r="A762" i="2" l="1"/>
  <c r="D761" i="2"/>
  <c r="C761" i="2"/>
  <c r="A763" i="2" l="1"/>
  <c r="C762" i="2"/>
  <c r="D762" i="2"/>
  <c r="A764" i="2" l="1"/>
  <c r="D763" i="2"/>
  <c r="C763" i="2"/>
  <c r="A765" i="2" l="1"/>
  <c r="C764" i="2"/>
  <c r="D764" i="2"/>
  <c r="A766" i="2" l="1"/>
  <c r="D765" i="2"/>
  <c r="C765" i="2"/>
  <c r="A767" i="2" l="1"/>
  <c r="C766" i="2"/>
  <c r="D766" i="2"/>
  <c r="A768" i="2" l="1"/>
  <c r="D767" i="2"/>
  <c r="C767" i="2"/>
  <c r="A769" i="2" l="1"/>
  <c r="C768" i="2"/>
  <c r="D768" i="2"/>
  <c r="A770" i="2" l="1"/>
  <c r="D769" i="2"/>
  <c r="C769" i="2"/>
  <c r="A771" i="2" l="1"/>
  <c r="C770" i="2"/>
  <c r="D770" i="2"/>
  <c r="A772" i="2" l="1"/>
  <c r="D771" i="2"/>
  <c r="C771" i="2"/>
  <c r="A773" i="2" l="1"/>
  <c r="C772" i="2"/>
  <c r="D772" i="2"/>
  <c r="A774" i="2" l="1"/>
  <c r="D773" i="2"/>
  <c r="C773" i="2"/>
  <c r="A775" i="2" l="1"/>
  <c r="C774" i="2"/>
  <c r="D774" i="2"/>
  <c r="A776" i="2" l="1"/>
  <c r="D775" i="2"/>
  <c r="C775" i="2"/>
  <c r="A777" i="2" l="1"/>
  <c r="C776" i="2"/>
  <c r="D776" i="2"/>
  <c r="A778" i="2" l="1"/>
  <c r="D777" i="2"/>
  <c r="C777" i="2"/>
  <c r="A779" i="2" l="1"/>
  <c r="C778" i="2"/>
  <c r="D778" i="2"/>
  <c r="A780" i="2" l="1"/>
  <c r="D779" i="2"/>
  <c r="C779" i="2"/>
  <c r="A781" i="2" l="1"/>
  <c r="C780" i="2"/>
  <c r="D780" i="2"/>
  <c r="A782" i="2" l="1"/>
  <c r="D781" i="2"/>
  <c r="C781" i="2"/>
  <c r="A783" i="2" l="1"/>
  <c r="C782" i="2"/>
  <c r="D782" i="2"/>
  <c r="A784" i="2" l="1"/>
  <c r="D783" i="2"/>
  <c r="C783" i="2"/>
  <c r="A785" i="2" l="1"/>
  <c r="C784" i="2"/>
  <c r="D784" i="2"/>
  <c r="A786" i="2" l="1"/>
  <c r="D785" i="2"/>
  <c r="C785" i="2"/>
  <c r="A787" i="2" l="1"/>
  <c r="C786" i="2"/>
  <c r="D786" i="2"/>
  <c r="A788" i="2" l="1"/>
  <c r="D787" i="2"/>
  <c r="C787" i="2"/>
  <c r="A789" i="2" l="1"/>
  <c r="C788" i="2"/>
  <c r="D788" i="2"/>
  <c r="A790" i="2" l="1"/>
  <c r="D789" i="2"/>
  <c r="C789" i="2"/>
  <c r="A791" i="2" l="1"/>
  <c r="C790" i="2"/>
  <c r="D790" i="2"/>
  <c r="A792" i="2" l="1"/>
  <c r="D791" i="2"/>
  <c r="C791" i="2"/>
  <c r="A793" i="2" l="1"/>
  <c r="C792" i="2"/>
  <c r="D792" i="2"/>
  <c r="A794" i="2" l="1"/>
  <c r="D793" i="2"/>
  <c r="C793" i="2"/>
  <c r="A795" i="2" l="1"/>
  <c r="C794" i="2"/>
  <c r="D794" i="2"/>
  <c r="A796" i="2" l="1"/>
  <c r="D795" i="2"/>
  <c r="C795" i="2"/>
  <c r="A797" i="2" l="1"/>
  <c r="C796" i="2"/>
  <c r="D796" i="2"/>
  <c r="A798" i="2" l="1"/>
  <c r="D797" i="2"/>
  <c r="C797" i="2"/>
  <c r="A799" i="2" l="1"/>
  <c r="C798" i="2"/>
  <c r="D798" i="2"/>
  <c r="A800" i="2" l="1"/>
  <c r="D799" i="2"/>
  <c r="C799" i="2"/>
  <c r="A801" i="2" l="1"/>
  <c r="C800" i="2"/>
  <c r="D800" i="2"/>
  <c r="A802" i="2" l="1"/>
  <c r="D801" i="2"/>
  <c r="C801" i="2"/>
  <c r="A803" i="2" l="1"/>
  <c r="C802" i="2"/>
  <c r="D802" i="2"/>
  <c r="A804" i="2" l="1"/>
  <c r="D803" i="2"/>
  <c r="C803" i="2"/>
  <c r="A805" i="2" l="1"/>
  <c r="C804" i="2"/>
  <c r="D804" i="2"/>
  <c r="A806" i="2" l="1"/>
  <c r="D805" i="2"/>
  <c r="C805" i="2"/>
  <c r="A807" i="2" l="1"/>
  <c r="C806" i="2"/>
  <c r="D806" i="2"/>
  <c r="A808" i="2" l="1"/>
  <c r="D807" i="2"/>
  <c r="C807" i="2"/>
  <c r="A809" i="2" l="1"/>
  <c r="C808" i="2"/>
  <c r="D808" i="2"/>
  <c r="A810" i="2" l="1"/>
  <c r="D809" i="2"/>
  <c r="C809" i="2"/>
  <c r="A811" i="2" l="1"/>
  <c r="C810" i="2"/>
  <c r="D810" i="2"/>
  <c r="A812" i="2" l="1"/>
  <c r="D811" i="2"/>
  <c r="C811" i="2"/>
  <c r="A813" i="2" l="1"/>
  <c r="C812" i="2"/>
  <c r="D812" i="2"/>
  <c r="A814" i="2" l="1"/>
  <c r="D813" i="2"/>
  <c r="C813" i="2"/>
  <c r="A815" i="2" l="1"/>
  <c r="C814" i="2"/>
  <c r="D814" i="2"/>
  <c r="A816" i="2" l="1"/>
  <c r="D815" i="2"/>
  <c r="C815" i="2"/>
  <c r="A817" i="2" l="1"/>
  <c r="C816" i="2"/>
  <c r="D816" i="2"/>
  <c r="A818" i="2" l="1"/>
  <c r="D817" i="2"/>
  <c r="C817" i="2"/>
  <c r="A819" i="2" l="1"/>
  <c r="C818" i="2"/>
  <c r="D818" i="2"/>
  <c r="A820" i="2" l="1"/>
  <c r="D819" i="2"/>
  <c r="C819" i="2"/>
  <c r="A821" i="2" l="1"/>
  <c r="C820" i="2"/>
  <c r="D820" i="2"/>
  <c r="A822" i="2" l="1"/>
  <c r="D821" i="2"/>
  <c r="C821" i="2"/>
  <c r="A823" i="2" l="1"/>
  <c r="C822" i="2"/>
  <c r="D822" i="2"/>
  <c r="A824" i="2" l="1"/>
  <c r="D823" i="2"/>
  <c r="C823" i="2"/>
  <c r="A825" i="2" l="1"/>
  <c r="C824" i="2"/>
  <c r="D824" i="2"/>
  <c r="A826" i="2" l="1"/>
  <c r="D825" i="2"/>
  <c r="C825" i="2"/>
  <c r="A827" i="2" l="1"/>
  <c r="C826" i="2"/>
  <c r="D826" i="2"/>
  <c r="A828" i="2" l="1"/>
  <c r="D827" i="2"/>
  <c r="C827" i="2"/>
  <c r="A829" i="2" l="1"/>
  <c r="D828" i="2"/>
  <c r="C828" i="2"/>
  <c r="A830" i="2" l="1"/>
  <c r="D829" i="2"/>
  <c r="C829" i="2"/>
  <c r="A831" i="2" l="1"/>
  <c r="C830" i="2"/>
  <c r="D830" i="2"/>
  <c r="A832" i="2" l="1"/>
  <c r="C831" i="2"/>
  <c r="D831" i="2"/>
  <c r="A833" i="2" l="1"/>
  <c r="C832" i="2"/>
  <c r="D832" i="2"/>
  <c r="A834" i="2" l="1"/>
  <c r="C833" i="2"/>
  <c r="D833" i="2"/>
  <c r="A835" i="2" l="1"/>
  <c r="C834" i="2"/>
  <c r="D834" i="2"/>
  <c r="A836" i="2" l="1"/>
  <c r="C835" i="2"/>
  <c r="D835" i="2"/>
  <c r="A837" i="2" l="1"/>
  <c r="C836" i="2"/>
  <c r="D836" i="2"/>
  <c r="A838" i="2" l="1"/>
  <c r="C837" i="2"/>
  <c r="D837" i="2"/>
  <c r="A839" i="2" l="1"/>
  <c r="C838" i="2"/>
  <c r="D838" i="2"/>
  <c r="A840" i="2" l="1"/>
  <c r="C839" i="2"/>
  <c r="D839" i="2"/>
  <c r="A841" i="2" l="1"/>
  <c r="C840" i="2"/>
  <c r="D840" i="2"/>
  <c r="A842" i="2" l="1"/>
  <c r="C841" i="2"/>
  <c r="D841" i="2"/>
  <c r="A843" i="2" l="1"/>
  <c r="C842" i="2"/>
  <c r="D842" i="2"/>
  <c r="A844" i="2" l="1"/>
  <c r="C843" i="2"/>
  <c r="D843" i="2"/>
  <c r="A845" i="2" l="1"/>
  <c r="C844" i="2"/>
  <c r="D844" i="2"/>
  <c r="A846" i="2" l="1"/>
  <c r="C845" i="2"/>
  <c r="D845" i="2"/>
  <c r="A847" i="2" l="1"/>
  <c r="C846" i="2"/>
  <c r="D846" i="2"/>
  <c r="A848" i="2" l="1"/>
  <c r="C847" i="2"/>
  <c r="D847" i="2"/>
  <c r="A849" i="2" l="1"/>
  <c r="C848" i="2"/>
  <c r="D848" i="2"/>
  <c r="A850" i="2" l="1"/>
  <c r="C849" i="2"/>
  <c r="D849" i="2"/>
  <c r="A851" i="2" l="1"/>
  <c r="C850" i="2"/>
  <c r="D850" i="2"/>
  <c r="A852" i="2" l="1"/>
  <c r="C851" i="2"/>
  <c r="D851" i="2"/>
  <c r="A853" i="2" l="1"/>
  <c r="C852" i="2"/>
  <c r="D852" i="2"/>
  <c r="A854" i="2" l="1"/>
  <c r="C853" i="2"/>
  <c r="D853" i="2"/>
  <c r="A855" i="2" l="1"/>
  <c r="C854" i="2"/>
  <c r="D854" i="2"/>
  <c r="A856" i="2" l="1"/>
  <c r="C855" i="2"/>
  <c r="D855" i="2"/>
  <c r="A857" i="2" l="1"/>
  <c r="C856" i="2"/>
  <c r="D856" i="2"/>
  <c r="A858" i="2" l="1"/>
  <c r="C857" i="2"/>
  <c r="D857" i="2"/>
  <c r="A859" i="2" l="1"/>
  <c r="C858" i="2"/>
  <c r="D858" i="2"/>
  <c r="A860" i="2" l="1"/>
  <c r="C859" i="2"/>
  <c r="D859" i="2"/>
  <c r="A861" i="2" l="1"/>
  <c r="C860" i="2"/>
  <c r="D860" i="2"/>
  <c r="A862" i="2" l="1"/>
  <c r="C861" i="2"/>
  <c r="D861" i="2"/>
  <c r="A863" i="2" l="1"/>
  <c r="C862" i="2"/>
  <c r="D862" i="2"/>
  <c r="A864" i="2" l="1"/>
  <c r="C863" i="2"/>
  <c r="D863" i="2"/>
  <c r="A865" i="2" l="1"/>
  <c r="C864" i="2"/>
  <c r="D864" i="2"/>
  <c r="A866" i="2" l="1"/>
  <c r="C865" i="2"/>
  <c r="D865" i="2"/>
  <c r="A867" i="2" l="1"/>
  <c r="C866" i="2"/>
  <c r="D866" i="2"/>
  <c r="A868" i="2" l="1"/>
  <c r="C867" i="2"/>
  <c r="D867" i="2"/>
  <c r="A869" i="2" l="1"/>
  <c r="C868" i="2"/>
  <c r="D868" i="2"/>
  <c r="A870" i="2" l="1"/>
  <c r="C869" i="2"/>
  <c r="D869" i="2"/>
  <c r="A871" i="2" l="1"/>
  <c r="C870" i="2"/>
  <c r="D870" i="2"/>
  <c r="A872" i="2" l="1"/>
  <c r="C871" i="2"/>
  <c r="D871" i="2"/>
  <c r="A873" i="2" l="1"/>
  <c r="C872" i="2"/>
  <c r="D872" i="2"/>
  <c r="A874" i="2" l="1"/>
  <c r="C873" i="2"/>
  <c r="D873" i="2"/>
  <c r="A875" i="2" l="1"/>
  <c r="C874" i="2"/>
  <c r="D874" i="2"/>
  <c r="A876" i="2" l="1"/>
  <c r="C875" i="2"/>
  <c r="D875" i="2"/>
  <c r="A877" i="2" l="1"/>
  <c r="C876" i="2"/>
  <c r="D876" i="2"/>
  <c r="A878" i="2" l="1"/>
  <c r="C877" i="2"/>
  <c r="D877" i="2"/>
  <c r="A879" i="2" l="1"/>
  <c r="C878" i="2"/>
  <c r="D878" i="2"/>
  <c r="A880" i="2" l="1"/>
  <c r="C879" i="2"/>
  <c r="D879" i="2"/>
  <c r="A881" i="2" l="1"/>
  <c r="C880" i="2"/>
  <c r="D880" i="2"/>
  <c r="A882" i="2" l="1"/>
  <c r="C881" i="2"/>
  <c r="D881" i="2"/>
  <c r="A883" i="2" l="1"/>
  <c r="C882" i="2"/>
  <c r="D882" i="2"/>
  <c r="A884" i="2" l="1"/>
  <c r="C883" i="2"/>
  <c r="D883" i="2"/>
  <c r="A885" i="2" l="1"/>
  <c r="C884" i="2"/>
  <c r="D884" i="2"/>
  <c r="A886" i="2" l="1"/>
  <c r="C885" i="2"/>
  <c r="D885" i="2"/>
  <c r="A887" i="2" l="1"/>
  <c r="C886" i="2"/>
  <c r="D886" i="2"/>
  <c r="A888" i="2" l="1"/>
  <c r="C887" i="2"/>
  <c r="D887" i="2"/>
  <c r="A889" i="2" l="1"/>
  <c r="C888" i="2"/>
  <c r="D888" i="2"/>
  <c r="A890" i="2" l="1"/>
  <c r="C889" i="2"/>
  <c r="D889" i="2"/>
  <c r="A891" i="2" l="1"/>
  <c r="C890" i="2"/>
  <c r="D890" i="2"/>
  <c r="A892" i="2" l="1"/>
  <c r="C891" i="2"/>
  <c r="D891" i="2"/>
  <c r="A893" i="2" l="1"/>
  <c r="C892" i="2"/>
  <c r="D892" i="2"/>
  <c r="A894" i="2" l="1"/>
  <c r="C893" i="2"/>
  <c r="D893" i="2"/>
  <c r="A895" i="2" l="1"/>
  <c r="C894" i="2"/>
  <c r="D894" i="2"/>
  <c r="A896" i="2" l="1"/>
  <c r="C895" i="2"/>
  <c r="D895" i="2"/>
  <c r="A897" i="2" l="1"/>
  <c r="C896" i="2"/>
  <c r="D896" i="2"/>
  <c r="A898" i="2" l="1"/>
  <c r="C897" i="2"/>
  <c r="D897" i="2"/>
  <c r="A899" i="2" l="1"/>
  <c r="C898" i="2"/>
  <c r="D898" i="2"/>
  <c r="A900" i="2" l="1"/>
  <c r="C899" i="2"/>
  <c r="D899" i="2"/>
  <c r="A901" i="2" l="1"/>
  <c r="C900" i="2"/>
  <c r="D900" i="2"/>
  <c r="A902" i="2" l="1"/>
  <c r="C901" i="2"/>
  <c r="D901" i="2"/>
  <c r="A903" i="2" l="1"/>
  <c r="C902" i="2"/>
  <c r="D902" i="2"/>
  <c r="A904" i="2" l="1"/>
  <c r="C903" i="2"/>
  <c r="D903" i="2"/>
  <c r="A905" i="2" l="1"/>
  <c r="C904" i="2"/>
  <c r="D904" i="2"/>
  <c r="A906" i="2" l="1"/>
  <c r="C905" i="2"/>
  <c r="D905" i="2"/>
  <c r="A907" i="2" l="1"/>
  <c r="C906" i="2"/>
  <c r="D906" i="2"/>
  <c r="A908" i="2" l="1"/>
  <c r="C907" i="2"/>
  <c r="D907" i="2"/>
  <c r="A909" i="2" l="1"/>
  <c r="C908" i="2"/>
  <c r="D908" i="2"/>
  <c r="A910" i="2" l="1"/>
  <c r="C909" i="2"/>
  <c r="D909" i="2"/>
  <c r="A911" i="2" l="1"/>
  <c r="C910" i="2"/>
  <c r="D910" i="2"/>
  <c r="A912" i="2" l="1"/>
  <c r="C911" i="2"/>
  <c r="D911" i="2"/>
  <c r="A913" i="2" l="1"/>
  <c r="C912" i="2"/>
  <c r="D912" i="2"/>
  <c r="A914" i="2" l="1"/>
  <c r="C913" i="2"/>
  <c r="D913" i="2"/>
  <c r="A915" i="2" l="1"/>
  <c r="C914" i="2"/>
  <c r="D914" i="2"/>
  <c r="A916" i="2" l="1"/>
  <c r="C915" i="2"/>
  <c r="D915" i="2"/>
  <c r="A917" i="2" l="1"/>
  <c r="C916" i="2"/>
  <c r="D916" i="2"/>
  <c r="A918" i="2" l="1"/>
  <c r="C917" i="2"/>
  <c r="D917" i="2"/>
  <c r="A919" i="2" l="1"/>
  <c r="C918" i="2"/>
  <c r="D918" i="2"/>
  <c r="A920" i="2" l="1"/>
  <c r="C919" i="2"/>
  <c r="D919" i="2"/>
  <c r="A921" i="2" l="1"/>
  <c r="C920" i="2"/>
  <c r="D920" i="2"/>
  <c r="A922" i="2" l="1"/>
  <c r="C921" i="2"/>
  <c r="D921" i="2"/>
  <c r="A923" i="2" l="1"/>
  <c r="C922" i="2"/>
  <c r="D922" i="2"/>
  <c r="A924" i="2" l="1"/>
  <c r="C923" i="2"/>
  <c r="D923" i="2"/>
  <c r="A925" i="2" l="1"/>
  <c r="C924" i="2"/>
  <c r="D924" i="2"/>
  <c r="A926" i="2" l="1"/>
  <c r="C925" i="2"/>
  <c r="D925" i="2"/>
  <c r="A927" i="2" l="1"/>
  <c r="C926" i="2"/>
  <c r="D926" i="2"/>
  <c r="A928" i="2" l="1"/>
  <c r="C927" i="2"/>
  <c r="D927" i="2"/>
  <c r="A929" i="2" l="1"/>
  <c r="C928" i="2"/>
  <c r="D928" i="2"/>
  <c r="A930" i="2" l="1"/>
  <c r="C929" i="2"/>
  <c r="D929" i="2"/>
  <c r="A931" i="2" l="1"/>
  <c r="C930" i="2"/>
  <c r="D930" i="2"/>
  <c r="A932" i="2" l="1"/>
  <c r="C931" i="2"/>
  <c r="D931" i="2"/>
  <c r="A933" i="2" l="1"/>
  <c r="C932" i="2"/>
  <c r="D932" i="2"/>
  <c r="A934" i="2" l="1"/>
  <c r="C933" i="2"/>
  <c r="D933" i="2"/>
  <c r="A935" i="2" l="1"/>
  <c r="C934" i="2"/>
  <c r="D934" i="2"/>
  <c r="A936" i="2" l="1"/>
  <c r="C935" i="2"/>
  <c r="D935" i="2"/>
  <c r="A937" i="2" l="1"/>
  <c r="C936" i="2"/>
  <c r="D936" i="2"/>
  <c r="A938" i="2" l="1"/>
  <c r="C937" i="2"/>
  <c r="D937" i="2"/>
  <c r="A939" i="2" l="1"/>
  <c r="C938" i="2"/>
  <c r="D938" i="2"/>
  <c r="A940" i="2" l="1"/>
  <c r="C939" i="2"/>
  <c r="D939" i="2"/>
  <c r="A941" i="2" l="1"/>
  <c r="C940" i="2"/>
  <c r="D940" i="2"/>
  <c r="A942" i="2" l="1"/>
  <c r="C941" i="2"/>
  <c r="D941" i="2"/>
  <c r="A943" i="2" l="1"/>
  <c r="C942" i="2"/>
  <c r="D942" i="2"/>
  <c r="A944" i="2" l="1"/>
  <c r="C943" i="2"/>
  <c r="D943" i="2"/>
  <c r="A945" i="2" l="1"/>
  <c r="C944" i="2"/>
  <c r="D944" i="2"/>
  <c r="A946" i="2" l="1"/>
  <c r="C945" i="2"/>
  <c r="D945" i="2"/>
  <c r="A947" i="2" l="1"/>
  <c r="C946" i="2"/>
  <c r="D946" i="2"/>
  <c r="A948" i="2" l="1"/>
  <c r="C947" i="2"/>
  <c r="D947" i="2"/>
  <c r="A949" i="2" l="1"/>
  <c r="C948" i="2"/>
  <c r="D948" i="2"/>
  <c r="A950" i="2" l="1"/>
  <c r="C949" i="2"/>
  <c r="D949" i="2"/>
  <c r="A951" i="2" l="1"/>
  <c r="C950" i="2"/>
  <c r="D950" i="2"/>
  <c r="A952" i="2" l="1"/>
  <c r="C951" i="2"/>
  <c r="D951" i="2"/>
  <c r="A953" i="2" l="1"/>
  <c r="C952" i="2"/>
  <c r="D952" i="2"/>
  <c r="A954" i="2" l="1"/>
  <c r="C953" i="2"/>
  <c r="D953" i="2"/>
  <c r="A955" i="2" l="1"/>
  <c r="C954" i="2"/>
  <c r="D954" i="2"/>
  <c r="A956" i="2" l="1"/>
  <c r="C955" i="2"/>
  <c r="D955" i="2"/>
  <c r="A957" i="2" l="1"/>
  <c r="C956" i="2"/>
  <c r="D956" i="2"/>
  <c r="A958" i="2" l="1"/>
  <c r="C957" i="2"/>
  <c r="D957" i="2"/>
  <c r="A959" i="2" l="1"/>
  <c r="C958" i="2"/>
  <c r="D958" i="2"/>
  <c r="A960" i="2" l="1"/>
  <c r="C959" i="2"/>
  <c r="D959" i="2"/>
  <c r="A961" i="2" l="1"/>
  <c r="C960" i="2"/>
  <c r="D960" i="2"/>
  <c r="A962" i="2" l="1"/>
  <c r="C961" i="2"/>
  <c r="D961" i="2"/>
  <c r="A963" i="2" l="1"/>
  <c r="C962" i="2"/>
  <c r="D962" i="2"/>
  <c r="A964" i="2" l="1"/>
  <c r="C963" i="2"/>
  <c r="D963" i="2"/>
  <c r="A965" i="2" l="1"/>
  <c r="C964" i="2"/>
  <c r="D964" i="2"/>
  <c r="A966" i="2" l="1"/>
  <c r="C965" i="2"/>
  <c r="D965" i="2"/>
  <c r="A967" i="2" l="1"/>
  <c r="C966" i="2"/>
  <c r="D966" i="2"/>
  <c r="A968" i="2" l="1"/>
  <c r="C967" i="2"/>
  <c r="D967" i="2"/>
  <c r="A969" i="2" l="1"/>
  <c r="C968" i="2"/>
  <c r="D968" i="2"/>
  <c r="A970" i="2" l="1"/>
  <c r="C969" i="2"/>
  <c r="D969" i="2"/>
  <c r="A971" i="2" l="1"/>
  <c r="C970" i="2"/>
  <c r="D970" i="2"/>
  <c r="A972" i="2" l="1"/>
  <c r="C971" i="2"/>
  <c r="D971" i="2"/>
  <c r="A973" i="2" l="1"/>
  <c r="C972" i="2"/>
  <c r="D972" i="2"/>
  <c r="A974" i="2" l="1"/>
  <c r="C973" i="2"/>
  <c r="D973" i="2"/>
  <c r="A975" i="2" l="1"/>
  <c r="C974" i="2"/>
  <c r="D974" i="2"/>
  <c r="A976" i="2" l="1"/>
  <c r="C975" i="2"/>
  <c r="D975" i="2"/>
  <c r="A977" i="2" l="1"/>
  <c r="C976" i="2"/>
  <c r="D976" i="2"/>
  <c r="A978" i="2" l="1"/>
  <c r="C977" i="2"/>
  <c r="D977" i="2"/>
  <c r="A979" i="2" l="1"/>
  <c r="C978" i="2"/>
  <c r="D978" i="2"/>
  <c r="A980" i="2" l="1"/>
  <c r="C979" i="2"/>
  <c r="D979" i="2"/>
  <c r="A981" i="2" l="1"/>
  <c r="C980" i="2"/>
  <c r="D980" i="2"/>
  <c r="A982" i="2" l="1"/>
  <c r="C981" i="2"/>
  <c r="D981" i="2"/>
  <c r="A983" i="2" l="1"/>
  <c r="C982" i="2"/>
  <c r="D982" i="2"/>
  <c r="A984" i="2" l="1"/>
  <c r="C983" i="2"/>
  <c r="D983" i="2"/>
  <c r="A985" i="2" l="1"/>
  <c r="C984" i="2"/>
  <c r="D984" i="2"/>
  <c r="A986" i="2" l="1"/>
  <c r="C985" i="2"/>
  <c r="D985" i="2"/>
  <c r="A987" i="2" l="1"/>
  <c r="C986" i="2"/>
  <c r="D986" i="2"/>
  <c r="A988" i="2" l="1"/>
  <c r="C987" i="2"/>
  <c r="D987" i="2"/>
  <c r="A989" i="2" l="1"/>
  <c r="C988" i="2"/>
  <c r="D988" i="2"/>
  <c r="A990" i="2" l="1"/>
  <c r="C989" i="2"/>
  <c r="D989" i="2"/>
  <c r="A991" i="2" l="1"/>
  <c r="C990" i="2"/>
  <c r="D990" i="2"/>
  <c r="A992" i="2" l="1"/>
  <c r="C991" i="2"/>
  <c r="D991" i="2"/>
  <c r="A993" i="2" l="1"/>
  <c r="C992" i="2"/>
  <c r="D992" i="2"/>
  <c r="A994" i="2" l="1"/>
  <c r="C993" i="2"/>
  <c r="D993" i="2"/>
  <c r="A995" i="2" l="1"/>
  <c r="C994" i="2"/>
  <c r="D994" i="2"/>
  <c r="A996" i="2" l="1"/>
  <c r="C995" i="2"/>
  <c r="D995" i="2"/>
  <c r="A997" i="2" l="1"/>
  <c r="C996" i="2"/>
  <c r="D996" i="2"/>
  <c r="A998" i="2" l="1"/>
  <c r="C997" i="2"/>
  <c r="D997" i="2"/>
  <c r="A999" i="2" l="1"/>
  <c r="C998" i="2"/>
  <c r="D998" i="2"/>
  <c r="A1000" i="2" l="1"/>
  <c r="C999" i="2"/>
  <c r="D999" i="2"/>
  <c r="A1001" i="2" l="1"/>
  <c r="C1000" i="2"/>
  <c r="D1000" i="2"/>
  <c r="A1002" i="2" l="1"/>
  <c r="C1001" i="2"/>
  <c r="D1001" i="2"/>
  <c r="A1003" i="2" l="1"/>
  <c r="C1002" i="2"/>
  <c r="D1002" i="2"/>
  <c r="A1004" i="2" l="1"/>
  <c r="C1003" i="2"/>
  <c r="D1003" i="2"/>
  <c r="A1005" i="2" l="1"/>
  <c r="C1004" i="2"/>
  <c r="D1004" i="2"/>
  <c r="A1006" i="2" l="1"/>
  <c r="C1005" i="2"/>
  <c r="D1005" i="2"/>
  <c r="A1007" i="2" l="1"/>
  <c r="C1006" i="2"/>
  <c r="D1006" i="2"/>
  <c r="A1008" i="2" l="1"/>
  <c r="C1007" i="2"/>
  <c r="D1007" i="2"/>
  <c r="A1009" i="2" l="1"/>
  <c r="C1008" i="2"/>
  <c r="D1008" i="2"/>
  <c r="A1010" i="2" l="1"/>
  <c r="C1009" i="2"/>
  <c r="D1009" i="2"/>
  <c r="A1011" i="2" l="1"/>
  <c r="C1010" i="2"/>
  <c r="D1010" i="2"/>
  <c r="A1012" i="2" l="1"/>
  <c r="C1011" i="2"/>
  <c r="D1011" i="2"/>
  <c r="A1013" i="2" l="1"/>
  <c r="C1012" i="2"/>
  <c r="D1012" i="2"/>
  <c r="A1014" i="2" l="1"/>
  <c r="C1013" i="2"/>
  <c r="D1013" i="2"/>
  <c r="A1015" i="2" l="1"/>
  <c r="C1014" i="2"/>
  <c r="D1014" i="2"/>
  <c r="A1016" i="2" l="1"/>
  <c r="C1015" i="2"/>
  <c r="D1015" i="2"/>
  <c r="A1017" i="2" l="1"/>
  <c r="C1016" i="2"/>
  <c r="D1016" i="2"/>
  <c r="A1018" i="2" l="1"/>
  <c r="C1017" i="2"/>
  <c r="D1017" i="2"/>
  <c r="A1019" i="2" l="1"/>
  <c r="C1018" i="2"/>
  <c r="D1018" i="2"/>
  <c r="A1020" i="2" l="1"/>
  <c r="C1019" i="2"/>
  <c r="D1019" i="2"/>
  <c r="A1021" i="2" l="1"/>
  <c r="C1020" i="2"/>
  <c r="D1020" i="2"/>
  <c r="A1022" i="2" l="1"/>
  <c r="C1021" i="2"/>
  <c r="D1021" i="2"/>
  <c r="A1023" i="2" l="1"/>
  <c r="C1022" i="2"/>
  <c r="D1022" i="2"/>
  <c r="A1024" i="2" l="1"/>
  <c r="C1023" i="2"/>
  <c r="D1023" i="2"/>
  <c r="A1025" i="2" l="1"/>
  <c r="C1024" i="2"/>
  <c r="D1024" i="2"/>
  <c r="A1026" i="2" l="1"/>
  <c r="C1025" i="2"/>
  <c r="D1025" i="2"/>
  <c r="A1027" i="2" l="1"/>
  <c r="C1026" i="2"/>
  <c r="D1026" i="2"/>
  <c r="A1028" i="2" l="1"/>
  <c r="C1027" i="2"/>
  <c r="D1027" i="2"/>
  <c r="A1029" i="2" l="1"/>
  <c r="C1028" i="2"/>
  <c r="D1028" i="2"/>
  <c r="A1030" i="2" l="1"/>
  <c r="C1029" i="2"/>
  <c r="D1029" i="2"/>
  <c r="A1031" i="2" l="1"/>
  <c r="C1030" i="2"/>
  <c r="D1030" i="2"/>
  <c r="A1032" i="2" l="1"/>
  <c r="C1031" i="2"/>
  <c r="D1031" i="2"/>
  <c r="A1033" i="2" l="1"/>
  <c r="C1032" i="2"/>
  <c r="D1032" i="2"/>
  <c r="A1034" i="2" l="1"/>
  <c r="C1033" i="2"/>
  <c r="D1033" i="2"/>
  <c r="A1035" i="2" l="1"/>
  <c r="C1034" i="2"/>
  <c r="D1034" i="2"/>
  <c r="A1036" i="2" l="1"/>
  <c r="C1035" i="2"/>
  <c r="D1035" i="2"/>
  <c r="A1037" i="2" l="1"/>
  <c r="C1036" i="2"/>
  <c r="D1036" i="2"/>
  <c r="A1038" i="2" l="1"/>
  <c r="C1037" i="2"/>
  <c r="D1037" i="2"/>
  <c r="A1039" i="2" l="1"/>
  <c r="C1038" i="2"/>
  <c r="D1038" i="2"/>
  <c r="A1040" i="2" l="1"/>
  <c r="C1039" i="2"/>
  <c r="D1039" i="2"/>
  <c r="A1041" i="2" l="1"/>
  <c r="C1040" i="2"/>
  <c r="D1040" i="2"/>
  <c r="A1042" i="2" l="1"/>
  <c r="C1041" i="2"/>
  <c r="D1041" i="2"/>
  <c r="A1043" i="2" l="1"/>
  <c r="C1042" i="2"/>
  <c r="D1042" i="2"/>
  <c r="A1044" i="2" l="1"/>
  <c r="C1043" i="2"/>
  <c r="D1043" i="2"/>
  <c r="A1045" i="2" l="1"/>
  <c r="C1044" i="2"/>
  <c r="D1044" i="2"/>
  <c r="A1046" i="2" l="1"/>
  <c r="C1045" i="2"/>
  <c r="D1045" i="2"/>
  <c r="A1047" i="2" l="1"/>
  <c r="C1046" i="2"/>
  <c r="D1046" i="2"/>
  <c r="A1048" i="2" l="1"/>
  <c r="C1047" i="2"/>
  <c r="D1047" i="2"/>
  <c r="A1049" i="2" l="1"/>
  <c r="C1048" i="2"/>
  <c r="D1048" i="2"/>
  <c r="A1050" i="2" l="1"/>
  <c r="C1049" i="2"/>
  <c r="D1049" i="2"/>
  <c r="A1051" i="2" l="1"/>
  <c r="C1050" i="2"/>
  <c r="D1050" i="2"/>
  <c r="A1052" i="2" l="1"/>
  <c r="C1051" i="2"/>
  <c r="D1051" i="2"/>
  <c r="A1053" i="2" l="1"/>
  <c r="C1052" i="2"/>
  <c r="D1052" i="2"/>
  <c r="A1054" i="2" l="1"/>
  <c r="C1053" i="2"/>
  <c r="D1053" i="2"/>
  <c r="A1055" i="2" l="1"/>
  <c r="C1054" i="2"/>
  <c r="D1054" i="2"/>
  <c r="A1056" i="2" l="1"/>
  <c r="C1055" i="2"/>
  <c r="D1055" i="2"/>
  <c r="A1057" i="2" l="1"/>
  <c r="C1056" i="2"/>
  <c r="D1056" i="2"/>
  <c r="A1058" i="2" l="1"/>
  <c r="C1057" i="2"/>
  <c r="D1057" i="2"/>
  <c r="A1059" i="2" l="1"/>
  <c r="C1058" i="2"/>
  <c r="D1058" i="2"/>
  <c r="A1060" i="2" l="1"/>
  <c r="C1059" i="2"/>
  <c r="D1059" i="2"/>
  <c r="A1061" i="2" l="1"/>
  <c r="C1060" i="2"/>
  <c r="D1060" i="2"/>
  <c r="A1062" i="2" l="1"/>
  <c r="C1061" i="2"/>
  <c r="D1061" i="2"/>
  <c r="A1063" i="2" l="1"/>
  <c r="C1062" i="2"/>
  <c r="D1062" i="2"/>
  <c r="A1064" i="2" l="1"/>
  <c r="C1063" i="2"/>
  <c r="D1063" i="2"/>
  <c r="A1065" i="2" l="1"/>
  <c r="C1064" i="2"/>
  <c r="D1064" i="2"/>
  <c r="A1066" i="2" l="1"/>
  <c r="C1065" i="2"/>
  <c r="D1065" i="2"/>
  <c r="A1067" i="2" l="1"/>
  <c r="C1066" i="2"/>
  <c r="D1066" i="2"/>
  <c r="A1068" i="2" l="1"/>
  <c r="C1067" i="2"/>
  <c r="D1067" i="2"/>
  <c r="A1069" i="2" l="1"/>
  <c r="C1068" i="2"/>
  <c r="D1068" i="2"/>
  <c r="A1070" i="2" l="1"/>
  <c r="C1069" i="2"/>
  <c r="D1069" i="2"/>
  <c r="A1071" i="2" l="1"/>
  <c r="C1070" i="2"/>
  <c r="D1070" i="2"/>
  <c r="A1072" i="2" l="1"/>
  <c r="C1071" i="2"/>
  <c r="D1071" i="2"/>
  <c r="A1073" i="2" l="1"/>
  <c r="C1072" i="2"/>
  <c r="D1072" i="2"/>
  <c r="A1074" i="2" l="1"/>
  <c r="C1073" i="2"/>
  <c r="D1073" i="2"/>
  <c r="A1075" i="2" l="1"/>
  <c r="C1074" i="2"/>
  <c r="D1074" i="2"/>
  <c r="A1076" i="2" l="1"/>
  <c r="C1075" i="2"/>
  <c r="D1075" i="2"/>
  <c r="A1077" i="2" l="1"/>
  <c r="C1076" i="2"/>
  <c r="D1076" i="2"/>
  <c r="A1078" i="2" l="1"/>
  <c r="C1077" i="2"/>
  <c r="D1077" i="2"/>
  <c r="A1079" i="2" l="1"/>
  <c r="C1078" i="2"/>
  <c r="D1078" i="2"/>
  <c r="A1080" i="2" l="1"/>
  <c r="C1079" i="2"/>
  <c r="D1079" i="2"/>
  <c r="A1081" i="2" l="1"/>
  <c r="C1080" i="2"/>
  <c r="D1080" i="2"/>
  <c r="A1082" i="2" l="1"/>
  <c r="C1081" i="2"/>
  <c r="D1081" i="2"/>
  <c r="A1083" i="2" l="1"/>
  <c r="C1082" i="2"/>
  <c r="D1082" i="2"/>
  <c r="A1084" i="2" l="1"/>
  <c r="C1083" i="2"/>
  <c r="D1083" i="2"/>
  <c r="A1085" i="2" l="1"/>
  <c r="C1084" i="2"/>
  <c r="D1084" i="2"/>
  <c r="A1086" i="2" l="1"/>
  <c r="C1085" i="2"/>
  <c r="D1085" i="2"/>
  <c r="A1087" i="2" l="1"/>
  <c r="D1086" i="2"/>
  <c r="C1086" i="2"/>
  <c r="A1088" i="2" l="1"/>
  <c r="C1087" i="2"/>
  <c r="D1087" i="2"/>
  <c r="A1089" i="2" l="1"/>
  <c r="C1088" i="2"/>
  <c r="D1088" i="2"/>
  <c r="A1090" i="2" l="1"/>
  <c r="C1089" i="2"/>
  <c r="D1089" i="2"/>
  <c r="A1091" i="2" l="1"/>
  <c r="C1090" i="2"/>
  <c r="D1090" i="2"/>
  <c r="A1092" i="2" l="1"/>
  <c r="C1091" i="2"/>
  <c r="D1091" i="2"/>
  <c r="A1093" i="2" l="1"/>
  <c r="C1092" i="2"/>
  <c r="D1092" i="2"/>
  <c r="A1094" i="2" l="1"/>
  <c r="C1093" i="2"/>
  <c r="D1093" i="2"/>
  <c r="A1095" i="2" l="1"/>
  <c r="D1094" i="2"/>
  <c r="C1094" i="2"/>
  <c r="A1096" i="2" l="1"/>
  <c r="C1095" i="2"/>
  <c r="D1095" i="2"/>
  <c r="A1097" i="2" l="1"/>
  <c r="C1096" i="2"/>
  <c r="D1096" i="2"/>
  <c r="A1098" i="2" l="1"/>
  <c r="C1097" i="2"/>
  <c r="D1097" i="2"/>
  <c r="A1099" i="2" l="1"/>
  <c r="C1098" i="2"/>
  <c r="D1098" i="2"/>
  <c r="A1100" i="2" l="1"/>
  <c r="C1099" i="2"/>
  <c r="D1099" i="2"/>
  <c r="A1101" i="2" l="1"/>
  <c r="C1100" i="2"/>
  <c r="D1100" i="2"/>
  <c r="A1102" i="2" l="1"/>
  <c r="C1101" i="2"/>
  <c r="D1101" i="2"/>
  <c r="A1103" i="2" l="1"/>
  <c r="D1102" i="2"/>
  <c r="C1102" i="2"/>
  <c r="A1104" i="2" l="1"/>
  <c r="C1103" i="2"/>
  <c r="D1103" i="2"/>
  <c r="A1105" i="2" l="1"/>
  <c r="C1104" i="2"/>
  <c r="D1104" i="2"/>
  <c r="A1106" i="2" l="1"/>
  <c r="C1105" i="2"/>
  <c r="D1105" i="2"/>
  <c r="A1107" i="2" l="1"/>
  <c r="C1106" i="2"/>
  <c r="D1106" i="2"/>
  <c r="A1108" i="2" l="1"/>
  <c r="C1107" i="2"/>
  <c r="D1107" i="2"/>
  <c r="A1109" i="2" l="1"/>
  <c r="C1108" i="2"/>
  <c r="D1108" i="2"/>
  <c r="A1110" i="2" l="1"/>
  <c r="C1109" i="2"/>
  <c r="D1109" i="2"/>
  <c r="A1111" i="2" l="1"/>
  <c r="D1110" i="2"/>
  <c r="C1110" i="2"/>
  <c r="A1112" i="2" l="1"/>
  <c r="C1111" i="2"/>
  <c r="D1111" i="2"/>
  <c r="A1113" i="2" l="1"/>
  <c r="C1112" i="2"/>
  <c r="D1112" i="2"/>
  <c r="A1114" i="2" l="1"/>
  <c r="C1113" i="2"/>
  <c r="D1113" i="2"/>
  <c r="A1115" i="2" l="1"/>
  <c r="C1114" i="2"/>
  <c r="D1114" i="2"/>
  <c r="A1116" i="2" l="1"/>
  <c r="C1115" i="2"/>
  <c r="D1115" i="2"/>
  <c r="A1117" i="2" l="1"/>
  <c r="C1116" i="2"/>
  <c r="D1116" i="2"/>
  <c r="A1118" i="2" l="1"/>
  <c r="C1117" i="2"/>
  <c r="D1117" i="2"/>
  <c r="A1119" i="2" l="1"/>
  <c r="D1118" i="2"/>
  <c r="C1118" i="2"/>
  <c r="A1120" i="2" l="1"/>
  <c r="C1119" i="2"/>
  <c r="D1119" i="2"/>
  <c r="A1121" i="2" l="1"/>
  <c r="C1120" i="2"/>
  <c r="D1120" i="2"/>
  <c r="A1122" i="2" l="1"/>
  <c r="C1121" i="2"/>
  <c r="D1121" i="2"/>
  <c r="A1123" i="2" l="1"/>
  <c r="C1122" i="2"/>
  <c r="D1122" i="2"/>
  <c r="A1124" i="2" l="1"/>
  <c r="C1123" i="2"/>
  <c r="D1123" i="2"/>
  <c r="A1125" i="2" l="1"/>
  <c r="C1124" i="2"/>
  <c r="D1124" i="2"/>
  <c r="A1126" i="2" l="1"/>
  <c r="C1125" i="2"/>
  <c r="D1125" i="2"/>
  <c r="A1127" i="2" l="1"/>
  <c r="D1126" i="2"/>
  <c r="C1126" i="2"/>
  <c r="A1128" i="2" l="1"/>
  <c r="C1127" i="2"/>
  <c r="D1127" i="2"/>
  <c r="A1129" i="2" l="1"/>
  <c r="C1128" i="2"/>
  <c r="D1128" i="2"/>
  <c r="A1130" i="2" l="1"/>
  <c r="C1129" i="2"/>
  <c r="D1129" i="2"/>
  <c r="A1131" i="2" l="1"/>
  <c r="C1130" i="2"/>
  <c r="D1130" i="2"/>
  <c r="A1132" i="2" l="1"/>
  <c r="C1131" i="2"/>
  <c r="D1131" i="2"/>
  <c r="A1133" i="2" l="1"/>
  <c r="C1132" i="2"/>
  <c r="D1132" i="2"/>
  <c r="A1134" i="2" l="1"/>
  <c r="C1133" i="2"/>
  <c r="D1133" i="2"/>
  <c r="A1135" i="2" l="1"/>
  <c r="D1134" i="2"/>
  <c r="C1134" i="2"/>
  <c r="A1136" i="2" l="1"/>
  <c r="C1135" i="2"/>
  <c r="D1135" i="2"/>
  <c r="A1137" i="2" l="1"/>
  <c r="C1136" i="2"/>
  <c r="D1136" i="2"/>
  <c r="A1138" i="2" l="1"/>
  <c r="C1137" i="2"/>
  <c r="D1137" i="2"/>
  <c r="A1139" i="2" l="1"/>
  <c r="C1138" i="2"/>
  <c r="D1138" i="2"/>
  <c r="A1140" i="2" l="1"/>
  <c r="D1139" i="2"/>
  <c r="C1139" i="2"/>
  <c r="A1141" i="2" l="1"/>
  <c r="C1140" i="2"/>
  <c r="D1140" i="2"/>
  <c r="A1142" i="2" l="1"/>
  <c r="D1141" i="2"/>
  <c r="C1141" i="2"/>
  <c r="A1143" i="2" l="1"/>
  <c r="C1142" i="2"/>
  <c r="D1142" i="2"/>
  <c r="A1144" i="2" l="1"/>
  <c r="D1143" i="2"/>
  <c r="C1143" i="2"/>
  <c r="A1145" i="2" l="1"/>
  <c r="C1144" i="2"/>
  <c r="D1144" i="2"/>
  <c r="A1146" i="2" l="1"/>
  <c r="D1145" i="2"/>
  <c r="C1145" i="2"/>
  <c r="A1147" i="2" l="1"/>
  <c r="C1146" i="2"/>
  <c r="D1146" i="2"/>
  <c r="A1148" i="2" l="1"/>
  <c r="D1147" i="2"/>
  <c r="C1147" i="2"/>
  <c r="A1149" i="2" l="1"/>
  <c r="C1148" i="2"/>
  <c r="D1148" i="2"/>
  <c r="A1150" i="2" l="1"/>
  <c r="D1149" i="2"/>
  <c r="C1149" i="2"/>
  <c r="A1151" i="2" l="1"/>
  <c r="C1150" i="2"/>
  <c r="D1150" i="2"/>
  <c r="A1152" i="2" l="1"/>
  <c r="D1151" i="2"/>
  <c r="C1151" i="2"/>
  <c r="A1153" i="2" l="1"/>
  <c r="C1152" i="2"/>
  <c r="D1152" i="2"/>
  <c r="A1154" i="2" l="1"/>
  <c r="D1153" i="2"/>
  <c r="C1153" i="2"/>
  <c r="A1155" i="2" l="1"/>
  <c r="C1154" i="2"/>
  <c r="D1154" i="2"/>
  <c r="A1156" i="2" l="1"/>
  <c r="D1155" i="2"/>
  <c r="C1155" i="2"/>
  <c r="A1157" i="2" l="1"/>
  <c r="C1156" i="2"/>
  <c r="D1156" i="2"/>
  <c r="A1158" i="2" l="1"/>
  <c r="D1157" i="2"/>
  <c r="C1157" i="2"/>
  <c r="A1159" i="2" l="1"/>
  <c r="C1158" i="2"/>
  <c r="D1158" i="2"/>
  <c r="A1160" i="2" l="1"/>
  <c r="D1159" i="2"/>
  <c r="C1159" i="2"/>
  <c r="A1161" i="2" l="1"/>
  <c r="C1160" i="2"/>
  <c r="D1160" i="2"/>
  <c r="A1162" i="2" l="1"/>
  <c r="D1161" i="2"/>
  <c r="C1161" i="2"/>
  <c r="A1163" i="2" l="1"/>
  <c r="C1162" i="2"/>
  <c r="D1162" i="2"/>
  <c r="A1164" i="2" l="1"/>
  <c r="D1163" i="2"/>
  <c r="C1163" i="2"/>
  <c r="A1165" i="2" l="1"/>
  <c r="C1164" i="2"/>
  <c r="D1164" i="2"/>
  <c r="A1166" i="2" l="1"/>
  <c r="D1165" i="2"/>
  <c r="C1165" i="2"/>
  <c r="A1167" i="2" l="1"/>
  <c r="C1166" i="2"/>
  <c r="D1166" i="2"/>
  <c r="A1168" i="2" l="1"/>
  <c r="D1167" i="2"/>
  <c r="C1167" i="2"/>
  <c r="A1169" i="2" l="1"/>
  <c r="C1168" i="2"/>
  <c r="D1168" i="2"/>
  <c r="A1170" i="2" l="1"/>
  <c r="D1169" i="2"/>
  <c r="C1169" i="2"/>
  <c r="A1171" i="2" l="1"/>
  <c r="C1170" i="2"/>
  <c r="D1170" i="2"/>
  <c r="A1172" i="2" l="1"/>
  <c r="D1171" i="2"/>
  <c r="C1171" i="2"/>
  <c r="A1173" i="2" l="1"/>
  <c r="C1172" i="2"/>
  <c r="D1172" i="2"/>
  <c r="A1174" i="2" l="1"/>
  <c r="D1173" i="2"/>
  <c r="C1173" i="2"/>
  <c r="A1175" i="2" l="1"/>
  <c r="C1174" i="2"/>
  <c r="D1174" i="2"/>
  <c r="A1176" i="2" l="1"/>
  <c r="D1175" i="2"/>
  <c r="C1175" i="2"/>
  <c r="A1177" i="2" l="1"/>
  <c r="C1176" i="2"/>
  <c r="D1176" i="2"/>
  <c r="A1178" i="2" l="1"/>
  <c r="D1177" i="2"/>
  <c r="C1177" i="2"/>
  <c r="A1179" i="2" l="1"/>
  <c r="C1178" i="2"/>
  <c r="D1178" i="2"/>
  <c r="A1180" i="2" l="1"/>
  <c r="D1179" i="2"/>
  <c r="C1179" i="2"/>
  <c r="A1181" i="2" l="1"/>
  <c r="C1180" i="2"/>
  <c r="D1180" i="2"/>
  <c r="A1182" i="2" l="1"/>
  <c r="D1181" i="2"/>
  <c r="C1181" i="2"/>
  <c r="A1183" i="2" l="1"/>
  <c r="C1182" i="2"/>
  <c r="D1182" i="2"/>
  <c r="A1184" i="2" l="1"/>
  <c r="D1183" i="2"/>
  <c r="C1183" i="2"/>
  <c r="A1185" i="2" l="1"/>
  <c r="C1184" i="2"/>
  <c r="D1184" i="2"/>
  <c r="A1186" i="2" l="1"/>
  <c r="D1185" i="2"/>
  <c r="C1185" i="2"/>
  <c r="A1187" i="2" l="1"/>
  <c r="C1186" i="2"/>
  <c r="D1186" i="2"/>
  <c r="A1188" i="2" l="1"/>
  <c r="D1187" i="2"/>
  <c r="C1187" i="2"/>
  <c r="A1189" i="2" l="1"/>
  <c r="C1188" i="2"/>
  <c r="D1188" i="2"/>
  <c r="A1190" i="2" l="1"/>
  <c r="D1189" i="2"/>
  <c r="C1189" i="2"/>
  <c r="A1191" i="2" l="1"/>
  <c r="C1190" i="2"/>
  <c r="D1190" i="2"/>
  <c r="A1192" i="2" l="1"/>
  <c r="D1191" i="2"/>
  <c r="C1191" i="2"/>
  <c r="A1193" i="2" l="1"/>
  <c r="C1192" i="2"/>
  <c r="D1192" i="2"/>
  <c r="A1194" i="2" l="1"/>
  <c r="D1193" i="2"/>
  <c r="C1193" i="2"/>
  <c r="A1195" i="2" l="1"/>
  <c r="C1194" i="2"/>
  <c r="D1194" i="2"/>
  <c r="A1196" i="2" l="1"/>
  <c r="D1195" i="2"/>
  <c r="C1195" i="2"/>
  <c r="A1197" i="2" l="1"/>
  <c r="C1196" i="2"/>
  <c r="D1196" i="2"/>
  <c r="A1198" i="2" l="1"/>
  <c r="D1197" i="2"/>
  <c r="C1197" i="2"/>
  <c r="A1199" i="2" l="1"/>
  <c r="C1198" i="2"/>
  <c r="D1198" i="2"/>
  <c r="A1200" i="2" l="1"/>
  <c r="D1199" i="2"/>
  <c r="C1199" i="2"/>
  <c r="A1201" i="2" l="1"/>
  <c r="C1200" i="2"/>
  <c r="D1200" i="2"/>
  <c r="A1202" i="2" l="1"/>
  <c r="D1201" i="2"/>
  <c r="C1201" i="2"/>
  <c r="A1203" i="2" l="1"/>
  <c r="C1202" i="2"/>
  <c r="D1202" i="2"/>
  <c r="A1204" i="2" l="1"/>
  <c r="D1203" i="2"/>
  <c r="C1203" i="2"/>
  <c r="A1205" i="2" l="1"/>
  <c r="C1204" i="2"/>
  <c r="D1204" i="2"/>
  <c r="A1206" i="2" l="1"/>
  <c r="D1205" i="2"/>
  <c r="C1205" i="2"/>
  <c r="A1207" i="2" l="1"/>
  <c r="C1206" i="2"/>
  <c r="D1206" i="2"/>
  <c r="A1208" i="2" l="1"/>
  <c r="D1207" i="2"/>
  <c r="C1207" i="2"/>
  <c r="A1209" i="2" l="1"/>
  <c r="C1208" i="2"/>
  <c r="D1208" i="2"/>
  <c r="A1210" i="2" l="1"/>
  <c r="D1209" i="2"/>
  <c r="C1209" i="2"/>
  <c r="A1211" i="2" l="1"/>
  <c r="C1210" i="2"/>
  <c r="D1210" i="2"/>
  <c r="A1212" i="2" l="1"/>
  <c r="D1211" i="2"/>
  <c r="C1211" i="2"/>
  <c r="A1213" i="2" l="1"/>
  <c r="C1212" i="2"/>
  <c r="D1212" i="2"/>
  <c r="A1214" i="2" l="1"/>
  <c r="D1213" i="2"/>
  <c r="C1213" i="2"/>
  <c r="A1215" i="2" l="1"/>
  <c r="C1214" i="2"/>
  <c r="D1214" i="2"/>
  <c r="A1216" i="2" l="1"/>
  <c r="D1215" i="2"/>
  <c r="C1215" i="2"/>
  <c r="A1217" i="2" l="1"/>
  <c r="C1216" i="2"/>
  <c r="D1216" i="2"/>
  <c r="A1218" i="2" l="1"/>
  <c r="D1217" i="2"/>
  <c r="C1217" i="2"/>
  <c r="A1219" i="2" l="1"/>
  <c r="C1218" i="2"/>
  <c r="D1218" i="2"/>
  <c r="A1220" i="2" l="1"/>
  <c r="D1219" i="2"/>
  <c r="C1219" i="2"/>
  <c r="A1221" i="2" l="1"/>
  <c r="C1220" i="2"/>
  <c r="D1220" i="2"/>
  <c r="A1222" i="2" l="1"/>
  <c r="D1221" i="2"/>
  <c r="C1221" i="2"/>
  <c r="A1223" i="2" l="1"/>
  <c r="C1222" i="2"/>
  <c r="D1222" i="2"/>
  <c r="A1224" i="2" l="1"/>
  <c r="D1223" i="2"/>
  <c r="C1223" i="2"/>
  <c r="A1225" i="2" l="1"/>
  <c r="C1224" i="2"/>
  <c r="D1224" i="2"/>
  <c r="A1226" i="2" l="1"/>
  <c r="D1225" i="2"/>
  <c r="C1225" i="2"/>
  <c r="A1227" i="2" l="1"/>
  <c r="C1226" i="2"/>
  <c r="D1226" i="2"/>
  <c r="A1228" i="2" l="1"/>
  <c r="D1227" i="2"/>
  <c r="C1227" i="2"/>
  <c r="A1229" i="2" l="1"/>
  <c r="C1228" i="2"/>
  <c r="D1228" i="2"/>
  <c r="A1230" i="2" l="1"/>
  <c r="D1229" i="2"/>
  <c r="C1229" i="2"/>
  <c r="A1231" i="2" l="1"/>
  <c r="C1230" i="2"/>
  <c r="D1230" i="2"/>
  <c r="A1232" i="2" l="1"/>
  <c r="D1231" i="2"/>
  <c r="C1231" i="2"/>
  <c r="A1233" i="2" l="1"/>
  <c r="C1232" i="2"/>
  <c r="D1232" i="2"/>
  <c r="A1234" i="2" l="1"/>
  <c r="D1233" i="2"/>
  <c r="C1233" i="2"/>
  <c r="A1235" i="2" l="1"/>
  <c r="C1234" i="2"/>
  <c r="D1234" i="2"/>
  <c r="A1236" i="2" l="1"/>
  <c r="D1235" i="2"/>
  <c r="C1235" i="2"/>
  <c r="A1237" i="2" l="1"/>
  <c r="C1236" i="2"/>
  <c r="D1236" i="2"/>
  <c r="A1238" i="2" l="1"/>
  <c r="D1237" i="2"/>
  <c r="C1237" i="2"/>
  <c r="A1239" i="2" l="1"/>
  <c r="C1238" i="2"/>
  <c r="D1238" i="2"/>
  <c r="A1240" i="2" l="1"/>
  <c r="D1239" i="2"/>
  <c r="C1239" i="2"/>
  <c r="A1241" i="2" l="1"/>
  <c r="C1240" i="2"/>
  <c r="D1240" i="2"/>
  <c r="A1242" i="2" l="1"/>
  <c r="D1241" i="2"/>
  <c r="C1241" i="2"/>
  <c r="A1243" i="2" l="1"/>
  <c r="C1242" i="2"/>
  <c r="D1242" i="2"/>
  <c r="A1244" i="2" l="1"/>
  <c r="D1243" i="2"/>
  <c r="C1243" i="2"/>
  <c r="A1245" i="2" l="1"/>
  <c r="C1244" i="2"/>
  <c r="D1244" i="2"/>
  <c r="A1246" i="2" l="1"/>
  <c r="D1245" i="2"/>
  <c r="C1245" i="2"/>
  <c r="A1247" i="2" l="1"/>
  <c r="C1246" i="2"/>
  <c r="D1246" i="2"/>
  <c r="A1248" i="2" l="1"/>
  <c r="D1247" i="2"/>
  <c r="C1247" i="2"/>
  <c r="A1249" i="2" l="1"/>
  <c r="C1248" i="2"/>
  <c r="D1248" i="2"/>
  <c r="A1250" i="2" l="1"/>
  <c r="D1249" i="2"/>
  <c r="C1249" i="2"/>
  <c r="A1251" i="2" l="1"/>
  <c r="C1250" i="2"/>
  <c r="D1250" i="2"/>
  <c r="A1252" i="2" l="1"/>
  <c r="D1251" i="2"/>
  <c r="C1251" i="2"/>
  <c r="A1253" i="2" l="1"/>
  <c r="C1252" i="2"/>
  <c r="D1252" i="2"/>
  <c r="A1254" i="2" l="1"/>
  <c r="D1253" i="2"/>
  <c r="C1253" i="2"/>
  <c r="A1255" i="2" l="1"/>
  <c r="C1254" i="2"/>
  <c r="D1254" i="2"/>
  <c r="A1256" i="2" l="1"/>
  <c r="D1255" i="2"/>
  <c r="C1255" i="2"/>
  <c r="A1257" i="2" l="1"/>
  <c r="C1256" i="2"/>
  <c r="D1256" i="2"/>
  <c r="A1258" i="2" l="1"/>
  <c r="D1257" i="2"/>
  <c r="C1257" i="2"/>
  <c r="A1259" i="2" l="1"/>
  <c r="C1258" i="2"/>
  <c r="D1258" i="2"/>
  <c r="A1260" i="2" l="1"/>
  <c r="D1259" i="2"/>
  <c r="C1259" i="2"/>
  <c r="A1261" i="2" l="1"/>
  <c r="C1260" i="2"/>
  <c r="D1260" i="2"/>
  <c r="A1262" i="2" l="1"/>
  <c r="D1261" i="2"/>
  <c r="C1261" i="2"/>
  <c r="A1263" i="2" l="1"/>
  <c r="C1262" i="2"/>
  <c r="D1262" i="2"/>
  <c r="A1264" i="2" l="1"/>
  <c r="D1263" i="2"/>
  <c r="C1263" i="2"/>
  <c r="A1265" i="2" l="1"/>
  <c r="C1264" i="2"/>
  <c r="D1264" i="2"/>
  <c r="A1266" i="2" l="1"/>
  <c r="D1265" i="2"/>
  <c r="C1265" i="2"/>
  <c r="A1267" i="2" l="1"/>
  <c r="C1266" i="2"/>
  <c r="D1266" i="2"/>
  <c r="A1268" i="2" l="1"/>
  <c r="D1267" i="2"/>
  <c r="C1267" i="2"/>
  <c r="A1269" i="2" l="1"/>
  <c r="C1268" i="2"/>
  <c r="D1268" i="2"/>
  <c r="A1270" i="2" l="1"/>
  <c r="D1269" i="2"/>
  <c r="C1269" i="2"/>
  <c r="A1271" i="2" l="1"/>
  <c r="C1270" i="2"/>
  <c r="D1270" i="2"/>
  <c r="A1272" i="2" l="1"/>
  <c r="D1271" i="2"/>
  <c r="C1271" i="2"/>
  <c r="A1273" i="2" l="1"/>
  <c r="C1272" i="2"/>
  <c r="D1272" i="2"/>
  <c r="A1274" i="2" l="1"/>
  <c r="D1273" i="2"/>
  <c r="C1273" i="2"/>
  <c r="A1275" i="2" l="1"/>
  <c r="C1274" i="2"/>
  <c r="D1274" i="2"/>
  <c r="A1276" i="2" l="1"/>
  <c r="D1275" i="2"/>
  <c r="C1275" i="2"/>
  <c r="A1277" i="2" l="1"/>
  <c r="C1276" i="2"/>
  <c r="D1276" i="2"/>
  <c r="A1278" i="2" l="1"/>
  <c r="D1277" i="2"/>
  <c r="C1277" i="2"/>
  <c r="A1279" i="2" l="1"/>
  <c r="C1278" i="2"/>
  <c r="D1278" i="2"/>
  <c r="A1280" i="2" l="1"/>
  <c r="D1279" i="2"/>
  <c r="C1279" i="2"/>
  <c r="A1281" i="2" l="1"/>
  <c r="C1280" i="2"/>
  <c r="D1280" i="2"/>
  <c r="A1282" i="2" l="1"/>
  <c r="D1281" i="2"/>
  <c r="C1281" i="2"/>
  <c r="A1283" i="2" l="1"/>
  <c r="C1282" i="2"/>
  <c r="D1282" i="2"/>
  <c r="A1284" i="2" l="1"/>
  <c r="D1283" i="2"/>
  <c r="C1283" i="2"/>
  <c r="A1285" i="2" l="1"/>
  <c r="C1284" i="2"/>
  <c r="D1284" i="2"/>
  <c r="A1286" i="2" l="1"/>
  <c r="D1285" i="2"/>
  <c r="C1285" i="2"/>
  <c r="A1287" i="2" l="1"/>
  <c r="C1286" i="2"/>
  <c r="D1286" i="2"/>
  <c r="A1288" i="2" l="1"/>
  <c r="D1287" i="2"/>
  <c r="C1287" i="2"/>
  <c r="A1289" i="2" l="1"/>
  <c r="C1288" i="2"/>
  <c r="D1288" i="2"/>
  <c r="A1290" i="2" l="1"/>
  <c r="D1289" i="2"/>
  <c r="C1289" i="2"/>
  <c r="A1291" i="2" l="1"/>
  <c r="C1290" i="2"/>
  <c r="D1290" i="2"/>
  <c r="A1292" i="2" l="1"/>
  <c r="D1291" i="2"/>
  <c r="C1291" i="2"/>
  <c r="A1293" i="2" l="1"/>
  <c r="C1292" i="2"/>
  <c r="D1292" i="2"/>
  <c r="A1294" i="2" l="1"/>
  <c r="D1293" i="2"/>
  <c r="C1293" i="2"/>
  <c r="A1295" i="2" l="1"/>
  <c r="C1294" i="2"/>
  <c r="D1294" i="2"/>
  <c r="A1296" i="2" l="1"/>
  <c r="D1295" i="2"/>
  <c r="C1295" i="2"/>
  <c r="A1297" i="2" l="1"/>
  <c r="C1296" i="2"/>
  <c r="D1296" i="2"/>
  <c r="A1298" i="2" l="1"/>
  <c r="D1297" i="2"/>
  <c r="C1297" i="2"/>
  <c r="A1299" i="2" l="1"/>
  <c r="C1298" i="2"/>
  <c r="D1298" i="2"/>
  <c r="A1300" i="2" l="1"/>
  <c r="D1299" i="2"/>
  <c r="C1299" i="2"/>
  <c r="A1301" i="2" l="1"/>
  <c r="C1300" i="2"/>
  <c r="D1300" i="2"/>
  <c r="A1302" i="2" l="1"/>
  <c r="D1301" i="2"/>
  <c r="C1301" i="2"/>
  <c r="A1303" i="2" l="1"/>
  <c r="C1302" i="2"/>
  <c r="D1302" i="2"/>
  <c r="A1304" i="2" l="1"/>
  <c r="D1303" i="2"/>
  <c r="C1303" i="2"/>
  <c r="A1305" i="2" l="1"/>
  <c r="C1304" i="2"/>
  <c r="D1304" i="2"/>
  <c r="A1306" i="2" l="1"/>
  <c r="D1305" i="2"/>
  <c r="C1305" i="2"/>
  <c r="A1307" i="2" l="1"/>
  <c r="C1306" i="2"/>
  <c r="D1306" i="2"/>
  <c r="A1308" i="2" l="1"/>
  <c r="D1307" i="2"/>
  <c r="C1307" i="2"/>
  <c r="A1309" i="2" l="1"/>
  <c r="C1308" i="2"/>
  <c r="D1308" i="2"/>
  <c r="A1310" i="2" l="1"/>
  <c r="D1309" i="2"/>
  <c r="C1309" i="2"/>
  <c r="A1311" i="2" l="1"/>
  <c r="C1310" i="2"/>
  <c r="D1310" i="2"/>
  <c r="A1312" i="2" l="1"/>
  <c r="D1311" i="2"/>
  <c r="C1311" i="2"/>
  <c r="A1313" i="2" l="1"/>
  <c r="C1312" i="2"/>
  <c r="D1312" i="2"/>
  <c r="A1314" i="2" l="1"/>
  <c r="D1313" i="2"/>
  <c r="C1313" i="2"/>
  <c r="A1315" i="2" l="1"/>
  <c r="C1314" i="2"/>
  <c r="D1314" i="2"/>
  <c r="A1316" i="2" l="1"/>
  <c r="D1315" i="2"/>
  <c r="C1315" i="2"/>
  <c r="A1317" i="2" l="1"/>
  <c r="C1316" i="2"/>
  <c r="D1316" i="2"/>
  <c r="A1318" i="2" l="1"/>
  <c r="D1317" i="2"/>
  <c r="C1317" i="2"/>
  <c r="A1319" i="2" l="1"/>
  <c r="C1318" i="2"/>
  <c r="D1318" i="2"/>
  <c r="A1320" i="2" l="1"/>
  <c r="D1319" i="2"/>
  <c r="C1319" i="2"/>
  <c r="A1321" i="2" l="1"/>
  <c r="C1320" i="2"/>
  <c r="D1320" i="2"/>
  <c r="A1322" i="2" l="1"/>
  <c r="D1321" i="2"/>
  <c r="C1321" i="2"/>
  <c r="A1323" i="2" l="1"/>
  <c r="C1322" i="2"/>
  <c r="D1322" i="2"/>
  <c r="A1324" i="2" l="1"/>
  <c r="D1323" i="2"/>
  <c r="C1323" i="2"/>
  <c r="A1325" i="2" l="1"/>
  <c r="C1324" i="2"/>
  <c r="D1324" i="2"/>
  <c r="A1326" i="2" l="1"/>
  <c r="D1325" i="2"/>
  <c r="C1325" i="2"/>
  <c r="A1327" i="2" l="1"/>
  <c r="C1326" i="2"/>
  <c r="D1326" i="2"/>
  <c r="A1328" i="2" l="1"/>
  <c r="D1327" i="2"/>
  <c r="C1327" i="2"/>
  <c r="A1329" i="2" l="1"/>
  <c r="C1328" i="2"/>
  <c r="D1328" i="2"/>
  <c r="A1330" i="2" l="1"/>
  <c r="D1329" i="2"/>
  <c r="C1329" i="2"/>
  <c r="A1331" i="2" l="1"/>
  <c r="C1330" i="2"/>
  <c r="D1330" i="2"/>
  <c r="A1332" i="2" l="1"/>
  <c r="D1331" i="2"/>
  <c r="C1331" i="2"/>
  <c r="A1333" i="2" l="1"/>
  <c r="C1332" i="2"/>
  <c r="D1332" i="2"/>
  <c r="A1334" i="2" l="1"/>
  <c r="D1333" i="2"/>
  <c r="C1333" i="2"/>
  <c r="A1335" i="2" l="1"/>
  <c r="C1334" i="2"/>
  <c r="D1334" i="2"/>
  <c r="A1336" i="2" l="1"/>
  <c r="D1335" i="2"/>
  <c r="C1335" i="2"/>
  <c r="A1337" i="2" l="1"/>
  <c r="C1336" i="2"/>
  <c r="D1336" i="2"/>
  <c r="A1338" i="2" l="1"/>
  <c r="D1337" i="2"/>
  <c r="C1337" i="2"/>
  <c r="A1339" i="2" l="1"/>
  <c r="C1338" i="2"/>
  <c r="D1338" i="2"/>
  <c r="A1340" i="2" l="1"/>
  <c r="D1339" i="2"/>
  <c r="C1339" i="2"/>
  <c r="A1341" i="2" l="1"/>
  <c r="C1340" i="2"/>
  <c r="D1340" i="2"/>
  <c r="A1342" i="2" l="1"/>
  <c r="D1341" i="2"/>
  <c r="C1341" i="2"/>
  <c r="A1343" i="2" l="1"/>
  <c r="C1342" i="2"/>
  <c r="D1342" i="2"/>
  <c r="A1344" i="2" l="1"/>
  <c r="D1343" i="2"/>
  <c r="C1343" i="2"/>
  <c r="A1345" i="2" l="1"/>
  <c r="C1344" i="2"/>
  <c r="D1344" i="2"/>
  <c r="A1346" i="2" l="1"/>
  <c r="D1345" i="2"/>
  <c r="C1345" i="2"/>
  <c r="A1347" i="2" l="1"/>
  <c r="C1346" i="2"/>
  <c r="D1346" i="2"/>
  <c r="A1348" i="2" l="1"/>
  <c r="D1347" i="2"/>
  <c r="C1347" i="2"/>
  <c r="A1349" i="2" l="1"/>
  <c r="C1348" i="2"/>
  <c r="D1348" i="2"/>
  <c r="A1350" i="2" l="1"/>
  <c r="D1349" i="2"/>
  <c r="C1349" i="2"/>
  <c r="A1351" i="2" l="1"/>
  <c r="C1350" i="2"/>
  <c r="D1350" i="2"/>
  <c r="A1352" i="2" l="1"/>
  <c r="D1351" i="2"/>
  <c r="C1351" i="2"/>
  <c r="A1353" i="2" l="1"/>
  <c r="C1352" i="2"/>
  <c r="D1352" i="2"/>
  <c r="A1354" i="2" l="1"/>
  <c r="D1353" i="2"/>
  <c r="C1353" i="2"/>
  <c r="A1355" i="2" l="1"/>
  <c r="C1354" i="2"/>
  <c r="D1354" i="2"/>
  <c r="A1356" i="2" l="1"/>
  <c r="D1355" i="2"/>
  <c r="C1355" i="2"/>
  <c r="A1357" i="2" l="1"/>
  <c r="C1356" i="2"/>
  <c r="D1356" i="2"/>
  <c r="A1358" i="2" l="1"/>
  <c r="D1357" i="2"/>
  <c r="C1357" i="2"/>
  <c r="A1359" i="2" l="1"/>
  <c r="C1358" i="2"/>
  <c r="D1358" i="2"/>
  <c r="A1360" i="2" l="1"/>
  <c r="D1359" i="2"/>
  <c r="C1359" i="2"/>
  <c r="A1361" i="2" l="1"/>
  <c r="C1360" i="2"/>
  <c r="D1360" i="2"/>
  <c r="A1362" i="2" l="1"/>
  <c r="D1361" i="2"/>
  <c r="C1361" i="2"/>
  <c r="A1363" i="2" l="1"/>
  <c r="C1362" i="2"/>
  <c r="D1362" i="2"/>
  <c r="A1364" i="2" l="1"/>
  <c r="D1363" i="2"/>
  <c r="C1363" i="2"/>
  <c r="A1365" i="2" l="1"/>
  <c r="C1364" i="2"/>
  <c r="D1364" i="2"/>
  <c r="A1366" i="2" l="1"/>
  <c r="D1365" i="2"/>
  <c r="C1365" i="2"/>
  <c r="A1367" i="2" l="1"/>
  <c r="C1366" i="2"/>
  <c r="D1366" i="2"/>
  <c r="A1368" i="2" l="1"/>
  <c r="D1367" i="2"/>
  <c r="C1367" i="2"/>
  <c r="A1369" i="2" l="1"/>
  <c r="C1368" i="2"/>
  <c r="D1368" i="2"/>
  <c r="A1370" i="2" l="1"/>
  <c r="D1369" i="2"/>
  <c r="C1369" i="2"/>
  <c r="A1371" i="2" l="1"/>
  <c r="C1370" i="2"/>
  <c r="D1370" i="2"/>
  <c r="A1372" i="2" l="1"/>
  <c r="D1371" i="2"/>
  <c r="C1371" i="2"/>
  <c r="A1373" i="2" l="1"/>
  <c r="C1372" i="2"/>
  <c r="D1372" i="2"/>
  <c r="A1374" i="2" l="1"/>
  <c r="D1373" i="2"/>
  <c r="C1373" i="2"/>
  <c r="A1375" i="2" l="1"/>
  <c r="C1374" i="2"/>
  <c r="D1374" i="2"/>
  <c r="A1376" i="2" l="1"/>
  <c r="D1375" i="2"/>
  <c r="C1375" i="2"/>
  <c r="A1377" i="2" l="1"/>
  <c r="C1376" i="2"/>
  <c r="D1376" i="2"/>
  <c r="A1378" i="2" l="1"/>
  <c r="D1377" i="2"/>
  <c r="C1377" i="2"/>
  <c r="A1379" i="2" l="1"/>
  <c r="C1378" i="2"/>
  <c r="D1378" i="2"/>
  <c r="A1380" i="2" l="1"/>
  <c r="D1379" i="2"/>
  <c r="C1379" i="2"/>
  <c r="A1381" i="2" l="1"/>
  <c r="C1380" i="2"/>
  <c r="D1380" i="2"/>
  <c r="A1382" i="2" l="1"/>
  <c r="D1381" i="2"/>
  <c r="C1381" i="2"/>
  <c r="A1383" i="2" l="1"/>
  <c r="C1382" i="2"/>
  <c r="D1382" i="2"/>
  <c r="A1384" i="2" l="1"/>
  <c r="D1383" i="2"/>
  <c r="C1383" i="2"/>
  <c r="A1385" i="2" l="1"/>
  <c r="C1384" i="2"/>
  <c r="D1384" i="2"/>
  <c r="A1386" i="2" l="1"/>
  <c r="D1385" i="2"/>
  <c r="C1385" i="2"/>
  <c r="A1387" i="2" l="1"/>
  <c r="C1386" i="2"/>
  <c r="D1386" i="2"/>
  <c r="A1388" i="2" l="1"/>
  <c r="D1387" i="2"/>
  <c r="C1387" i="2"/>
  <c r="A1389" i="2" l="1"/>
  <c r="C1388" i="2"/>
  <c r="D1388" i="2"/>
  <c r="A1390" i="2" l="1"/>
  <c r="D1389" i="2"/>
  <c r="C1389" i="2"/>
  <c r="A1391" i="2" l="1"/>
  <c r="C1390" i="2"/>
  <c r="D1390" i="2"/>
  <c r="A1392" i="2" l="1"/>
  <c r="D1391" i="2"/>
  <c r="C1391" i="2"/>
  <c r="A1393" i="2" l="1"/>
  <c r="C1392" i="2"/>
  <c r="D1392" i="2"/>
  <c r="A1394" i="2" l="1"/>
  <c r="D1393" i="2"/>
  <c r="C1393" i="2"/>
  <c r="A1395" i="2" l="1"/>
  <c r="C1394" i="2"/>
  <c r="D1394" i="2"/>
  <c r="A1396" i="2" l="1"/>
  <c r="D1395" i="2"/>
  <c r="C1395" i="2"/>
  <c r="A1397" i="2" l="1"/>
  <c r="C1396" i="2"/>
  <c r="D1396" i="2"/>
  <c r="A1398" i="2" l="1"/>
  <c r="D1397" i="2"/>
  <c r="C1397" i="2"/>
  <c r="A1399" i="2" l="1"/>
  <c r="C1398" i="2"/>
  <c r="D1398" i="2"/>
  <c r="A1400" i="2" l="1"/>
  <c r="D1399" i="2"/>
  <c r="C1399" i="2"/>
  <c r="A1401" i="2" l="1"/>
  <c r="C1400" i="2"/>
  <c r="D1400" i="2"/>
  <c r="A1402" i="2" l="1"/>
  <c r="D1401" i="2"/>
  <c r="C1401" i="2"/>
  <c r="A1403" i="2" l="1"/>
  <c r="C1402" i="2"/>
  <c r="D1402" i="2"/>
  <c r="A1404" i="2" l="1"/>
  <c r="D1403" i="2"/>
  <c r="C1403" i="2"/>
  <c r="A1405" i="2" l="1"/>
  <c r="C1404" i="2"/>
  <c r="D1404" i="2"/>
  <c r="A1406" i="2" l="1"/>
  <c r="D1405" i="2"/>
  <c r="C1405" i="2"/>
  <c r="A1407" i="2" l="1"/>
  <c r="C1406" i="2"/>
  <c r="D1406" i="2"/>
  <c r="A1408" i="2" l="1"/>
  <c r="D1407" i="2"/>
  <c r="C1407" i="2"/>
  <c r="A1409" i="2" l="1"/>
  <c r="C1408" i="2"/>
  <c r="D1408" i="2"/>
  <c r="A1410" i="2" l="1"/>
  <c r="D1409" i="2"/>
  <c r="C1409" i="2"/>
  <c r="A1411" i="2" l="1"/>
  <c r="C1410" i="2"/>
  <c r="D1410" i="2"/>
  <c r="A1412" i="2" l="1"/>
  <c r="D1411" i="2"/>
  <c r="C1411" i="2"/>
  <c r="A1413" i="2" l="1"/>
  <c r="C1412" i="2"/>
  <c r="D1412" i="2"/>
  <c r="A1414" i="2" l="1"/>
  <c r="D1413" i="2"/>
  <c r="C1413" i="2"/>
  <c r="A1415" i="2" l="1"/>
  <c r="C1414" i="2"/>
  <c r="D1414" i="2"/>
  <c r="A1416" i="2" l="1"/>
  <c r="D1415" i="2"/>
  <c r="C1415" i="2"/>
  <c r="A1417" i="2" l="1"/>
  <c r="C1416" i="2"/>
  <c r="D1416" i="2"/>
  <c r="A1418" i="2" l="1"/>
  <c r="D1417" i="2"/>
  <c r="C1417" i="2"/>
  <c r="A1419" i="2" l="1"/>
  <c r="C1418" i="2"/>
  <c r="D1418" i="2"/>
  <c r="A1420" i="2" l="1"/>
  <c r="D1419" i="2"/>
  <c r="C1419" i="2"/>
  <c r="A1421" i="2" l="1"/>
  <c r="C1420" i="2"/>
  <c r="D1420" i="2"/>
  <c r="A1422" i="2" l="1"/>
  <c r="D1421" i="2"/>
  <c r="C1421" i="2"/>
  <c r="A1423" i="2" l="1"/>
  <c r="C1422" i="2"/>
  <c r="D1422" i="2"/>
  <c r="A1424" i="2" l="1"/>
  <c r="D1423" i="2"/>
  <c r="C1423" i="2"/>
  <c r="A1425" i="2" l="1"/>
  <c r="C1424" i="2"/>
  <c r="D1424" i="2"/>
  <c r="A1426" i="2" l="1"/>
  <c r="D1425" i="2"/>
  <c r="C1425" i="2"/>
  <c r="A1427" i="2" l="1"/>
  <c r="C1426" i="2"/>
  <c r="D1426" i="2"/>
  <c r="A1428" i="2" l="1"/>
  <c r="D1427" i="2"/>
  <c r="C1427" i="2"/>
  <c r="A1429" i="2" l="1"/>
  <c r="C1428" i="2"/>
  <c r="D1428" i="2"/>
  <c r="A1430" i="2" l="1"/>
  <c r="D1429" i="2"/>
  <c r="C1429" i="2"/>
  <c r="A1431" i="2" l="1"/>
  <c r="C1430" i="2"/>
  <c r="D1430" i="2"/>
  <c r="A1432" i="2" l="1"/>
  <c r="D1431" i="2"/>
  <c r="C1431" i="2"/>
  <c r="A1433" i="2" l="1"/>
  <c r="C1432" i="2"/>
  <c r="D1432" i="2"/>
  <c r="A1434" i="2" l="1"/>
  <c r="D1433" i="2"/>
  <c r="C1433" i="2"/>
  <c r="A1435" i="2" l="1"/>
  <c r="C1434" i="2"/>
  <c r="D1434" i="2"/>
  <c r="A1436" i="2" l="1"/>
  <c r="D1435" i="2"/>
  <c r="C1435" i="2"/>
  <c r="A1437" i="2" l="1"/>
  <c r="C1436" i="2"/>
  <c r="D1436" i="2"/>
  <c r="A1438" i="2" l="1"/>
  <c r="D1437" i="2"/>
  <c r="C1437" i="2"/>
  <c r="A1439" i="2" l="1"/>
  <c r="C1438" i="2"/>
  <c r="D1438" i="2"/>
  <c r="A1440" i="2" l="1"/>
  <c r="D1439" i="2"/>
  <c r="C1439" i="2"/>
  <c r="A1441" i="2" l="1"/>
  <c r="C1440" i="2"/>
  <c r="D1440" i="2"/>
  <c r="A1442" i="2" l="1"/>
  <c r="D1441" i="2"/>
  <c r="C1441" i="2"/>
  <c r="A1443" i="2" l="1"/>
  <c r="C1442" i="2"/>
  <c r="D1442" i="2"/>
  <c r="A1444" i="2" l="1"/>
  <c r="D1443" i="2"/>
  <c r="C1443" i="2"/>
  <c r="A1445" i="2" l="1"/>
  <c r="C1444" i="2"/>
  <c r="D1444" i="2"/>
  <c r="A1446" i="2" l="1"/>
  <c r="D1445" i="2"/>
  <c r="C1445" i="2"/>
  <c r="A1447" i="2" l="1"/>
  <c r="C1446" i="2"/>
  <c r="D1446" i="2"/>
  <c r="A1448" i="2" l="1"/>
  <c r="D1447" i="2"/>
  <c r="C1447" i="2"/>
  <c r="A1449" i="2" l="1"/>
  <c r="C1448" i="2"/>
  <c r="D1448" i="2"/>
  <c r="A1450" i="2" l="1"/>
  <c r="D1449" i="2"/>
  <c r="C1449" i="2"/>
  <c r="A1451" i="2" l="1"/>
  <c r="C1450" i="2"/>
  <c r="D1450" i="2"/>
  <c r="A1452" i="2" l="1"/>
  <c r="D1451" i="2"/>
  <c r="C1451" i="2"/>
  <c r="A1453" i="2" l="1"/>
  <c r="C1452" i="2"/>
  <c r="D1452" i="2"/>
  <c r="A1454" i="2" l="1"/>
  <c r="D1453" i="2"/>
  <c r="C1453" i="2"/>
  <c r="A1455" i="2" l="1"/>
  <c r="C1454" i="2"/>
  <c r="D1454" i="2"/>
  <c r="A1456" i="2" l="1"/>
  <c r="D1455" i="2"/>
  <c r="C1455" i="2"/>
  <c r="A1457" i="2" l="1"/>
  <c r="C1456" i="2"/>
  <c r="D1456" i="2"/>
  <c r="A1458" i="2" l="1"/>
  <c r="D1457" i="2"/>
  <c r="C1457" i="2"/>
  <c r="A1459" i="2" l="1"/>
  <c r="C1458" i="2"/>
  <c r="D1458" i="2"/>
  <c r="A1460" i="2" l="1"/>
  <c r="D1459" i="2"/>
  <c r="C1459" i="2"/>
  <c r="A1461" i="2" l="1"/>
  <c r="C1460" i="2"/>
  <c r="D1460" i="2"/>
  <c r="A1462" i="2" l="1"/>
  <c r="D1461" i="2"/>
  <c r="C1461" i="2"/>
  <c r="A1463" i="2" l="1"/>
  <c r="C1462" i="2"/>
  <c r="D1462" i="2"/>
  <c r="A1464" i="2" l="1"/>
  <c r="D1463" i="2"/>
  <c r="C1463" i="2"/>
  <c r="A1465" i="2" l="1"/>
  <c r="C1464" i="2"/>
  <c r="D1464" i="2"/>
  <c r="A1466" i="2" l="1"/>
  <c r="D1465" i="2"/>
  <c r="C1465" i="2"/>
  <c r="A1467" i="2" l="1"/>
  <c r="C1466" i="2"/>
  <c r="D1466" i="2"/>
  <c r="A1468" i="2" l="1"/>
  <c r="D1467" i="2"/>
  <c r="C1467" i="2"/>
  <c r="A1469" i="2" l="1"/>
  <c r="C1468" i="2"/>
  <c r="D1468" i="2"/>
  <c r="A1470" i="2" l="1"/>
  <c r="D1469" i="2"/>
  <c r="C1469" i="2"/>
  <c r="A1471" i="2" l="1"/>
  <c r="C1470" i="2"/>
  <c r="D1470" i="2"/>
  <c r="A1472" i="2" l="1"/>
  <c r="D1471" i="2"/>
  <c r="C1471" i="2"/>
  <c r="A1473" i="2" l="1"/>
  <c r="C1472" i="2"/>
  <c r="D1472" i="2"/>
  <c r="A1474" i="2" l="1"/>
  <c r="D1473" i="2"/>
  <c r="C1473" i="2"/>
  <c r="A1475" i="2" l="1"/>
  <c r="C1474" i="2"/>
  <c r="D1474" i="2"/>
  <c r="A1476" i="2" l="1"/>
  <c r="D1475" i="2"/>
  <c r="C1475" i="2"/>
  <c r="A1477" i="2" l="1"/>
  <c r="C1476" i="2"/>
  <c r="D1476" i="2"/>
  <c r="A1478" i="2" l="1"/>
  <c r="D1477" i="2"/>
  <c r="C1477" i="2"/>
  <c r="A1479" i="2" l="1"/>
  <c r="C1478" i="2"/>
  <c r="D1478" i="2"/>
  <c r="A1480" i="2" l="1"/>
  <c r="D1479" i="2"/>
  <c r="C1479" i="2"/>
  <c r="A1481" i="2" l="1"/>
  <c r="C1480" i="2"/>
  <c r="D1480" i="2"/>
  <c r="A1482" i="2" l="1"/>
  <c r="D1481" i="2"/>
  <c r="C1481" i="2"/>
  <c r="A1483" i="2" l="1"/>
  <c r="C1482" i="2"/>
  <c r="D1482" i="2"/>
  <c r="A1484" i="2" l="1"/>
  <c r="D1483" i="2"/>
  <c r="C1483" i="2"/>
  <c r="A1485" i="2" l="1"/>
  <c r="C1484" i="2"/>
  <c r="D1484" i="2"/>
  <c r="A1486" i="2" l="1"/>
  <c r="D1485" i="2"/>
  <c r="C1485" i="2"/>
  <c r="A1487" i="2" l="1"/>
  <c r="C1486" i="2"/>
  <c r="D1486" i="2"/>
  <c r="A1488" i="2" l="1"/>
  <c r="D1487" i="2"/>
  <c r="C1487" i="2"/>
  <c r="A1489" i="2" l="1"/>
  <c r="C1488" i="2"/>
  <c r="D1488" i="2"/>
  <c r="A1490" i="2" l="1"/>
  <c r="D1489" i="2"/>
  <c r="C1489" i="2"/>
  <c r="A1491" i="2" l="1"/>
  <c r="C1490" i="2"/>
  <c r="D1490" i="2"/>
  <c r="A1492" i="2" l="1"/>
  <c r="D1491" i="2"/>
  <c r="C1491" i="2"/>
  <c r="A1493" i="2" l="1"/>
  <c r="C1492" i="2"/>
  <c r="D1492" i="2"/>
  <c r="A1494" i="2" l="1"/>
  <c r="D1493" i="2"/>
  <c r="C1493" i="2"/>
  <c r="A1495" i="2" l="1"/>
  <c r="C1494" i="2"/>
  <c r="D1494" i="2"/>
  <c r="A1496" i="2" l="1"/>
  <c r="D1495" i="2"/>
  <c r="C1495" i="2"/>
  <c r="A1497" i="2" l="1"/>
  <c r="C1496" i="2"/>
  <c r="D1496" i="2"/>
  <c r="A1498" i="2" l="1"/>
  <c r="D1497" i="2"/>
  <c r="C1497" i="2"/>
  <c r="A1499" i="2" l="1"/>
  <c r="C1498" i="2"/>
  <c r="D1498" i="2"/>
  <c r="A1500" i="2" l="1"/>
  <c r="D1499" i="2"/>
  <c r="C1499" i="2"/>
  <c r="A1501" i="2" l="1"/>
  <c r="C1500" i="2"/>
  <c r="D1500" i="2"/>
  <c r="A1502" i="2" l="1"/>
  <c r="D1501" i="2"/>
  <c r="C1501" i="2"/>
  <c r="A1503" i="2" l="1"/>
  <c r="C1502" i="2"/>
  <c r="D1502" i="2"/>
  <c r="A1504" i="2" l="1"/>
  <c r="D1503" i="2"/>
  <c r="C1503" i="2"/>
  <c r="A1505" i="2" l="1"/>
  <c r="C1504" i="2"/>
  <c r="D1504" i="2"/>
  <c r="A1506" i="2" l="1"/>
  <c r="D1505" i="2"/>
  <c r="C1505" i="2"/>
  <c r="A1507" i="2" l="1"/>
  <c r="C1506" i="2"/>
  <c r="D1506" i="2"/>
  <c r="A1508" i="2" l="1"/>
  <c r="D1507" i="2"/>
  <c r="C1507" i="2"/>
  <c r="A1509" i="2" l="1"/>
  <c r="C1508" i="2"/>
  <c r="D1508" i="2"/>
  <c r="A1510" i="2" l="1"/>
  <c r="D1509" i="2"/>
  <c r="C1509" i="2"/>
  <c r="A1511" i="2" l="1"/>
  <c r="C1510" i="2"/>
  <c r="D1510" i="2"/>
  <c r="A1512" i="2" l="1"/>
  <c r="D1511" i="2"/>
  <c r="C1511" i="2"/>
  <c r="A1513" i="2" l="1"/>
  <c r="C1512" i="2"/>
  <c r="D1512" i="2"/>
  <c r="A1514" i="2" l="1"/>
  <c r="D1513" i="2"/>
  <c r="C1513" i="2"/>
  <c r="A1515" i="2" l="1"/>
  <c r="C1514" i="2"/>
  <c r="D1514" i="2"/>
  <c r="A1516" i="2" l="1"/>
  <c r="D1515" i="2"/>
  <c r="C1515" i="2"/>
  <c r="A1517" i="2" l="1"/>
  <c r="C1516" i="2"/>
  <c r="D1516" i="2"/>
  <c r="A1518" i="2" l="1"/>
  <c r="D1517" i="2"/>
  <c r="C1517" i="2"/>
  <c r="A1519" i="2" l="1"/>
  <c r="C1518" i="2"/>
  <c r="D1518" i="2"/>
  <c r="A1520" i="2" l="1"/>
  <c r="D1519" i="2"/>
  <c r="C1519" i="2"/>
  <c r="A1521" i="2" l="1"/>
  <c r="C1520" i="2"/>
  <c r="D1520" i="2"/>
  <c r="A1522" i="2" l="1"/>
  <c r="D1521" i="2"/>
  <c r="C1521" i="2"/>
  <c r="A1523" i="2" l="1"/>
  <c r="C1522" i="2"/>
  <c r="D1522" i="2"/>
  <c r="A1524" i="2" l="1"/>
  <c r="D1523" i="2"/>
  <c r="C1523" i="2"/>
  <c r="A1525" i="2" l="1"/>
  <c r="C1524" i="2"/>
  <c r="D1524" i="2"/>
  <c r="A1526" i="2" l="1"/>
  <c r="D1525" i="2"/>
  <c r="C1525" i="2"/>
  <c r="A1527" i="2" l="1"/>
  <c r="C1526" i="2"/>
  <c r="D1526" i="2"/>
  <c r="A1528" i="2" l="1"/>
  <c r="D1527" i="2"/>
  <c r="C1527" i="2"/>
  <c r="A1529" i="2" l="1"/>
  <c r="C1528" i="2"/>
  <c r="D1528" i="2"/>
  <c r="A1530" i="2" l="1"/>
  <c r="D1529" i="2"/>
  <c r="C1529" i="2"/>
  <c r="A1531" i="2" l="1"/>
  <c r="C1530" i="2"/>
  <c r="D1530" i="2"/>
  <c r="A1532" i="2" l="1"/>
  <c r="D1531" i="2"/>
  <c r="C1531" i="2"/>
  <c r="A1533" i="2" l="1"/>
  <c r="C1532" i="2"/>
  <c r="D1532" i="2"/>
  <c r="A1534" i="2" l="1"/>
  <c r="D1533" i="2"/>
  <c r="C1533" i="2"/>
  <c r="A1535" i="2" l="1"/>
  <c r="C1534" i="2"/>
  <c r="D1534" i="2"/>
  <c r="A1536" i="2" l="1"/>
  <c r="D1535" i="2"/>
  <c r="C1535" i="2"/>
  <c r="A1537" i="2" l="1"/>
  <c r="C1536" i="2"/>
  <c r="D1536" i="2"/>
  <c r="A1538" i="2" l="1"/>
  <c r="D1537" i="2"/>
  <c r="C1537" i="2"/>
  <c r="A1539" i="2" l="1"/>
  <c r="C1538" i="2"/>
  <c r="D1538" i="2"/>
  <c r="A1540" i="2" l="1"/>
  <c r="D1539" i="2"/>
  <c r="C1539" i="2"/>
  <c r="A1541" i="2" l="1"/>
  <c r="C1540" i="2"/>
  <c r="D1540" i="2"/>
  <c r="A1542" i="2" l="1"/>
  <c r="D1541" i="2"/>
  <c r="C1541" i="2"/>
  <c r="A1543" i="2" l="1"/>
  <c r="C1542" i="2"/>
  <c r="D1542" i="2"/>
  <c r="A1544" i="2" l="1"/>
  <c r="D1543" i="2"/>
  <c r="C1543" i="2"/>
  <c r="A1545" i="2" l="1"/>
  <c r="C1544" i="2"/>
  <c r="D1544" i="2"/>
  <c r="A1546" i="2" l="1"/>
  <c r="D1545" i="2"/>
  <c r="C1545" i="2"/>
  <c r="A1547" i="2" l="1"/>
  <c r="C1546" i="2"/>
  <c r="D1546" i="2"/>
  <c r="A1548" i="2" l="1"/>
  <c r="D1547" i="2"/>
  <c r="C1547" i="2"/>
  <c r="A1549" i="2" l="1"/>
  <c r="C1548" i="2"/>
  <c r="D1548" i="2"/>
  <c r="A1550" i="2" l="1"/>
  <c r="D1549" i="2"/>
  <c r="C1549" i="2"/>
  <c r="A1551" i="2" l="1"/>
  <c r="C1550" i="2"/>
  <c r="D1550" i="2"/>
  <c r="A1552" i="2" l="1"/>
  <c r="D1551" i="2"/>
  <c r="C1551" i="2"/>
  <c r="A1553" i="2" l="1"/>
  <c r="C1552" i="2"/>
  <c r="D1552" i="2"/>
  <c r="A1554" i="2" l="1"/>
  <c r="D1553" i="2"/>
  <c r="C1553" i="2"/>
  <c r="A1555" i="2" l="1"/>
  <c r="C1554" i="2"/>
  <c r="D1554" i="2"/>
  <c r="A1556" i="2" l="1"/>
  <c r="D1555" i="2"/>
  <c r="C1555" i="2"/>
  <c r="A1557" i="2" l="1"/>
  <c r="C1556" i="2"/>
  <c r="D1556" i="2"/>
  <c r="A1558" i="2" l="1"/>
  <c r="D1557" i="2"/>
  <c r="C1557" i="2"/>
  <c r="A1559" i="2" l="1"/>
  <c r="C1558" i="2"/>
  <c r="D1558" i="2"/>
  <c r="A1560" i="2" l="1"/>
  <c r="D1559" i="2"/>
  <c r="C1559" i="2"/>
  <c r="A1561" i="2" l="1"/>
  <c r="C1560" i="2"/>
  <c r="D1560" i="2"/>
  <c r="A1562" i="2" l="1"/>
  <c r="D1561" i="2"/>
  <c r="C1561" i="2"/>
  <c r="A1563" i="2" l="1"/>
  <c r="C1562" i="2"/>
  <c r="D1562" i="2"/>
  <c r="A1564" i="2" l="1"/>
  <c r="D1563" i="2"/>
  <c r="C1563" i="2"/>
  <c r="A1565" i="2" l="1"/>
  <c r="C1564" i="2"/>
  <c r="D1564" i="2"/>
  <c r="A1566" i="2" l="1"/>
  <c r="D1565" i="2"/>
  <c r="C1565" i="2"/>
  <c r="A1567" i="2" l="1"/>
  <c r="C1566" i="2"/>
  <c r="D1566" i="2"/>
  <c r="A1568" i="2" l="1"/>
  <c r="D1567" i="2"/>
  <c r="C1567" i="2"/>
  <c r="A1569" i="2" l="1"/>
  <c r="C1568" i="2"/>
  <c r="D1568" i="2"/>
  <c r="A1570" i="2" l="1"/>
  <c r="D1569" i="2"/>
  <c r="C1569" i="2"/>
  <c r="A1571" i="2" l="1"/>
  <c r="C1570" i="2"/>
  <c r="D1570" i="2"/>
  <c r="A1572" i="2" l="1"/>
  <c r="D1571" i="2"/>
  <c r="C1571" i="2"/>
  <c r="A1573" i="2" l="1"/>
  <c r="C1572" i="2"/>
  <c r="D1572" i="2"/>
  <c r="A1574" i="2" l="1"/>
  <c r="D1573" i="2"/>
  <c r="C1573" i="2"/>
  <c r="A1575" i="2" l="1"/>
  <c r="C1574" i="2"/>
  <c r="D1574" i="2"/>
  <c r="A1576" i="2" l="1"/>
  <c r="D1575" i="2"/>
  <c r="C1575" i="2"/>
  <c r="A1577" i="2" l="1"/>
  <c r="C1576" i="2"/>
  <c r="D1576" i="2"/>
  <c r="A1578" i="2" l="1"/>
  <c r="D1577" i="2"/>
  <c r="C1577" i="2"/>
  <c r="A1579" i="2" l="1"/>
  <c r="C1578" i="2"/>
  <c r="D1578" i="2"/>
  <c r="A1580" i="2" l="1"/>
  <c r="D1579" i="2"/>
  <c r="C1579" i="2"/>
  <c r="A1581" i="2" l="1"/>
  <c r="C1580" i="2"/>
  <c r="D1580" i="2"/>
  <c r="A1582" i="2" l="1"/>
  <c r="D1581" i="2"/>
  <c r="C1581" i="2"/>
  <c r="A1583" i="2" l="1"/>
  <c r="C1582" i="2"/>
  <c r="D1582" i="2"/>
  <c r="A1584" i="2" l="1"/>
  <c r="D1583" i="2"/>
  <c r="C1583" i="2"/>
  <c r="A1585" i="2" l="1"/>
  <c r="C1584" i="2"/>
  <c r="D1584" i="2"/>
  <c r="A1586" i="2" l="1"/>
  <c r="D1585" i="2"/>
  <c r="C1585" i="2"/>
  <c r="A1587" i="2" l="1"/>
  <c r="C1586" i="2"/>
  <c r="D1586" i="2"/>
  <c r="A1588" i="2" l="1"/>
  <c r="D1587" i="2"/>
  <c r="C1587" i="2"/>
  <c r="A1589" i="2" l="1"/>
  <c r="C1588" i="2"/>
  <c r="D1588" i="2"/>
  <c r="A1590" i="2" l="1"/>
  <c r="D1589" i="2"/>
  <c r="C1589" i="2"/>
  <c r="A1591" i="2" l="1"/>
  <c r="C1590" i="2"/>
  <c r="D1590" i="2"/>
  <c r="A1592" i="2" l="1"/>
  <c r="D1591" i="2"/>
  <c r="C1591" i="2"/>
  <c r="A1593" i="2" l="1"/>
  <c r="C1592" i="2"/>
  <c r="D1592" i="2"/>
  <c r="A1594" i="2" l="1"/>
  <c r="D1593" i="2"/>
  <c r="C1593" i="2"/>
  <c r="A1595" i="2" l="1"/>
  <c r="C1594" i="2"/>
  <c r="D1594" i="2"/>
  <c r="A1596" i="2" l="1"/>
  <c r="D1595" i="2"/>
  <c r="C1595" i="2"/>
  <c r="A1597" i="2" l="1"/>
  <c r="C1596" i="2"/>
  <c r="D1596" i="2"/>
  <c r="A1598" i="2" l="1"/>
  <c r="D1597" i="2"/>
  <c r="C1597" i="2"/>
  <c r="A1599" i="2" l="1"/>
  <c r="C1598" i="2"/>
  <c r="D1598" i="2"/>
  <c r="A1600" i="2" l="1"/>
  <c r="D1599" i="2"/>
  <c r="C1599" i="2"/>
  <c r="A1601" i="2" l="1"/>
  <c r="D1600" i="2"/>
  <c r="C1600" i="2"/>
  <c r="A1602" i="2" l="1"/>
  <c r="D1601" i="2"/>
  <c r="C1601" i="2"/>
  <c r="A1603" i="2" l="1"/>
  <c r="C1602" i="2"/>
  <c r="D1602" i="2"/>
  <c r="A1604" i="2" l="1"/>
  <c r="D1603" i="2"/>
  <c r="C1603" i="2"/>
  <c r="A1605" i="2" l="1"/>
  <c r="D1604" i="2"/>
  <c r="C1604" i="2"/>
  <c r="A1606" i="2" l="1"/>
  <c r="D1605" i="2"/>
  <c r="C1605" i="2"/>
  <c r="A1607" i="2" l="1"/>
  <c r="C1606" i="2"/>
  <c r="D1606" i="2"/>
  <c r="A1608" i="2" l="1"/>
  <c r="D1607" i="2"/>
  <c r="C1607" i="2"/>
  <c r="A1609" i="2" l="1"/>
  <c r="D1608" i="2"/>
  <c r="C1608" i="2"/>
  <c r="A1610" i="2" l="1"/>
  <c r="D1609" i="2"/>
  <c r="C1609" i="2"/>
  <c r="A1611" i="2" l="1"/>
  <c r="C1610" i="2"/>
  <c r="D1610" i="2"/>
  <c r="A1612" i="2" l="1"/>
  <c r="D1611" i="2"/>
  <c r="C1611" i="2"/>
  <c r="A1613" i="2" l="1"/>
  <c r="D1612" i="2"/>
  <c r="C1612" i="2"/>
  <c r="A1614" i="2" l="1"/>
  <c r="D1613" i="2"/>
  <c r="C1613" i="2"/>
  <c r="A1615" i="2" l="1"/>
  <c r="C1614" i="2"/>
  <c r="D1614" i="2"/>
  <c r="A1616" i="2" l="1"/>
  <c r="D1615" i="2"/>
  <c r="C1615" i="2"/>
  <c r="A1617" i="2" l="1"/>
  <c r="D1616" i="2"/>
  <c r="C1616" i="2"/>
  <c r="A1618" i="2" l="1"/>
  <c r="D1617" i="2"/>
  <c r="C1617" i="2"/>
  <c r="A1619" i="2" l="1"/>
  <c r="C1618" i="2"/>
  <c r="D1618" i="2"/>
  <c r="A1620" i="2" l="1"/>
  <c r="D1619" i="2"/>
  <c r="C1619" i="2"/>
  <c r="A1621" i="2" l="1"/>
  <c r="C1620" i="2"/>
  <c r="D1620" i="2"/>
  <c r="A1622" i="2" l="1"/>
  <c r="D1621" i="2"/>
  <c r="C1621" i="2"/>
  <c r="A1623" i="2" l="1"/>
  <c r="C1622" i="2"/>
  <c r="D1622" i="2"/>
  <c r="A1624" i="2" l="1"/>
  <c r="D1623" i="2"/>
  <c r="C1623" i="2"/>
  <c r="A1625" i="2" l="1"/>
  <c r="D1624" i="2"/>
  <c r="C1624" i="2"/>
  <c r="A1626" i="2" l="1"/>
  <c r="D1625" i="2"/>
  <c r="C1625" i="2"/>
  <c r="A1627" i="2" l="1"/>
  <c r="D1626" i="2"/>
  <c r="C1626" i="2"/>
  <c r="A1628" i="2" l="1"/>
  <c r="D1627" i="2"/>
  <c r="C1627" i="2"/>
  <c r="A1629" i="2" l="1"/>
  <c r="C1628" i="2"/>
  <c r="D1628" i="2"/>
  <c r="A1630" i="2" l="1"/>
  <c r="D1629" i="2"/>
  <c r="C1629" i="2"/>
  <c r="A1631" i="2" l="1"/>
  <c r="C1630" i="2"/>
  <c r="D1630" i="2"/>
  <c r="A1632" i="2" l="1"/>
  <c r="C1631" i="2"/>
  <c r="D1631" i="2"/>
  <c r="A1633" i="2" l="1"/>
  <c r="C1632" i="2"/>
  <c r="D1632" i="2"/>
  <c r="A1634" i="2" l="1"/>
  <c r="C1633" i="2"/>
  <c r="D1633" i="2"/>
  <c r="A1635" i="2" l="1"/>
  <c r="C1634" i="2"/>
  <c r="D1634" i="2"/>
  <c r="A1636" i="2" l="1"/>
  <c r="C1635" i="2"/>
  <c r="D1635" i="2"/>
  <c r="A1637" i="2" l="1"/>
  <c r="C1636" i="2"/>
  <c r="D1636" i="2"/>
  <c r="A1638" i="2" l="1"/>
  <c r="C1637" i="2"/>
  <c r="D1637" i="2"/>
  <c r="A1639" i="2" l="1"/>
  <c r="C1638" i="2"/>
  <c r="D1638" i="2"/>
  <c r="A1640" i="2" l="1"/>
  <c r="C1639" i="2"/>
  <c r="D1639" i="2"/>
  <c r="A1641" i="2" l="1"/>
  <c r="C1640" i="2"/>
  <c r="D1640" i="2"/>
  <c r="A1642" i="2" l="1"/>
  <c r="C1641" i="2"/>
  <c r="D1641" i="2"/>
  <c r="A1643" i="2" l="1"/>
  <c r="C1642" i="2"/>
  <c r="D1642" i="2"/>
  <c r="A1644" i="2" l="1"/>
  <c r="C1643" i="2"/>
  <c r="D1643" i="2"/>
  <c r="A1645" i="2" l="1"/>
  <c r="C1644" i="2"/>
  <c r="D1644" i="2"/>
  <c r="A1646" i="2" l="1"/>
  <c r="C1645" i="2"/>
  <c r="D1645" i="2"/>
  <c r="A1647" i="2" l="1"/>
  <c r="C1646" i="2"/>
  <c r="D1646" i="2"/>
  <c r="A1648" i="2" l="1"/>
  <c r="C1647" i="2"/>
  <c r="D1647" i="2"/>
  <c r="A1649" i="2" l="1"/>
  <c r="C1648" i="2"/>
  <c r="D1648" i="2"/>
  <c r="A1650" i="2" l="1"/>
  <c r="C1649" i="2"/>
  <c r="D1649" i="2"/>
  <c r="A1651" i="2" l="1"/>
  <c r="C1650" i="2"/>
  <c r="D1650" i="2"/>
  <c r="A1652" i="2" l="1"/>
  <c r="C1651" i="2"/>
  <c r="D1651" i="2"/>
  <c r="A1653" i="2" l="1"/>
  <c r="C1652" i="2"/>
  <c r="D1652" i="2"/>
  <c r="A1654" i="2" l="1"/>
  <c r="C1653" i="2"/>
  <c r="D1653" i="2"/>
  <c r="A1655" i="2" l="1"/>
  <c r="C1654" i="2"/>
  <c r="D1654" i="2"/>
  <c r="A1656" i="2" l="1"/>
  <c r="C1655" i="2"/>
  <c r="D1655" i="2"/>
  <c r="A1657" i="2" l="1"/>
  <c r="C1656" i="2"/>
  <c r="D1656" i="2"/>
  <c r="A1658" i="2" l="1"/>
  <c r="C1657" i="2"/>
  <c r="D1657" i="2"/>
  <c r="A1659" i="2" l="1"/>
  <c r="C1658" i="2"/>
  <c r="D1658" i="2"/>
  <c r="A1660" i="2" l="1"/>
  <c r="C1659" i="2"/>
  <c r="D1659" i="2"/>
  <c r="A1661" i="2" l="1"/>
  <c r="C1660" i="2"/>
  <c r="D1660" i="2"/>
  <c r="A1662" i="2" l="1"/>
  <c r="C1661" i="2"/>
  <c r="D1661" i="2"/>
  <c r="A1663" i="2" l="1"/>
  <c r="C1662" i="2"/>
  <c r="D1662" i="2"/>
  <c r="A1664" i="2" l="1"/>
  <c r="C1663" i="2"/>
  <c r="D1663" i="2"/>
  <c r="A1665" i="2" l="1"/>
  <c r="C1664" i="2"/>
  <c r="D1664" i="2"/>
  <c r="A1666" i="2" l="1"/>
  <c r="C1665" i="2"/>
  <c r="D1665" i="2"/>
  <c r="A1667" i="2" l="1"/>
  <c r="C1666" i="2"/>
  <c r="D1666" i="2"/>
  <c r="A1668" i="2" l="1"/>
  <c r="C1667" i="2"/>
  <c r="D1667" i="2"/>
  <c r="A1669" i="2" l="1"/>
  <c r="C1668" i="2"/>
  <c r="D1668" i="2"/>
  <c r="A1670" i="2" l="1"/>
  <c r="C1669" i="2"/>
  <c r="D1669" i="2"/>
  <c r="A1671" i="2" l="1"/>
  <c r="C1670" i="2"/>
  <c r="D1670" i="2"/>
  <c r="A1672" i="2" l="1"/>
  <c r="C1671" i="2"/>
  <c r="D1671" i="2"/>
  <c r="A1673" i="2" l="1"/>
  <c r="C1672" i="2"/>
  <c r="D1672" i="2"/>
  <c r="A1674" i="2" l="1"/>
  <c r="C1673" i="2"/>
  <c r="D1673" i="2"/>
  <c r="A1675" i="2" l="1"/>
  <c r="C1674" i="2"/>
  <c r="D1674" i="2"/>
  <c r="A1676" i="2" l="1"/>
  <c r="C1675" i="2"/>
  <c r="D1675" i="2"/>
  <c r="A1677" i="2" l="1"/>
  <c r="C1676" i="2"/>
  <c r="D1676" i="2"/>
  <c r="A1678" i="2" l="1"/>
  <c r="C1677" i="2"/>
  <c r="D1677" i="2"/>
  <c r="A1679" i="2" l="1"/>
  <c r="C1678" i="2"/>
  <c r="D1678" i="2"/>
  <c r="A1680" i="2" l="1"/>
  <c r="C1679" i="2"/>
  <c r="D1679" i="2"/>
  <c r="A1681" i="2" l="1"/>
  <c r="C1680" i="2"/>
  <c r="D1680" i="2"/>
  <c r="A1682" i="2" l="1"/>
  <c r="C1681" i="2"/>
  <c r="D1681" i="2"/>
  <c r="A1683" i="2" l="1"/>
  <c r="C1682" i="2"/>
  <c r="D1682" i="2"/>
  <c r="A1684" i="2" l="1"/>
  <c r="C1683" i="2"/>
  <c r="D1683" i="2"/>
  <c r="A1685" i="2" l="1"/>
  <c r="C1684" i="2"/>
  <c r="D1684" i="2"/>
  <c r="A1686" i="2" l="1"/>
  <c r="C1685" i="2"/>
  <c r="D1685" i="2"/>
  <c r="A1687" i="2" l="1"/>
  <c r="C1686" i="2"/>
  <c r="D1686" i="2"/>
  <c r="A1688" i="2" l="1"/>
  <c r="C1687" i="2"/>
  <c r="D1687" i="2"/>
  <c r="A1689" i="2" l="1"/>
  <c r="C1688" i="2"/>
  <c r="D1688" i="2"/>
  <c r="A1690" i="2" l="1"/>
  <c r="C1689" i="2"/>
  <c r="D1689" i="2"/>
  <c r="A1691" i="2" l="1"/>
  <c r="C1690" i="2"/>
  <c r="D1690" i="2"/>
  <c r="A1692" i="2" l="1"/>
  <c r="C1691" i="2"/>
  <c r="D1691" i="2"/>
  <c r="A1693" i="2" l="1"/>
  <c r="C1692" i="2"/>
  <c r="D1692" i="2"/>
  <c r="A1694" i="2" l="1"/>
  <c r="C1693" i="2"/>
  <c r="D1693" i="2"/>
  <c r="A1695" i="2" l="1"/>
  <c r="C1694" i="2"/>
  <c r="D1694" i="2"/>
  <c r="A1696" i="2" l="1"/>
  <c r="C1695" i="2"/>
  <c r="D1695" i="2"/>
  <c r="A1697" i="2" l="1"/>
  <c r="C1696" i="2"/>
  <c r="D1696" i="2"/>
  <c r="A1698" i="2" l="1"/>
  <c r="C1697" i="2"/>
  <c r="D1697" i="2"/>
  <c r="A1699" i="2" l="1"/>
  <c r="C1698" i="2"/>
  <c r="D1698" i="2"/>
  <c r="A1700" i="2" l="1"/>
  <c r="C1699" i="2"/>
  <c r="D1699" i="2"/>
  <c r="A1701" i="2" l="1"/>
  <c r="C1700" i="2"/>
  <c r="D1700" i="2"/>
  <c r="A1702" i="2" l="1"/>
  <c r="C1701" i="2"/>
  <c r="D1701" i="2"/>
  <c r="A1703" i="2" l="1"/>
  <c r="C1702" i="2"/>
  <c r="D1702" i="2"/>
  <c r="A1704" i="2" l="1"/>
  <c r="C1703" i="2"/>
  <c r="D1703" i="2"/>
  <c r="A1705" i="2" l="1"/>
  <c r="C1704" i="2"/>
  <c r="D1704" i="2"/>
  <c r="A1706" i="2" l="1"/>
  <c r="C1705" i="2"/>
  <c r="D1705" i="2"/>
  <c r="A1707" i="2" l="1"/>
  <c r="C1706" i="2"/>
  <c r="D1706" i="2"/>
  <c r="A1708" i="2" l="1"/>
  <c r="C1707" i="2"/>
  <c r="D1707" i="2"/>
  <c r="A1709" i="2" l="1"/>
  <c r="C1708" i="2"/>
  <c r="D1708" i="2"/>
  <c r="A1710" i="2" l="1"/>
  <c r="C1709" i="2"/>
  <c r="D1709" i="2"/>
  <c r="A1711" i="2" l="1"/>
  <c r="C1710" i="2"/>
  <c r="D1710" i="2"/>
  <c r="A1712" i="2" l="1"/>
  <c r="C1711" i="2"/>
  <c r="D1711" i="2"/>
  <c r="A1713" i="2" l="1"/>
  <c r="C1712" i="2"/>
  <c r="D1712" i="2"/>
  <c r="A1714" i="2" l="1"/>
  <c r="C1713" i="2"/>
  <c r="D1713" i="2"/>
  <c r="A1715" i="2" l="1"/>
  <c r="C1714" i="2"/>
  <c r="D1714" i="2"/>
  <c r="A1716" i="2" l="1"/>
  <c r="C1715" i="2"/>
  <c r="D1715" i="2"/>
  <c r="A1717" i="2" l="1"/>
  <c r="C1716" i="2"/>
  <c r="D1716" i="2"/>
  <c r="A1718" i="2" l="1"/>
  <c r="C1717" i="2"/>
  <c r="D1717" i="2"/>
  <c r="A1719" i="2" l="1"/>
  <c r="C1718" i="2"/>
  <c r="D1718" i="2"/>
  <c r="A1720" i="2" l="1"/>
  <c r="C1719" i="2"/>
  <c r="D1719" i="2"/>
  <c r="A1721" i="2" l="1"/>
  <c r="C1720" i="2"/>
  <c r="D1720" i="2"/>
  <c r="A1722" i="2" l="1"/>
  <c r="C1721" i="2"/>
  <c r="D1721" i="2"/>
  <c r="A1723" i="2" l="1"/>
  <c r="C1722" i="2"/>
  <c r="D1722" i="2"/>
  <c r="A1724" i="2" l="1"/>
  <c r="C1723" i="2"/>
  <c r="D1723" i="2"/>
  <c r="A1725" i="2" l="1"/>
  <c r="C1724" i="2"/>
  <c r="D1724" i="2"/>
  <c r="A1726" i="2" l="1"/>
  <c r="C1725" i="2"/>
  <c r="D1725" i="2"/>
  <c r="A1727" i="2" l="1"/>
  <c r="C1726" i="2"/>
  <c r="D1726" i="2"/>
  <c r="A1728" i="2" l="1"/>
  <c r="C1727" i="2"/>
  <c r="D1727" i="2"/>
  <c r="A1729" i="2" l="1"/>
  <c r="C1728" i="2"/>
  <c r="D1728" i="2"/>
  <c r="A1730" i="2" l="1"/>
  <c r="C1729" i="2"/>
  <c r="D1729" i="2"/>
  <c r="A1731" i="2" l="1"/>
  <c r="C1730" i="2"/>
  <c r="D1730" i="2"/>
  <c r="A1732" i="2" l="1"/>
  <c r="C1731" i="2"/>
  <c r="D1731" i="2"/>
  <c r="A1733" i="2" l="1"/>
  <c r="C1732" i="2"/>
  <c r="D1732" i="2"/>
  <c r="A1734" i="2" l="1"/>
  <c r="C1733" i="2"/>
  <c r="D1733" i="2"/>
  <c r="A1735" i="2" l="1"/>
  <c r="C1734" i="2"/>
  <c r="D1734" i="2"/>
  <c r="A1736" i="2" l="1"/>
  <c r="C1735" i="2"/>
  <c r="D1735" i="2"/>
  <c r="A1737" i="2" l="1"/>
  <c r="C1736" i="2"/>
  <c r="D1736" i="2"/>
  <c r="A1738" i="2" l="1"/>
  <c r="C1737" i="2"/>
  <c r="D1737" i="2"/>
  <c r="A1739" i="2" l="1"/>
  <c r="C1738" i="2"/>
  <c r="D1738" i="2"/>
  <c r="A1740" i="2" l="1"/>
  <c r="C1739" i="2"/>
  <c r="D1739" i="2"/>
  <c r="A1741" i="2" l="1"/>
  <c r="C1740" i="2"/>
  <c r="D1740" i="2"/>
  <c r="A1742" i="2" l="1"/>
  <c r="C1741" i="2"/>
  <c r="D1741" i="2"/>
  <c r="A1743" i="2" l="1"/>
  <c r="C1742" i="2"/>
  <c r="D1742" i="2"/>
  <c r="A1744" i="2" l="1"/>
  <c r="C1743" i="2"/>
  <c r="D1743" i="2"/>
  <c r="A1745" i="2" l="1"/>
  <c r="C1744" i="2"/>
  <c r="D1744" i="2"/>
  <c r="A1746" i="2" l="1"/>
  <c r="C1745" i="2"/>
  <c r="D1745" i="2"/>
  <c r="A1747" i="2" l="1"/>
  <c r="C1746" i="2"/>
  <c r="D1746" i="2"/>
  <c r="A1748" i="2" l="1"/>
  <c r="C1747" i="2"/>
  <c r="D1747" i="2"/>
  <c r="A1749" i="2" l="1"/>
  <c r="C1748" i="2"/>
  <c r="D1748" i="2"/>
  <c r="A1750" i="2" l="1"/>
  <c r="C1749" i="2"/>
  <c r="D1749" i="2"/>
  <c r="A1751" i="2" l="1"/>
  <c r="C1750" i="2"/>
  <c r="D1750" i="2"/>
  <c r="A1752" i="2" l="1"/>
  <c r="C1751" i="2"/>
  <c r="D1751" i="2"/>
  <c r="A1753" i="2" l="1"/>
  <c r="C1752" i="2"/>
  <c r="D1752" i="2"/>
  <c r="A1754" i="2" l="1"/>
  <c r="C1753" i="2"/>
  <c r="D1753" i="2"/>
  <c r="A1755" i="2" l="1"/>
  <c r="C1754" i="2"/>
  <c r="D1754" i="2"/>
  <c r="A1756" i="2" l="1"/>
  <c r="C1755" i="2"/>
  <c r="D1755" i="2"/>
  <c r="A1757" i="2" l="1"/>
  <c r="C1756" i="2"/>
  <c r="D1756" i="2"/>
  <c r="A1758" i="2" l="1"/>
  <c r="C1757" i="2"/>
  <c r="D1757" i="2"/>
  <c r="A1759" i="2" l="1"/>
  <c r="C1758" i="2"/>
  <c r="D1758" i="2"/>
  <c r="A1760" i="2" l="1"/>
  <c r="C1759" i="2"/>
  <c r="D1759" i="2"/>
  <c r="A1761" i="2" l="1"/>
  <c r="C1760" i="2"/>
  <c r="D1760" i="2"/>
  <c r="A1762" i="2" l="1"/>
  <c r="C1761" i="2"/>
  <c r="D1761" i="2"/>
  <c r="A1763" i="2" l="1"/>
  <c r="C1762" i="2"/>
  <c r="D1762" i="2"/>
  <c r="A1764" i="2" l="1"/>
  <c r="C1763" i="2"/>
  <c r="D1763" i="2"/>
  <c r="A1765" i="2" l="1"/>
  <c r="C1764" i="2"/>
  <c r="D1764" i="2"/>
  <c r="A1766" i="2" l="1"/>
  <c r="C1765" i="2"/>
  <c r="D1765" i="2"/>
  <c r="A1767" i="2" l="1"/>
  <c r="C1766" i="2"/>
  <c r="D1766" i="2"/>
  <c r="A1768" i="2" l="1"/>
  <c r="C1767" i="2"/>
  <c r="D1767" i="2"/>
  <c r="A1769" i="2" l="1"/>
  <c r="C1768" i="2"/>
  <c r="D1768" i="2"/>
  <c r="A1770" i="2" l="1"/>
  <c r="C1769" i="2"/>
  <c r="D1769" i="2"/>
  <c r="A1771" i="2" l="1"/>
  <c r="C1770" i="2"/>
  <c r="D1770" i="2"/>
  <c r="A1772" i="2" l="1"/>
  <c r="C1771" i="2"/>
  <c r="D1771" i="2"/>
  <c r="A1773" i="2" l="1"/>
  <c r="C1772" i="2"/>
  <c r="D1772" i="2"/>
  <c r="A1774" i="2" l="1"/>
  <c r="C1773" i="2"/>
  <c r="D1773" i="2"/>
  <c r="A1775" i="2" l="1"/>
  <c r="C1774" i="2"/>
  <c r="D1774" i="2"/>
  <c r="A1776" i="2" l="1"/>
  <c r="C1775" i="2"/>
  <c r="D1775" i="2"/>
  <c r="A1777" i="2" l="1"/>
  <c r="C1776" i="2"/>
  <c r="D1776" i="2"/>
  <c r="A1778" i="2" l="1"/>
  <c r="C1777" i="2"/>
  <c r="D1777" i="2"/>
  <c r="A1779" i="2" l="1"/>
  <c r="C1778" i="2"/>
  <c r="D1778" i="2"/>
  <c r="A1780" i="2" l="1"/>
  <c r="C1779" i="2"/>
  <c r="D1779" i="2"/>
  <c r="A1781" i="2" l="1"/>
  <c r="C1780" i="2"/>
  <c r="D1780" i="2"/>
  <c r="A1782" i="2" l="1"/>
  <c r="C1781" i="2"/>
  <c r="D1781" i="2"/>
  <c r="A1783" i="2" l="1"/>
  <c r="C1782" i="2"/>
  <c r="D1782" i="2"/>
  <c r="A1784" i="2" l="1"/>
  <c r="C1783" i="2"/>
  <c r="D1783" i="2"/>
  <c r="A1785" i="2" l="1"/>
  <c r="C1784" i="2"/>
  <c r="D1784" i="2"/>
  <c r="A1786" i="2" l="1"/>
  <c r="C1785" i="2"/>
  <c r="D1785" i="2"/>
  <c r="A1787" i="2" l="1"/>
  <c r="C1786" i="2"/>
  <c r="D1786" i="2"/>
  <c r="A1788" i="2" l="1"/>
  <c r="C1787" i="2"/>
  <c r="D1787" i="2"/>
  <c r="A1789" i="2" l="1"/>
  <c r="C1788" i="2"/>
  <c r="D1788" i="2"/>
  <c r="A1790" i="2" l="1"/>
  <c r="C1789" i="2"/>
  <c r="D1789" i="2"/>
  <c r="A1791" i="2" l="1"/>
  <c r="C1790" i="2"/>
  <c r="D1790" i="2"/>
  <c r="A1792" i="2" l="1"/>
  <c r="C1791" i="2"/>
  <c r="D1791" i="2"/>
  <c r="A1793" i="2" l="1"/>
  <c r="C1792" i="2"/>
  <c r="D1792" i="2"/>
  <c r="A1794" i="2" l="1"/>
  <c r="C1793" i="2"/>
  <c r="D1793" i="2"/>
  <c r="A1795" i="2" l="1"/>
  <c r="C1794" i="2"/>
  <c r="D1794" i="2"/>
  <c r="A1796" i="2" l="1"/>
  <c r="C1795" i="2"/>
  <c r="D1795" i="2"/>
  <c r="A1797" i="2" l="1"/>
  <c r="C1796" i="2"/>
  <c r="D1796" i="2"/>
  <c r="A1798" i="2" l="1"/>
  <c r="C1797" i="2"/>
  <c r="D1797" i="2"/>
  <c r="A1799" i="2" l="1"/>
  <c r="C1798" i="2"/>
  <c r="D1798" i="2"/>
  <c r="A1800" i="2" l="1"/>
  <c r="C1799" i="2"/>
  <c r="D1799" i="2"/>
  <c r="A1801" i="2" l="1"/>
  <c r="C1800" i="2"/>
  <c r="D1800" i="2"/>
  <c r="A1802" i="2" l="1"/>
  <c r="C1801" i="2"/>
  <c r="D1801" i="2"/>
  <c r="A1803" i="2" l="1"/>
  <c r="C1802" i="2"/>
  <c r="D1802" i="2"/>
  <c r="A1804" i="2" l="1"/>
  <c r="C1803" i="2"/>
  <c r="D1803" i="2"/>
  <c r="A1805" i="2" l="1"/>
  <c r="C1804" i="2"/>
  <c r="D1804" i="2"/>
  <c r="A1806" i="2" l="1"/>
  <c r="C1805" i="2"/>
  <c r="D1805" i="2"/>
  <c r="A1807" i="2" l="1"/>
  <c r="C1806" i="2"/>
  <c r="D1806" i="2"/>
  <c r="A1808" i="2" l="1"/>
  <c r="C1807" i="2"/>
  <c r="D1807" i="2"/>
  <c r="A1809" i="2" l="1"/>
  <c r="C1808" i="2"/>
  <c r="D1808" i="2"/>
  <c r="A1810" i="2" l="1"/>
  <c r="C1809" i="2"/>
  <c r="D1809" i="2"/>
  <c r="A1811" i="2" l="1"/>
  <c r="C1810" i="2"/>
  <c r="D1810" i="2"/>
  <c r="A1812" i="2" l="1"/>
  <c r="C1811" i="2"/>
  <c r="D1811" i="2"/>
  <c r="A1813" i="2" l="1"/>
  <c r="C1812" i="2"/>
  <c r="D1812" i="2"/>
  <c r="A1814" i="2" l="1"/>
  <c r="C1813" i="2"/>
  <c r="D1813" i="2"/>
  <c r="A1815" i="2" l="1"/>
  <c r="C1814" i="2"/>
  <c r="D1814" i="2"/>
  <c r="A1816" i="2" l="1"/>
  <c r="C1815" i="2"/>
  <c r="D1815" i="2"/>
  <c r="A1817" i="2" l="1"/>
  <c r="C1816" i="2"/>
  <c r="D1816" i="2"/>
  <c r="A1818" i="2" l="1"/>
  <c r="C1817" i="2"/>
  <c r="D1817" i="2"/>
  <c r="A1819" i="2" l="1"/>
  <c r="C1818" i="2"/>
  <c r="D1818" i="2"/>
  <c r="A1820" i="2" l="1"/>
  <c r="C1819" i="2"/>
  <c r="D1819" i="2"/>
  <c r="A1821" i="2" l="1"/>
  <c r="C1820" i="2"/>
  <c r="D1820" i="2"/>
  <c r="A1822" i="2" l="1"/>
  <c r="C1821" i="2"/>
  <c r="D1821" i="2"/>
  <c r="A1823" i="2" l="1"/>
  <c r="C1822" i="2"/>
  <c r="D1822" i="2"/>
  <c r="A1824" i="2" l="1"/>
  <c r="C1823" i="2"/>
  <c r="D1823" i="2"/>
  <c r="A1825" i="2" l="1"/>
  <c r="C1824" i="2"/>
  <c r="D1824" i="2"/>
  <c r="A1826" i="2" l="1"/>
  <c r="C1825" i="2"/>
  <c r="D1825" i="2"/>
  <c r="A1827" i="2" l="1"/>
  <c r="C1826" i="2"/>
  <c r="D1826" i="2"/>
  <c r="A1828" i="2" l="1"/>
  <c r="C1827" i="2"/>
  <c r="D1827" i="2"/>
  <c r="A1829" i="2" l="1"/>
  <c r="C1828" i="2"/>
  <c r="D1828" i="2"/>
  <c r="A1830" i="2" l="1"/>
  <c r="C1829" i="2"/>
  <c r="D1829" i="2"/>
  <c r="A1831" i="2" l="1"/>
  <c r="C1830" i="2"/>
  <c r="D1830" i="2"/>
  <c r="A1832" i="2" l="1"/>
  <c r="C1831" i="2"/>
  <c r="D1831" i="2"/>
  <c r="A1833" i="2" l="1"/>
  <c r="C1832" i="2"/>
  <c r="D1832" i="2"/>
  <c r="A1834" i="2" l="1"/>
  <c r="C1833" i="2"/>
  <c r="D1833" i="2"/>
  <c r="A1835" i="2" l="1"/>
  <c r="C1834" i="2"/>
  <c r="D1834" i="2"/>
  <c r="A1836" i="2" l="1"/>
  <c r="C1835" i="2"/>
  <c r="D1835" i="2"/>
  <c r="A1837" i="2" l="1"/>
  <c r="C1836" i="2"/>
  <c r="D1836" i="2"/>
  <c r="A1838" i="2" l="1"/>
  <c r="C1837" i="2"/>
  <c r="D1837" i="2"/>
  <c r="A1839" i="2" l="1"/>
  <c r="C1838" i="2"/>
  <c r="D1838" i="2"/>
  <c r="A1840" i="2" l="1"/>
  <c r="C1839" i="2"/>
  <c r="D1839" i="2"/>
  <c r="A1841" i="2" l="1"/>
  <c r="C1840" i="2"/>
  <c r="D1840" i="2"/>
  <c r="A1842" i="2" l="1"/>
  <c r="C1841" i="2"/>
  <c r="D1841" i="2"/>
  <c r="A1843" i="2" l="1"/>
  <c r="C1842" i="2"/>
  <c r="D1842" i="2"/>
  <c r="A1844" i="2" l="1"/>
  <c r="C1843" i="2"/>
  <c r="D1843" i="2"/>
  <c r="A1845" i="2" l="1"/>
  <c r="C1844" i="2"/>
  <c r="D1844" i="2"/>
  <c r="A1846" i="2" l="1"/>
  <c r="C1845" i="2"/>
  <c r="D1845" i="2"/>
  <c r="A1847" i="2" l="1"/>
  <c r="C1846" i="2"/>
  <c r="D1846" i="2"/>
  <c r="A1848" i="2" l="1"/>
  <c r="C1847" i="2"/>
  <c r="D1847" i="2"/>
  <c r="A1849" i="2" l="1"/>
  <c r="C1848" i="2"/>
  <c r="D1848" i="2"/>
  <c r="A1850" i="2" l="1"/>
  <c r="C1849" i="2"/>
  <c r="D1849" i="2"/>
  <c r="A1851" i="2" l="1"/>
  <c r="C1850" i="2"/>
  <c r="D1850" i="2"/>
  <c r="A1852" i="2" l="1"/>
  <c r="C1851" i="2"/>
  <c r="D1851" i="2"/>
  <c r="A1853" i="2" l="1"/>
  <c r="C1852" i="2"/>
  <c r="D1852" i="2"/>
  <c r="A1854" i="2" l="1"/>
  <c r="C1853" i="2"/>
  <c r="D1853" i="2"/>
  <c r="A1855" i="2" l="1"/>
  <c r="C1854" i="2"/>
  <c r="D1854" i="2"/>
  <c r="A1856" i="2" l="1"/>
  <c r="C1855" i="2"/>
  <c r="D1855" i="2"/>
  <c r="A1857" i="2" l="1"/>
  <c r="C1856" i="2"/>
  <c r="D1856" i="2"/>
  <c r="A1858" i="2" l="1"/>
  <c r="C1857" i="2"/>
  <c r="D1857" i="2"/>
  <c r="A1859" i="2" l="1"/>
  <c r="C1858" i="2"/>
  <c r="D1858" i="2"/>
  <c r="A1860" i="2" l="1"/>
  <c r="C1859" i="2"/>
  <c r="D1859" i="2"/>
  <c r="A1861" i="2" l="1"/>
  <c r="C1860" i="2"/>
  <c r="D1860" i="2"/>
  <c r="A1862" i="2" l="1"/>
  <c r="C1861" i="2"/>
  <c r="D1861" i="2"/>
  <c r="A1863" i="2" l="1"/>
  <c r="C1862" i="2"/>
  <c r="D1862" i="2"/>
  <c r="A1864" i="2" l="1"/>
  <c r="C1863" i="2"/>
  <c r="D1863" i="2"/>
  <c r="A1865" i="2" l="1"/>
  <c r="C1864" i="2"/>
  <c r="D1864" i="2"/>
  <c r="A1866" i="2" l="1"/>
  <c r="C1865" i="2"/>
  <c r="D1865" i="2"/>
  <c r="A1867" i="2" l="1"/>
  <c r="C1866" i="2"/>
  <c r="D1866" i="2"/>
  <c r="A1868" i="2" l="1"/>
  <c r="C1867" i="2"/>
  <c r="D1867" i="2"/>
  <c r="A1869" i="2" l="1"/>
  <c r="C1868" i="2"/>
  <c r="D1868" i="2"/>
  <c r="A1870" i="2" l="1"/>
  <c r="C1869" i="2"/>
  <c r="D1869" i="2"/>
  <c r="A1871" i="2" l="1"/>
  <c r="C1870" i="2"/>
  <c r="D1870" i="2"/>
  <c r="A1872" i="2" l="1"/>
  <c r="C1871" i="2"/>
  <c r="D1871" i="2"/>
  <c r="A1873" i="2" l="1"/>
  <c r="C1872" i="2"/>
  <c r="D1872" i="2"/>
  <c r="A1874" i="2" l="1"/>
  <c r="C1873" i="2"/>
  <c r="D1873" i="2"/>
  <c r="A1875" i="2" l="1"/>
  <c r="C1874" i="2"/>
  <c r="D1874" i="2"/>
  <c r="A1876" i="2" l="1"/>
  <c r="C1875" i="2"/>
  <c r="D1875" i="2"/>
  <c r="A1877" i="2" l="1"/>
  <c r="C1876" i="2"/>
  <c r="D1876" i="2"/>
  <c r="A1878" i="2" l="1"/>
  <c r="C1877" i="2"/>
  <c r="D1877" i="2"/>
  <c r="A1879" i="2" l="1"/>
  <c r="C1878" i="2"/>
  <c r="D1878" i="2"/>
  <c r="A1880" i="2" l="1"/>
  <c r="C1879" i="2"/>
  <c r="D1879" i="2"/>
  <c r="A1881" i="2" l="1"/>
  <c r="C1880" i="2"/>
  <c r="D1880" i="2"/>
  <c r="A1882" i="2" l="1"/>
  <c r="C1881" i="2"/>
  <c r="D1881" i="2"/>
  <c r="A1883" i="2" l="1"/>
  <c r="C1882" i="2"/>
  <c r="D1882" i="2"/>
  <c r="A1884" i="2" l="1"/>
  <c r="C1883" i="2"/>
  <c r="D1883" i="2"/>
  <c r="A1885" i="2" l="1"/>
  <c r="C1884" i="2"/>
  <c r="D1884" i="2"/>
  <c r="A1886" i="2" l="1"/>
  <c r="C1885" i="2"/>
  <c r="D1885" i="2"/>
  <c r="A1887" i="2" l="1"/>
  <c r="C1886" i="2"/>
  <c r="D1886" i="2"/>
  <c r="A1888" i="2" l="1"/>
  <c r="C1887" i="2"/>
  <c r="D1887" i="2"/>
  <c r="A1889" i="2" l="1"/>
  <c r="C1888" i="2"/>
  <c r="D1888" i="2"/>
  <c r="A1890" i="2" l="1"/>
  <c r="C1889" i="2"/>
  <c r="D1889" i="2"/>
  <c r="A1891" i="2" l="1"/>
  <c r="C1890" i="2"/>
  <c r="D1890" i="2"/>
  <c r="A1892" i="2" l="1"/>
  <c r="C1891" i="2"/>
  <c r="D1891" i="2"/>
  <c r="A1893" i="2" l="1"/>
  <c r="C1892" i="2"/>
  <c r="D1892" i="2"/>
  <c r="A1894" i="2" l="1"/>
  <c r="C1893" i="2"/>
  <c r="D1893" i="2"/>
  <c r="A1895" i="2" l="1"/>
  <c r="C1894" i="2"/>
  <c r="D1894" i="2"/>
  <c r="A1896" i="2" l="1"/>
  <c r="C1895" i="2"/>
  <c r="D1895" i="2"/>
  <c r="A1897" i="2" l="1"/>
  <c r="C1896" i="2"/>
  <c r="D1896" i="2"/>
  <c r="A1898" i="2" l="1"/>
  <c r="C1897" i="2"/>
  <c r="D1897" i="2"/>
  <c r="A1899" i="2" l="1"/>
  <c r="C1898" i="2"/>
  <c r="D1898" i="2"/>
  <c r="A1900" i="2" l="1"/>
  <c r="C1899" i="2"/>
  <c r="D1899" i="2"/>
  <c r="A1901" i="2" l="1"/>
  <c r="C1900" i="2"/>
  <c r="D1900" i="2"/>
  <c r="A1902" i="2" l="1"/>
  <c r="C1901" i="2"/>
  <c r="D1901" i="2"/>
  <c r="A1903" i="2" l="1"/>
  <c r="C1902" i="2"/>
  <c r="D1902" i="2"/>
  <c r="A1904" i="2" l="1"/>
  <c r="C1903" i="2"/>
  <c r="D1903" i="2"/>
  <c r="A1905" i="2" l="1"/>
  <c r="C1904" i="2"/>
  <c r="D1904" i="2"/>
  <c r="A1906" i="2" l="1"/>
  <c r="C1905" i="2"/>
  <c r="D1905" i="2"/>
  <c r="A1907" i="2" l="1"/>
  <c r="C1906" i="2"/>
  <c r="D1906" i="2"/>
  <c r="A1908" i="2" l="1"/>
  <c r="C1907" i="2"/>
  <c r="D1907" i="2"/>
  <c r="A1909" i="2" l="1"/>
  <c r="C1908" i="2"/>
  <c r="D1908" i="2"/>
  <c r="A1910" i="2" l="1"/>
  <c r="C1909" i="2"/>
  <c r="D1909" i="2"/>
  <c r="A1911" i="2" l="1"/>
  <c r="C1910" i="2"/>
  <c r="D1910" i="2"/>
  <c r="A1912" i="2" l="1"/>
  <c r="C1911" i="2"/>
  <c r="D1911" i="2"/>
  <c r="A1913" i="2" l="1"/>
  <c r="C1912" i="2"/>
  <c r="D1912" i="2"/>
  <c r="A1914" i="2" l="1"/>
  <c r="C1913" i="2"/>
  <c r="D1913" i="2"/>
  <c r="A1915" i="2" l="1"/>
  <c r="C1914" i="2"/>
  <c r="D1914" i="2"/>
  <c r="A1916" i="2" l="1"/>
  <c r="C1915" i="2"/>
  <c r="D1915" i="2"/>
  <c r="A1917" i="2" l="1"/>
  <c r="C1916" i="2"/>
  <c r="D1916" i="2"/>
  <c r="A1918" i="2" l="1"/>
  <c r="C1917" i="2"/>
  <c r="D1917" i="2"/>
  <c r="A1919" i="2" l="1"/>
  <c r="C1918" i="2"/>
  <c r="D1918" i="2"/>
  <c r="A1920" i="2" l="1"/>
  <c r="C1919" i="2"/>
  <c r="D1919" i="2"/>
  <c r="A1921" i="2" l="1"/>
  <c r="C1920" i="2"/>
  <c r="D1920" i="2"/>
  <c r="A1922" i="2" l="1"/>
  <c r="C1921" i="2"/>
  <c r="D1921" i="2"/>
  <c r="A1923" i="2" l="1"/>
  <c r="C1922" i="2"/>
  <c r="D1922" i="2"/>
  <c r="A1924" i="2" l="1"/>
  <c r="C1923" i="2"/>
  <c r="D1923" i="2"/>
  <c r="A1925" i="2" l="1"/>
  <c r="C1924" i="2"/>
  <c r="D1924" i="2"/>
  <c r="A1926" i="2" l="1"/>
  <c r="C1925" i="2"/>
  <c r="D1925" i="2"/>
  <c r="A1927" i="2" l="1"/>
  <c r="C1926" i="2"/>
  <c r="D1926" i="2"/>
  <c r="A1928" i="2" l="1"/>
  <c r="C1927" i="2"/>
  <c r="D1927" i="2"/>
  <c r="A1929" i="2" l="1"/>
  <c r="C1928" i="2"/>
  <c r="D1928" i="2"/>
  <c r="A1930" i="2" l="1"/>
  <c r="C1929" i="2"/>
  <c r="D1929" i="2"/>
  <c r="A1931" i="2" l="1"/>
  <c r="C1930" i="2"/>
  <c r="D1930" i="2"/>
  <c r="A1932" i="2" l="1"/>
  <c r="C1931" i="2"/>
  <c r="D1931" i="2"/>
  <c r="A1933" i="2" l="1"/>
  <c r="C1932" i="2"/>
  <c r="D1932" i="2"/>
  <c r="A1934" i="2" l="1"/>
  <c r="C1933" i="2"/>
  <c r="D1933" i="2"/>
  <c r="A1935" i="2" l="1"/>
  <c r="C1934" i="2"/>
  <c r="D1934" i="2"/>
  <c r="A1936" i="2" l="1"/>
  <c r="C1935" i="2"/>
  <c r="D1935" i="2"/>
  <c r="A1937" i="2" l="1"/>
  <c r="C1936" i="2"/>
  <c r="D1936" i="2"/>
  <c r="A1938" i="2" l="1"/>
  <c r="C1937" i="2"/>
  <c r="D1937" i="2"/>
  <c r="A1939" i="2" l="1"/>
  <c r="C1938" i="2"/>
  <c r="D1938" i="2"/>
  <c r="A1940" i="2" l="1"/>
  <c r="C1939" i="2"/>
  <c r="D1939" i="2"/>
  <c r="A1941" i="2" l="1"/>
  <c r="C1940" i="2"/>
  <c r="D1940" i="2"/>
  <c r="A1942" i="2" l="1"/>
  <c r="C1941" i="2"/>
  <c r="D1941" i="2"/>
  <c r="A1943" i="2" l="1"/>
  <c r="C1942" i="2"/>
  <c r="D1942" i="2"/>
  <c r="A1944" i="2" l="1"/>
  <c r="C1943" i="2"/>
  <c r="D1943" i="2"/>
  <c r="A1945" i="2" l="1"/>
  <c r="C1944" i="2"/>
  <c r="D1944" i="2"/>
  <c r="A1946" i="2" l="1"/>
  <c r="C1945" i="2"/>
  <c r="D1945" i="2"/>
  <c r="A1947" i="2" l="1"/>
  <c r="C1946" i="2"/>
  <c r="D1946" i="2"/>
  <c r="A1948" i="2" l="1"/>
  <c r="C1947" i="2"/>
  <c r="D1947" i="2"/>
  <c r="A1949" i="2" l="1"/>
  <c r="C1948" i="2"/>
  <c r="D1948" i="2"/>
  <c r="A1950" i="2" l="1"/>
  <c r="C1949" i="2"/>
  <c r="D1949" i="2"/>
  <c r="A1951" i="2" l="1"/>
  <c r="C1950" i="2"/>
  <c r="D1950" i="2"/>
  <c r="A1952" i="2" l="1"/>
  <c r="C1951" i="2"/>
  <c r="D1951" i="2"/>
  <c r="A1953" i="2" l="1"/>
  <c r="C1952" i="2"/>
  <c r="D1952" i="2"/>
  <c r="A1954" i="2" l="1"/>
  <c r="C1953" i="2"/>
  <c r="D1953" i="2"/>
  <c r="A1955" i="2" l="1"/>
  <c r="C1954" i="2"/>
  <c r="D1954" i="2"/>
  <c r="A1956" i="2" l="1"/>
  <c r="C1955" i="2"/>
  <c r="D1955" i="2"/>
  <c r="A1957" i="2" l="1"/>
  <c r="C1956" i="2"/>
  <c r="D1956" i="2"/>
  <c r="A1958" i="2" l="1"/>
  <c r="C1957" i="2"/>
  <c r="D1957" i="2"/>
  <c r="A1959" i="2" l="1"/>
  <c r="C1958" i="2"/>
  <c r="D1958" i="2"/>
  <c r="A1960" i="2" l="1"/>
  <c r="C1959" i="2"/>
  <c r="D1959" i="2"/>
  <c r="A1961" i="2" l="1"/>
  <c r="C1960" i="2"/>
  <c r="D1960" i="2"/>
  <c r="A1962" i="2" l="1"/>
  <c r="C1961" i="2"/>
  <c r="D1961" i="2"/>
  <c r="A1963" i="2" l="1"/>
  <c r="C1962" i="2"/>
  <c r="D1962" i="2"/>
  <c r="A1964" i="2" l="1"/>
  <c r="C1963" i="2"/>
  <c r="D1963" i="2"/>
  <c r="A1965" i="2" l="1"/>
  <c r="C1964" i="2"/>
  <c r="D1964" i="2"/>
  <c r="A1966" i="2" l="1"/>
  <c r="C1965" i="2"/>
  <c r="D1965" i="2"/>
  <c r="A1967" i="2" l="1"/>
  <c r="C1966" i="2"/>
  <c r="D1966" i="2"/>
  <c r="A1968" i="2" l="1"/>
  <c r="C1967" i="2"/>
  <c r="D1967" i="2"/>
  <c r="A1969" i="2" l="1"/>
  <c r="C1968" i="2"/>
  <c r="D1968" i="2"/>
  <c r="A1970" i="2" l="1"/>
  <c r="C1969" i="2"/>
  <c r="D1969" i="2"/>
  <c r="A1971" i="2" l="1"/>
  <c r="C1970" i="2"/>
  <c r="D1970" i="2"/>
  <c r="A1972" i="2" l="1"/>
  <c r="C1971" i="2"/>
  <c r="D1971" i="2"/>
  <c r="A1973" i="2" l="1"/>
  <c r="C1972" i="2"/>
  <c r="D1972" i="2"/>
  <c r="A1974" i="2" l="1"/>
  <c r="C1973" i="2"/>
  <c r="D1973" i="2"/>
  <c r="A1975" i="2" l="1"/>
  <c r="C1974" i="2"/>
  <c r="D1974" i="2"/>
  <c r="A1976" i="2" l="1"/>
  <c r="C1975" i="2"/>
  <c r="D1975" i="2"/>
  <c r="A1977" i="2" l="1"/>
  <c r="C1976" i="2"/>
  <c r="D1976" i="2"/>
  <c r="A1978" i="2" l="1"/>
  <c r="C1977" i="2"/>
  <c r="D1977" i="2"/>
  <c r="A1979" i="2" l="1"/>
  <c r="C1978" i="2"/>
  <c r="D1978" i="2"/>
  <c r="A1980" i="2" l="1"/>
  <c r="C1979" i="2"/>
  <c r="D1979" i="2"/>
  <c r="A1981" i="2" l="1"/>
  <c r="C1980" i="2"/>
  <c r="D1980" i="2"/>
  <c r="A1982" i="2" l="1"/>
  <c r="C1981" i="2"/>
  <c r="D1981" i="2"/>
  <c r="A1983" i="2" l="1"/>
  <c r="C1982" i="2"/>
  <c r="D1982" i="2"/>
  <c r="A1984" i="2" l="1"/>
  <c r="C1983" i="2"/>
  <c r="D1983" i="2"/>
  <c r="A1985" i="2" l="1"/>
  <c r="C1984" i="2"/>
  <c r="D1984" i="2"/>
  <c r="A1986" i="2" l="1"/>
  <c r="C1985" i="2"/>
  <c r="D1985" i="2"/>
  <c r="A1987" i="2" l="1"/>
  <c r="C1986" i="2"/>
  <c r="D1986" i="2"/>
  <c r="A1988" i="2" l="1"/>
  <c r="C1987" i="2"/>
  <c r="D1987" i="2"/>
  <c r="A1989" i="2" l="1"/>
  <c r="C1988" i="2"/>
  <c r="D1988" i="2"/>
  <c r="A1990" i="2" l="1"/>
  <c r="C1989" i="2"/>
  <c r="D1989" i="2"/>
  <c r="A1991" i="2" l="1"/>
  <c r="C1990" i="2"/>
  <c r="D1990" i="2"/>
  <c r="A1992" i="2" l="1"/>
  <c r="C1991" i="2"/>
  <c r="D1991" i="2"/>
  <c r="A1993" i="2" l="1"/>
  <c r="C1992" i="2"/>
  <c r="D1992" i="2"/>
  <c r="A1994" i="2" l="1"/>
  <c r="C1993" i="2"/>
  <c r="D1993" i="2"/>
  <c r="A1995" i="2" l="1"/>
  <c r="C1994" i="2"/>
  <c r="D1994" i="2"/>
  <c r="A1996" i="2" l="1"/>
  <c r="C1995" i="2"/>
  <c r="D1995" i="2"/>
  <c r="A1997" i="2" l="1"/>
  <c r="C1996" i="2"/>
  <c r="D1996" i="2"/>
  <c r="A1998" i="2" l="1"/>
  <c r="C1997" i="2"/>
  <c r="D1997" i="2"/>
  <c r="A1999" i="2" l="1"/>
  <c r="C1998" i="2"/>
  <c r="D1998" i="2"/>
  <c r="A2000" i="2" l="1"/>
  <c r="C1999" i="2"/>
  <c r="D1999" i="2"/>
  <c r="A2001" i="2" l="1"/>
  <c r="C2000" i="2"/>
  <c r="D2000" i="2"/>
  <c r="A2002" i="2" l="1"/>
  <c r="C2001" i="2"/>
  <c r="D2001" i="2"/>
  <c r="A2003" i="2" l="1"/>
  <c r="C2002" i="2"/>
  <c r="D2002" i="2"/>
  <c r="A2004" i="2" l="1"/>
  <c r="C2003" i="2"/>
  <c r="D2003" i="2"/>
  <c r="A2005" i="2" l="1"/>
  <c r="C2004" i="2"/>
  <c r="D2004" i="2"/>
  <c r="A2006" i="2" l="1"/>
  <c r="C2005" i="2"/>
  <c r="D2005" i="2"/>
  <c r="A2007" i="2" l="1"/>
  <c r="C2006" i="2"/>
  <c r="D2006" i="2"/>
  <c r="A2008" i="2" l="1"/>
  <c r="C2007" i="2"/>
  <c r="D2007" i="2"/>
  <c r="A2009" i="2" l="1"/>
  <c r="C2008" i="2"/>
  <c r="D2008" i="2"/>
  <c r="A2010" i="2" l="1"/>
  <c r="C2009" i="2"/>
  <c r="D2009" i="2"/>
  <c r="A2011" i="2" l="1"/>
  <c r="C2010" i="2"/>
  <c r="D2010" i="2"/>
  <c r="A2012" i="2" l="1"/>
  <c r="C2011" i="2"/>
  <c r="D2011" i="2"/>
  <c r="A2013" i="2" l="1"/>
  <c r="C2012" i="2"/>
  <c r="D2012" i="2"/>
  <c r="A2014" i="2" l="1"/>
  <c r="C2013" i="2"/>
  <c r="D2013" i="2"/>
  <c r="A2015" i="2" l="1"/>
  <c r="C2014" i="2"/>
  <c r="D2014" i="2"/>
  <c r="A2016" i="2" l="1"/>
  <c r="C2015" i="2"/>
  <c r="D2015" i="2"/>
  <c r="A2017" i="2" l="1"/>
  <c r="C2016" i="2"/>
  <c r="D2016" i="2"/>
  <c r="A2018" i="2" l="1"/>
  <c r="C2017" i="2"/>
  <c r="D2017" i="2"/>
  <c r="A2019" i="2" l="1"/>
  <c r="C2018" i="2"/>
  <c r="D2018" i="2"/>
  <c r="A2020" i="2" l="1"/>
  <c r="C2019" i="2"/>
  <c r="D2019" i="2"/>
  <c r="A2021" i="2" l="1"/>
  <c r="C2020" i="2"/>
  <c r="D2020" i="2"/>
  <c r="A2022" i="2" l="1"/>
  <c r="C2021" i="2"/>
  <c r="D2021" i="2"/>
  <c r="A2023" i="2" l="1"/>
  <c r="C2022" i="2"/>
  <c r="D2022" i="2"/>
  <c r="A2024" i="2" l="1"/>
  <c r="C2023" i="2"/>
  <c r="D2023" i="2"/>
  <c r="A2025" i="2" l="1"/>
  <c r="C2024" i="2"/>
  <c r="D2024" i="2"/>
  <c r="A2026" i="2" l="1"/>
  <c r="C2025" i="2"/>
  <c r="D2025" i="2"/>
  <c r="A2027" i="2" l="1"/>
  <c r="C2026" i="2"/>
  <c r="D2026" i="2"/>
  <c r="A2028" i="2" l="1"/>
  <c r="C2027" i="2"/>
  <c r="D2027" i="2"/>
  <c r="A2029" i="2" l="1"/>
  <c r="C2028" i="2"/>
  <c r="D2028" i="2"/>
  <c r="A2030" i="2" l="1"/>
  <c r="C2029" i="2"/>
  <c r="D2029" i="2"/>
  <c r="A2031" i="2" l="1"/>
  <c r="C2030" i="2"/>
  <c r="D2030" i="2"/>
  <c r="A2032" i="2" l="1"/>
  <c r="C2031" i="2"/>
  <c r="D2031" i="2"/>
  <c r="A2033" i="2" l="1"/>
  <c r="C2032" i="2"/>
  <c r="D2032" i="2"/>
  <c r="A2034" i="2" l="1"/>
  <c r="C2033" i="2"/>
  <c r="D2033" i="2"/>
  <c r="A2035" i="2" l="1"/>
  <c r="C2034" i="2"/>
  <c r="D2034" i="2"/>
  <c r="A2036" i="2" l="1"/>
  <c r="C2035" i="2"/>
  <c r="D2035" i="2"/>
  <c r="A2037" i="2" l="1"/>
  <c r="C2036" i="2"/>
  <c r="D2036" i="2"/>
  <c r="A2038" i="2" l="1"/>
  <c r="C2037" i="2"/>
  <c r="D2037" i="2"/>
  <c r="A2039" i="2" l="1"/>
  <c r="C2038" i="2"/>
  <c r="D2038" i="2"/>
  <c r="A2040" i="2" l="1"/>
  <c r="C2039" i="2"/>
  <c r="D2039" i="2"/>
  <c r="A2041" i="2" l="1"/>
  <c r="C2040" i="2"/>
  <c r="D2040" i="2"/>
  <c r="A2042" i="2" l="1"/>
  <c r="C2041" i="2"/>
  <c r="D2041" i="2"/>
  <c r="A2043" i="2" l="1"/>
  <c r="C2042" i="2"/>
  <c r="D2042" i="2"/>
  <c r="A2044" i="2" l="1"/>
  <c r="C2043" i="2"/>
  <c r="D2043" i="2"/>
  <c r="A2045" i="2" l="1"/>
  <c r="C2044" i="2"/>
  <c r="D2044" i="2"/>
  <c r="A2046" i="2" l="1"/>
  <c r="C2045" i="2"/>
  <c r="D2045" i="2"/>
  <c r="A2047" i="2" l="1"/>
  <c r="C2046" i="2"/>
  <c r="D2046" i="2"/>
  <c r="A2048" i="2" l="1"/>
  <c r="C2047" i="2"/>
  <c r="D2047" i="2"/>
  <c r="A2049" i="2" l="1"/>
  <c r="C2048" i="2"/>
  <c r="D2048" i="2"/>
  <c r="A2050" i="2" l="1"/>
  <c r="C2049" i="2"/>
  <c r="D2049" i="2"/>
  <c r="A2051" i="2" l="1"/>
  <c r="C2050" i="2"/>
  <c r="D2050" i="2"/>
  <c r="A2052" i="2" l="1"/>
  <c r="C2051" i="2"/>
  <c r="D2051" i="2"/>
  <c r="A2053" i="2" l="1"/>
  <c r="C2052" i="2"/>
  <c r="D2052" i="2"/>
  <c r="A2054" i="2" l="1"/>
  <c r="C2053" i="2"/>
  <c r="D2053" i="2"/>
  <c r="A2055" i="2" l="1"/>
  <c r="C2054" i="2"/>
  <c r="D2054" i="2"/>
  <c r="A2056" i="2" l="1"/>
  <c r="C2055" i="2"/>
  <c r="D2055" i="2"/>
  <c r="A2057" i="2" l="1"/>
  <c r="C2056" i="2"/>
  <c r="D2056" i="2"/>
  <c r="A2058" i="2" l="1"/>
  <c r="C2057" i="2"/>
  <c r="D2057" i="2"/>
  <c r="A2059" i="2" l="1"/>
  <c r="C2058" i="2"/>
  <c r="D2058" i="2"/>
  <c r="A2060" i="2" l="1"/>
  <c r="C2059" i="2"/>
  <c r="D2059" i="2"/>
  <c r="A2061" i="2" l="1"/>
  <c r="C2060" i="2"/>
  <c r="D2060" i="2"/>
  <c r="A2062" i="2" l="1"/>
  <c r="C2061" i="2"/>
  <c r="D2061" i="2"/>
  <c r="A2063" i="2" l="1"/>
  <c r="C2062" i="2"/>
  <c r="D2062" i="2"/>
  <c r="A2064" i="2" l="1"/>
  <c r="C2063" i="2"/>
  <c r="D2063" i="2"/>
  <c r="A2065" i="2" l="1"/>
  <c r="C2064" i="2"/>
  <c r="D2064" i="2"/>
  <c r="A2066" i="2" l="1"/>
  <c r="C2065" i="2"/>
  <c r="D2065" i="2"/>
  <c r="A2067" i="2" l="1"/>
  <c r="C2066" i="2"/>
  <c r="D2066" i="2"/>
  <c r="A2068" i="2" l="1"/>
  <c r="C2067" i="2"/>
  <c r="D2067" i="2"/>
  <c r="A2069" i="2" l="1"/>
  <c r="C2068" i="2"/>
  <c r="D2068" i="2"/>
  <c r="A2070" i="2" l="1"/>
  <c r="C2069" i="2"/>
  <c r="D2069" i="2"/>
  <c r="A2071" i="2" l="1"/>
  <c r="C2070" i="2"/>
  <c r="D2070" i="2"/>
  <c r="A2072" i="2" l="1"/>
  <c r="C2071" i="2"/>
  <c r="D2071" i="2"/>
  <c r="A2073" i="2" l="1"/>
  <c r="C2072" i="2"/>
  <c r="D2072" i="2"/>
  <c r="A2074" i="2" l="1"/>
  <c r="C2073" i="2"/>
  <c r="D2073" i="2"/>
  <c r="A2075" i="2" l="1"/>
  <c r="C2074" i="2"/>
  <c r="D2074" i="2"/>
  <c r="A2076" i="2" l="1"/>
  <c r="C2075" i="2"/>
  <c r="D2075" i="2"/>
  <c r="A2077" i="2" l="1"/>
  <c r="C2076" i="2"/>
  <c r="D2076" i="2"/>
  <c r="A2078" i="2" l="1"/>
  <c r="C2077" i="2"/>
  <c r="D2077" i="2"/>
  <c r="A2079" i="2" l="1"/>
  <c r="C2078" i="2"/>
  <c r="D2078" i="2"/>
  <c r="A2080" i="2" l="1"/>
  <c r="C2079" i="2"/>
  <c r="D2079" i="2"/>
  <c r="A2081" i="2" l="1"/>
  <c r="C2080" i="2"/>
  <c r="D2080" i="2"/>
  <c r="A2082" i="2" l="1"/>
  <c r="C2081" i="2"/>
  <c r="D2081" i="2"/>
  <c r="A2083" i="2" l="1"/>
  <c r="C2082" i="2"/>
  <c r="D2082" i="2"/>
  <c r="A2084" i="2" l="1"/>
  <c r="C2083" i="2"/>
  <c r="D2083" i="2"/>
  <c r="A2085" i="2" l="1"/>
  <c r="C2084" i="2"/>
  <c r="D2084" i="2"/>
  <c r="A2086" i="2" l="1"/>
  <c r="C2085" i="2"/>
  <c r="D2085" i="2"/>
  <c r="A2087" i="2" l="1"/>
  <c r="C2086" i="2"/>
  <c r="D2086" i="2"/>
  <c r="A2088" i="2" l="1"/>
  <c r="C2087" i="2"/>
  <c r="D2087" i="2"/>
  <c r="A2089" i="2" l="1"/>
  <c r="C2088" i="2"/>
  <c r="D2088" i="2"/>
  <c r="A2090" i="2" l="1"/>
  <c r="C2089" i="2"/>
  <c r="D2089" i="2"/>
  <c r="A2091" i="2" l="1"/>
  <c r="C2090" i="2"/>
  <c r="D2090" i="2"/>
  <c r="A2092" i="2" l="1"/>
  <c r="C2091" i="2"/>
  <c r="D2091" i="2"/>
  <c r="A2093" i="2" l="1"/>
  <c r="C2092" i="2"/>
  <c r="D2092" i="2"/>
  <c r="A2094" i="2" l="1"/>
  <c r="C2093" i="2"/>
  <c r="D2093" i="2"/>
  <c r="A2095" i="2" l="1"/>
  <c r="C2094" i="2"/>
  <c r="D2094" i="2"/>
  <c r="A2096" i="2" l="1"/>
  <c r="C2095" i="2"/>
  <c r="D2095" i="2"/>
  <c r="A2097" i="2" l="1"/>
  <c r="C2096" i="2"/>
  <c r="D2096" i="2"/>
  <c r="A2098" i="2" l="1"/>
  <c r="C2097" i="2"/>
  <c r="D2097" i="2"/>
  <c r="A2099" i="2" l="1"/>
  <c r="C2098" i="2"/>
  <c r="D2098" i="2"/>
  <c r="A2100" i="2" l="1"/>
  <c r="C2099" i="2"/>
  <c r="D2099" i="2"/>
  <c r="A2101" i="2" l="1"/>
  <c r="C2100" i="2"/>
  <c r="D2100" i="2"/>
  <c r="A2102" i="2" l="1"/>
  <c r="C2101" i="2"/>
  <c r="D2101" i="2"/>
  <c r="A2103" i="2" l="1"/>
  <c r="C2102" i="2"/>
  <c r="D2102" i="2"/>
  <c r="A2104" i="2" l="1"/>
  <c r="C2103" i="2"/>
  <c r="D2103" i="2"/>
  <c r="A2105" i="2" l="1"/>
  <c r="C2104" i="2"/>
  <c r="D2104" i="2"/>
  <c r="A2106" i="2" l="1"/>
  <c r="C2105" i="2"/>
  <c r="D2105" i="2"/>
  <c r="A2107" i="2" l="1"/>
  <c r="C2106" i="2"/>
  <c r="D2106" i="2"/>
  <c r="A2108" i="2" l="1"/>
  <c r="C2107" i="2"/>
  <c r="D2107" i="2"/>
  <c r="A2109" i="2" l="1"/>
  <c r="C2108" i="2"/>
  <c r="D2108" i="2"/>
  <c r="A2110" i="2" l="1"/>
  <c r="C2109" i="2"/>
  <c r="D2109" i="2"/>
  <c r="A2111" i="2" l="1"/>
  <c r="C2110" i="2"/>
  <c r="D2110" i="2"/>
  <c r="A2112" i="2" l="1"/>
  <c r="C2111" i="2"/>
  <c r="D2111" i="2"/>
  <c r="A2113" i="2" l="1"/>
  <c r="C2112" i="2"/>
  <c r="D2112" i="2"/>
  <c r="A2114" i="2" l="1"/>
  <c r="C2113" i="2"/>
  <c r="D2113" i="2"/>
  <c r="A2115" i="2" l="1"/>
  <c r="C2114" i="2"/>
  <c r="D2114" i="2"/>
  <c r="A2116" i="2" l="1"/>
  <c r="C2115" i="2"/>
  <c r="D2115" i="2"/>
  <c r="A2117" i="2" l="1"/>
  <c r="C2116" i="2"/>
  <c r="D2116" i="2"/>
  <c r="A2118" i="2" l="1"/>
  <c r="C2117" i="2"/>
  <c r="D2117" i="2"/>
  <c r="A2119" i="2" l="1"/>
  <c r="C2118" i="2"/>
  <c r="D2118" i="2"/>
  <c r="A2120" i="2" l="1"/>
  <c r="C2119" i="2"/>
  <c r="D2119" i="2"/>
  <c r="A2121" i="2" l="1"/>
  <c r="C2120" i="2"/>
  <c r="D2120" i="2"/>
  <c r="A2122" i="2" l="1"/>
  <c r="C2121" i="2"/>
  <c r="D2121" i="2"/>
  <c r="A2123" i="2" l="1"/>
  <c r="C2122" i="2"/>
  <c r="D2122" i="2"/>
  <c r="A2124" i="2" l="1"/>
  <c r="C2123" i="2"/>
  <c r="D2123" i="2"/>
  <c r="A2125" i="2" l="1"/>
  <c r="C2124" i="2"/>
  <c r="D2124" i="2"/>
  <c r="A2126" i="2" l="1"/>
  <c r="C2125" i="2"/>
  <c r="D2125" i="2"/>
  <c r="A2127" i="2" l="1"/>
  <c r="C2126" i="2"/>
  <c r="D2126" i="2"/>
  <c r="A2128" i="2" l="1"/>
  <c r="C2127" i="2"/>
  <c r="D2127" i="2"/>
  <c r="A2129" i="2" l="1"/>
  <c r="C2128" i="2"/>
  <c r="D2128" i="2"/>
  <c r="A2130" i="2" l="1"/>
  <c r="C2129" i="2"/>
  <c r="D2129" i="2"/>
  <c r="A2131" i="2" l="1"/>
  <c r="C2130" i="2"/>
  <c r="D2130" i="2"/>
  <c r="A2132" i="2" l="1"/>
  <c r="C2131" i="2"/>
  <c r="D2131" i="2"/>
  <c r="A2133" i="2" l="1"/>
  <c r="C2132" i="2"/>
  <c r="D2132" i="2"/>
  <c r="A2134" i="2" l="1"/>
  <c r="C2133" i="2"/>
  <c r="D2133" i="2"/>
  <c r="A2135" i="2" l="1"/>
  <c r="C2134" i="2"/>
  <c r="D2134" i="2"/>
  <c r="A2136" i="2" l="1"/>
  <c r="C2135" i="2"/>
  <c r="D2135" i="2"/>
  <c r="A2137" i="2" l="1"/>
  <c r="C2136" i="2"/>
  <c r="D2136" i="2"/>
  <c r="A2138" i="2" l="1"/>
  <c r="C2137" i="2"/>
  <c r="D2137" i="2"/>
  <c r="A2139" i="2" l="1"/>
  <c r="C2138" i="2"/>
  <c r="D2138" i="2"/>
  <c r="A2140" i="2" l="1"/>
  <c r="C2139" i="2"/>
  <c r="D2139" i="2"/>
  <c r="A2141" i="2" l="1"/>
  <c r="C2140" i="2"/>
  <c r="D2140" i="2"/>
  <c r="A2142" i="2" l="1"/>
  <c r="C2141" i="2"/>
  <c r="D2141" i="2"/>
  <c r="A2143" i="2" l="1"/>
  <c r="C2142" i="2"/>
  <c r="D2142" i="2"/>
  <c r="A2144" i="2" l="1"/>
  <c r="C2143" i="2"/>
  <c r="D2143" i="2"/>
  <c r="A2145" i="2" l="1"/>
  <c r="C2144" i="2"/>
  <c r="D2144" i="2"/>
  <c r="A2146" i="2" l="1"/>
  <c r="C2145" i="2"/>
  <c r="D2145" i="2"/>
  <c r="A2147" i="2" l="1"/>
  <c r="C2146" i="2"/>
  <c r="D2146" i="2"/>
  <c r="A2148" i="2" l="1"/>
  <c r="C2147" i="2"/>
  <c r="D2147" i="2"/>
  <c r="A2149" i="2" l="1"/>
  <c r="C2148" i="2"/>
  <c r="D2148" i="2"/>
  <c r="A2150" i="2" l="1"/>
  <c r="C2149" i="2"/>
  <c r="D2149" i="2"/>
  <c r="A2151" i="2" l="1"/>
  <c r="C2150" i="2"/>
  <c r="D2150" i="2"/>
  <c r="A2152" i="2" l="1"/>
  <c r="C2151" i="2"/>
  <c r="D2151" i="2"/>
  <c r="A2153" i="2" l="1"/>
  <c r="C2152" i="2"/>
  <c r="D2152" i="2"/>
  <c r="A2154" i="2" l="1"/>
  <c r="C2153" i="2"/>
  <c r="D2153" i="2"/>
  <c r="A2155" i="2" l="1"/>
  <c r="C2154" i="2"/>
  <c r="D2154" i="2"/>
  <c r="A2156" i="2" l="1"/>
  <c r="C2155" i="2"/>
  <c r="D2155" i="2"/>
  <c r="A2157" i="2" l="1"/>
  <c r="C2156" i="2"/>
  <c r="D2156" i="2"/>
  <c r="A2158" i="2" l="1"/>
  <c r="C2157" i="2"/>
  <c r="D2157" i="2"/>
  <c r="A2159" i="2" l="1"/>
  <c r="C2158" i="2"/>
  <c r="D2158" i="2"/>
  <c r="A2160" i="2" l="1"/>
  <c r="C2159" i="2"/>
  <c r="D2159" i="2"/>
  <c r="A2161" i="2" l="1"/>
  <c r="C2160" i="2"/>
  <c r="D2160" i="2"/>
  <c r="A2162" i="2" l="1"/>
  <c r="C2161" i="2"/>
  <c r="D2161" i="2"/>
  <c r="A2163" i="2" l="1"/>
  <c r="C2162" i="2"/>
  <c r="D2162" i="2"/>
  <c r="A2164" i="2" l="1"/>
  <c r="C2163" i="2"/>
  <c r="D2163" i="2"/>
  <c r="A2165" i="2" l="1"/>
  <c r="C2164" i="2"/>
  <c r="D2164" i="2"/>
  <c r="A2166" i="2" l="1"/>
  <c r="C2165" i="2"/>
  <c r="D2165" i="2"/>
  <c r="A2167" i="2" l="1"/>
  <c r="C2166" i="2"/>
  <c r="D2166" i="2"/>
  <c r="A2168" i="2" l="1"/>
  <c r="C2167" i="2"/>
  <c r="D2167" i="2"/>
  <c r="A2169" i="2" l="1"/>
  <c r="C2168" i="2"/>
  <c r="D2168" i="2"/>
  <c r="A2170" i="2" l="1"/>
  <c r="C2169" i="2"/>
  <c r="D2169" i="2"/>
  <c r="A2171" i="2" l="1"/>
  <c r="C2170" i="2"/>
  <c r="D2170" i="2"/>
  <c r="A2172" i="2" l="1"/>
  <c r="C2171" i="2"/>
  <c r="D2171" i="2"/>
  <c r="A2173" i="2" l="1"/>
  <c r="C2172" i="2"/>
  <c r="D2172" i="2"/>
  <c r="A2174" i="2" l="1"/>
  <c r="C2173" i="2"/>
  <c r="D2173" i="2"/>
  <c r="A2175" i="2" l="1"/>
  <c r="C2174" i="2"/>
  <c r="D2174" i="2"/>
  <c r="A2176" i="2" l="1"/>
  <c r="C2175" i="2"/>
  <c r="D2175" i="2"/>
  <c r="A2177" i="2" l="1"/>
  <c r="C2176" i="2"/>
  <c r="D2176" i="2"/>
  <c r="A2178" i="2" l="1"/>
  <c r="C2177" i="2"/>
  <c r="D2177" i="2"/>
  <c r="A2179" i="2" l="1"/>
  <c r="C2178" i="2"/>
  <c r="D2178" i="2"/>
  <c r="A2180" i="2" l="1"/>
  <c r="C2179" i="2"/>
  <c r="D2179" i="2"/>
  <c r="A2181" i="2" l="1"/>
  <c r="C2180" i="2"/>
  <c r="D2180" i="2"/>
  <c r="A2182" i="2" l="1"/>
  <c r="C2181" i="2"/>
  <c r="D2181" i="2"/>
  <c r="A2183" i="2" l="1"/>
  <c r="C2182" i="2"/>
  <c r="D2182" i="2"/>
  <c r="A2184" i="2" l="1"/>
  <c r="C2183" i="2"/>
  <c r="D2183" i="2"/>
  <c r="A2185" i="2" l="1"/>
  <c r="C2184" i="2"/>
  <c r="D2184" i="2"/>
  <c r="A2186" i="2" l="1"/>
  <c r="C2185" i="2"/>
  <c r="D2185" i="2"/>
  <c r="A2187" i="2" l="1"/>
  <c r="C2186" i="2"/>
  <c r="D2186" i="2"/>
  <c r="A2188" i="2" l="1"/>
  <c r="C2187" i="2"/>
  <c r="D2187" i="2"/>
  <c r="A2189" i="2" l="1"/>
  <c r="C2188" i="2"/>
  <c r="D2188" i="2"/>
  <c r="A2190" i="2" l="1"/>
  <c r="C2189" i="2"/>
  <c r="D2189" i="2"/>
  <c r="A2191" i="2" l="1"/>
  <c r="C2190" i="2"/>
  <c r="D2190" i="2"/>
  <c r="A2192" i="2" l="1"/>
  <c r="C2191" i="2"/>
  <c r="D2191" i="2"/>
  <c r="A2193" i="2" l="1"/>
  <c r="C2192" i="2"/>
  <c r="D2192" i="2"/>
  <c r="A2194" i="2" l="1"/>
  <c r="C2193" i="2"/>
  <c r="D2193" i="2"/>
  <c r="A2195" i="2" l="1"/>
  <c r="C2194" i="2"/>
  <c r="D2194" i="2"/>
  <c r="A2196" i="2" l="1"/>
  <c r="C2195" i="2"/>
  <c r="D2195" i="2"/>
  <c r="A2197" i="2" l="1"/>
  <c r="C2196" i="2"/>
  <c r="D2196" i="2"/>
  <c r="A2198" i="2" l="1"/>
  <c r="C2197" i="2"/>
  <c r="D2197" i="2"/>
  <c r="A2199" i="2" l="1"/>
  <c r="C2198" i="2"/>
  <c r="D2198" i="2"/>
  <c r="A2200" i="2" l="1"/>
  <c r="C2199" i="2"/>
  <c r="D2199" i="2"/>
  <c r="A2201" i="2" l="1"/>
  <c r="C2200" i="2"/>
  <c r="D2200" i="2"/>
  <c r="A2202" i="2" l="1"/>
  <c r="C2201" i="2"/>
  <c r="D2201" i="2"/>
  <c r="A2203" i="2" l="1"/>
  <c r="C2202" i="2"/>
  <c r="D2202" i="2"/>
  <c r="A2204" i="2" l="1"/>
  <c r="C2203" i="2"/>
  <c r="D2203" i="2"/>
  <c r="A2205" i="2" l="1"/>
  <c r="C2204" i="2"/>
  <c r="D2204" i="2"/>
  <c r="A2206" i="2" l="1"/>
  <c r="C2205" i="2"/>
  <c r="D2205" i="2"/>
  <c r="A2207" i="2" l="1"/>
  <c r="C2206" i="2"/>
  <c r="D2206" i="2"/>
  <c r="A2208" i="2" l="1"/>
  <c r="C2207" i="2"/>
  <c r="D2207" i="2"/>
  <c r="A2209" i="2" l="1"/>
  <c r="C2208" i="2"/>
  <c r="D2208" i="2"/>
  <c r="A2210" i="2" l="1"/>
  <c r="C2209" i="2"/>
  <c r="D2209" i="2"/>
  <c r="A2211" i="2" l="1"/>
  <c r="C2210" i="2"/>
  <c r="D2210" i="2"/>
  <c r="A2212" i="2" l="1"/>
  <c r="C2211" i="2"/>
  <c r="D2211" i="2"/>
  <c r="A2213" i="2" l="1"/>
  <c r="C2212" i="2"/>
  <c r="D2212" i="2"/>
  <c r="A2214" i="2" l="1"/>
  <c r="C2213" i="2"/>
  <c r="D2213" i="2"/>
  <c r="A2215" i="2" l="1"/>
  <c r="C2214" i="2"/>
  <c r="D2214" i="2"/>
  <c r="A2216" i="2" l="1"/>
  <c r="C2215" i="2"/>
  <c r="D2215" i="2"/>
  <c r="A2217" i="2" l="1"/>
  <c r="C2216" i="2"/>
  <c r="D2216" i="2"/>
  <c r="A2218" i="2" l="1"/>
  <c r="C2217" i="2"/>
  <c r="D2217" i="2"/>
  <c r="A2219" i="2" l="1"/>
  <c r="C2218" i="2"/>
  <c r="D2218" i="2"/>
  <c r="A2220" i="2" l="1"/>
  <c r="C2219" i="2"/>
  <c r="D2219" i="2"/>
  <c r="A2221" i="2" l="1"/>
  <c r="C2220" i="2"/>
  <c r="D2220" i="2"/>
  <c r="A2222" i="2" l="1"/>
  <c r="C2221" i="2"/>
  <c r="D2221" i="2"/>
  <c r="A2223" i="2" l="1"/>
  <c r="C2222" i="2"/>
  <c r="D2222" i="2"/>
  <c r="A2224" i="2" l="1"/>
  <c r="C2223" i="2"/>
  <c r="D2223" i="2"/>
  <c r="A2225" i="2" l="1"/>
  <c r="C2224" i="2"/>
  <c r="D2224" i="2"/>
  <c r="A2226" i="2" l="1"/>
  <c r="C2225" i="2"/>
  <c r="D2225" i="2"/>
  <c r="A2227" i="2" l="1"/>
  <c r="C2226" i="2"/>
  <c r="D2226" i="2"/>
  <c r="A2228" i="2" l="1"/>
  <c r="C2227" i="2"/>
  <c r="D2227" i="2"/>
  <c r="A2229" i="2" l="1"/>
  <c r="C2228" i="2"/>
  <c r="D2228" i="2"/>
  <c r="A2230" i="2" l="1"/>
  <c r="C2229" i="2"/>
  <c r="D2229" i="2"/>
  <c r="A2231" i="2" l="1"/>
  <c r="C2230" i="2"/>
  <c r="D2230" i="2"/>
  <c r="A2232" i="2" l="1"/>
  <c r="C2231" i="2"/>
  <c r="D2231" i="2"/>
  <c r="A2233" i="2" l="1"/>
  <c r="C2232" i="2"/>
  <c r="D2232" i="2"/>
  <c r="A2234" i="2" l="1"/>
  <c r="C2233" i="2"/>
  <c r="D2233" i="2"/>
  <c r="A2235" i="2" l="1"/>
  <c r="C2234" i="2"/>
  <c r="D2234" i="2"/>
  <c r="A2236" i="2" l="1"/>
  <c r="C2235" i="2"/>
  <c r="D2235" i="2"/>
  <c r="A2237" i="2" l="1"/>
  <c r="C2236" i="2"/>
  <c r="D2236" i="2"/>
  <c r="A2238" i="2" l="1"/>
  <c r="C2237" i="2"/>
  <c r="D2237" i="2"/>
  <c r="A2239" i="2" l="1"/>
  <c r="C2238" i="2"/>
  <c r="D2238" i="2"/>
  <c r="A2240" i="2" l="1"/>
  <c r="C2239" i="2"/>
  <c r="D2239" i="2"/>
  <c r="A2241" i="2" l="1"/>
  <c r="C2240" i="2"/>
  <c r="D2240" i="2"/>
  <c r="A2242" i="2" l="1"/>
  <c r="C2241" i="2"/>
  <c r="D2241" i="2"/>
  <c r="A2243" i="2" l="1"/>
  <c r="C2242" i="2"/>
  <c r="D2242" i="2"/>
  <c r="A2244" i="2" l="1"/>
  <c r="C2243" i="2"/>
  <c r="D2243" i="2"/>
  <c r="A2245" i="2" l="1"/>
  <c r="C2244" i="2"/>
  <c r="D2244" i="2"/>
  <c r="A2246" i="2" l="1"/>
  <c r="C2245" i="2"/>
  <c r="D2245" i="2"/>
  <c r="A2247" i="2" l="1"/>
  <c r="C2246" i="2"/>
  <c r="D2246" i="2"/>
  <c r="A2248" i="2" l="1"/>
  <c r="C2247" i="2"/>
  <c r="D2247" i="2"/>
  <c r="A2249" i="2" l="1"/>
  <c r="C2248" i="2"/>
  <c r="D2248" i="2"/>
  <c r="A2250" i="2" l="1"/>
  <c r="C2249" i="2"/>
  <c r="D2249" i="2"/>
  <c r="A2251" i="2" l="1"/>
  <c r="C2250" i="2"/>
  <c r="D2250" i="2"/>
  <c r="A2252" i="2" l="1"/>
  <c r="C2251" i="2"/>
  <c r="D2251" i="2"/>
  <c r="A2253" i="2" l="1"/>
  <c r="C2252" i="2"/>
  <c r="D2252" i="2"/>
  <c r="A2254" i="2" l="1"/>
  <c r="C2253" i="2"/>
  <c r="D2253" i="2"/>
  <c r="A2255" i="2" l="1"/>
  <c r="C2254" i="2"/>
  <c r="D2254" i="2"/>
  <c r="A2256" i="2" l="1"/>
  <c r="C2255" i="2"/>
  <c r="D2255" i="2"/>
  <c r="A2257" i="2" l="1"/>
  <c r="C2256" i="2"/>
  <c r="D2256" i="2"/>
  <c r="A2258" i="2" l="1"/>
  <c r="C2257" i="2"/>
  <c r="D2257" i="2"/>
  <c r="A2259" i="2" l="1"/>
  <c r="C2258" i="2"/>
  <c r="D2258" i="2"/>
  <c r="A2260" i="2" l="1"/>
  <c r="C2259" i="2"/>
  <c r="D2259" i="2"/>
  <c r="A2261" i="2" l="1"/>
  <c r="C2260" i="2"/>
  <c r="D2260" i="2"/>
  <c r="A2262" i="2" l="1"/>
  <c r="C2261" i="2"/>
  <c r="D2261" i="2"/>
  <c r="A2263" i="2" l="1"/>
  <c r="C2262" i="2"/>
  <c r="D2262" i="2"/>
  <c r="A2264" i="2" l="1"/>
  <c r="C2263" i="2"/>
  <c r="D2263" i="2"/>
  <c r="A2265" i="2" l="1"/>
  <c r="C2264" i="2"/>
  <c r="D2264" i="2"/>
  <c r="A2266" i="2" l="1"/>
  <c r="C2265" i="2"/>
  <c r="D2265" i="2"/>
  <c r="A2267" i="2" l="1"/>
  <c r="C2266" i="2"/>
  <c r="D2266" i="2"/>
  <c r="A2268" i="2" l="1"/>
  <c r="C2267" i="2"/>
  <c r="D2267" i="2"/>
  <c r="A2269" i="2" l="1"/>
  <c r="C2268" i="2"/>
  <c r="D2268" i="2"/>
  <c r="A2270" i="2" l="1"/>
  <c r="C2269" i="2"/>
  <c r="D2269" i="2"/>
  <c r="A2271" i="2" l="1"/>
  <c r="C2270" i="2"/>
  <c r="D2270" i="2"/>
  <c r="A2272" i="2" l="1"/>
  <c r="C2271" i="2"/>
  <c r="D2271" i="2"/>
  <c r="A2273" i="2" l="1"/>
  <c r="C2272" i="2"/>
  <c r="D2272" i="2"/>
  <c r="A2274" i="2" l="1"/>
  <c r="C2273" i="2"/>
  <c r="D2273" i="2"/>
  <c r="A2275" i="2" l="1"/>
  <c r="C2274" i="2"/>
  <c r="D2274" i="2"/>
  <c r="A2276" i="2" l="1"/>
  <c r="C2275" i="2"/>
  <c r="D2275" i="2"/>
  <c r="A2277" i="2" l="1"/>
  <c r="C2276" i="2"/>
  <c r="D2276" i="2"/>
  <c r="A2278" i="2" l="1"/>
  <c r="C2277" i="2"/>
  <c r="D2277" i="2"/>
  <c r="A2279" i="2" l="1"/>
  <c r="C2278" i="2"/>
  <c r="D2278" i="2"/>
  <c r="A2280" i="2" l="1"/>
  <c r="C2279" i="2"/>
  <c r="D2279" i="2"/>
  <c r="A2281" i="2" l="1"/>
  <c r="C2280" i="2"/>
  <c r="D2280" i="2"/>
  <c r="A2282" i="2" l="1"/>
  <c r="C2281" i="2"/>
  <c r="D2281" i="2"/>
  <c r="A2283" i="2" l="1"/>
  <c r="C2282" i="2"/>
  <c r="D2282" i="2"/>
  <c r="A2284" i="2" l="1"/>
  <c r="C2283" i="2"/>
  <c r="D2283" i="2"/>
  <c r="A2285" i="2" l="1"/>
  <c r="C2284" i="2"/>
  <c r="D2284" i="2"/>
  <c r="A2286" i="2" l="1"/>
  <c r="C2285" i="2"/>
  <c r="D2285" i="2"/>
  <c r="A2287" i="2" l="1"/>
  <c r="C2286" i="2"/>
  <c r="D2286" i="2"/>
  <c r="A2288" i="2" l="1"/>
  <c r="C2287" i="2"/>
  <c r="D2287" i="2"/>
  <c r="A2289" i="2" l="1"/>
  <c r="C2288" i="2"/>
  <c r="D2288" i="2"/>
  <c r="A2290" i="2" l="1"/>
  <c r="C2289" i="2"/>
  <c r="D2289" i="2"/>
  <c r="A2291" i="2" l="1"/>
  <c r="C2290" i="2"/>
  <c r="D2290" i="2"/>
  <c r="A2292" i="2" l="1"/>
  <c r="C2291" i="2"/>
  <c r="D2291" i="2"/>
  <c r="A2293" i="2" l="1"/>
  <c r="C2292" i="2"/>
  <c r="D2292" i="2"/>
  <c r="A2294" i="2" l="1"/>
  <c r="C2293" i="2"/>
  <c r="D2293" i="2"/>
  <c r="A2295" i="2" l="1"/>
  <c r="C2294" i="2"/>
  <c r="D2294" i="2"/>
  <c r="A2296" i="2" l="1"/>
  <c r="C2295" i="2"/>
  <c r="D2295" i="2"/>
  <c r="A2297" i="2" l="1"/>
  <c r="C2296" i="2"/>
  <c r="D2296" i="2"/>
  <c r="A2298" i="2" l="1"/>
  <c r="C2297" i="2"/>
  <c r="D2297" i="2"/>
  <c r="A2299" i="2" l="1"/>
  <c r="C2298" i="2"/>
  <c r="D2298" i="2"/>
  <c r="A2300" i="2" l="1"/>
  <c r="C2299" i="2"/>
  <c r="D2299" i="2"/>
  <c r="A2301" i="2" l="1"/>
  <c r="C2300" i="2"/>
  <c r="D2300" i="2"/>
  <c r="A2302" i="2" l="1"/>
  <c r="C2301" i="2"/>
  <c r="D2301" i="2"/>
  <c r="A2303" i="2" l="1"/>
  <c r="C2302" i="2"/>
  <c r="D2302" i="2"/>
  <c r="A2304" i="2" l="1"/>
  <c r="C2303" i="2"/>
  <c r="D2303" i="2"/>
  <c r="A2305" i="2" l="1"/>
  <c r="C2304" i="2"/>
  <c r="D2304" i="2"/>
  <c r="A2306" i="2" l="1"/>
  <c r="C2305" i="2"/>
  <c r="D2305" i="2"/>
  <c r="A2307" i="2" l="1"/>
  <c r="C2306" i="2"/>
  <c r="D2306" i="2"/>
  <c r="A2308" i="2" l="1"/>
  <c r="C2307" i="2"/>
  <c r="D2307" i="2"/>
  <c r="A2309" i="2" l="1"/>
  <c r="C2308" i="2"/>
  <c r="D2308" i="2"/>
  <c r="A2310" i="2" l="1"/>
  <c r="C2309" i="2"/>
  <c r="D2309" i="2"/>
  <c r="A2311" i="2" l="1"/>
  <c r="C2310" i="2"/>
  <c r="D2310" i="2"/>
  <c r="A2312" i="2" l="1"/>
  <c r="C2311" i="2"/>
  <c r="D2311" i="2"/>
  <c r="A2313" i="2" l="1"/>
  <c r="C2312" i="2"/>
  <c r="D2312" i="2"/>
  <c r="A2314" i="2" l="1"/>
  <c r="C2313" i="2"/>
  <c r="D2313" i="2"/>
  <c r="A2315" i="2" l="1"/>
  <c r="C2314" i="2"/>
  <c r="D2314" i="2"/>
  <c r="A2316" i="2" l="1"/>
  <c r="C2315" i="2"/>
  <c r="D2315" i="2"/>
  <c r="A2317" i="2" l="1"/>
  <c r="C2316" i="2"/>
  <c r="D2316" i="2"/>
  <c r="A2318" i="2" l="1"/>
  <c r="C2317" i="2"/>
  <c r="D2317" i="2"/>
  <c r="A2319" i="2" l="1"/>
  <c r="C2318" i="2"/>
  <c r="D2318" i="2"/>
  <c r="A2320" i="2" l="1"/>
  <c r="C2319" i="2"/>
  <c r="D2319" i="2"/>
  <c r="A2321" i="2" l="1"/>
  <c r="C2320" i="2"/>
  <c r="D2320" i="2"/>
  <c r="A2322" i="2" l="1"/>
  <c r="C2321" i="2"/>
  <c r="D2321" i="2"/>
  <c r="A2323" i="2" l="1"/>
  <c r="C2322" i="2"/>
  <c r="D2322" i="2"/>
  <c r="A2324" i="2" l="1"/>
  <c r="C2323" i="2"/>
  <c r="D2323" i="2"/>
  <c r="A2325" i="2" l="1"/>
  <c r="C2324" i="2"/>
  <c r="D2324" i="2"/>
  <c r="A2326" i="2" l="1"/>
  <c r="C2325" i="2"/>
  <c r="D2325" i="2"/>
  <c r="A2327" i="2" l="1"/>
  <c r="C2326" i="2"/>
  <c r="D2326" i="2"/>
  <c r="A2328" i="2" l="1"/>
  <c r="C2327" i="2"/>
  <c r="D2327" i="2"/>
  <c r="A2329" i="2" l="1"/>
  <c r="C2328" i="2"/>
  <c r="D2328" i="2"/>
  <c r="A2330" i="2" l="1"/>
  <c r="C2329" i="2"/>
  <c r="D2329" i="2"/>
  <c r="A2331" i="2" l="1"/>
  <c r="C2330" i="2"/>
  <c r="D2330" i="2"/>
  <c r="A2332" i="2" l="1"/>
  <c r="C2331" i="2"/>
  <c r="D2331" i="2"/>
  <c r="A2333" i="2" l="1"/>
  <c r="C2332" i="2"/>
  <c r="D2332" i="2"/>
  <c r="A2334" i="2" l="1"/>
  <c r="C2333" i="2"/>
  <c r="D2333" i="2"/>
  <c r="A2335" i="2" l="1"/>
  <c r="C2334" i="2"/>
  <c r="D2334" i="2"/>
  <c r="A2336" i="2" l="1"/>
  <c r="C2335" i="2"/>
  <c r="D2335" i="2"/>
  <c r="A2337" i="2" l="1"/>
  <c r="C2336" i="2"/>
  <c r="D2336" i="2"/>
  <c r="A2338" i="2" l="1"/>
  <c r="C2337" i="2"/>
  <c r="D2337" i="2"/>
  <c r="A2339" i="2" l="1"/>
  <c r="C2338" i="2"/>
  <c r="D2338" i="2"/>
  <c r="A2340" i="2" l="1"/>
  <c r="C2339" i="2"/>
  <c r="D2339" i="2"/>
  <c r="A2341" i="2" l="1"/>
  <c r="C2340" i="2"/>
  <c r="D2340" i="2"/>
  <c r="A2342" i="2" l="1"/>
  <c r="C2341" i="2"/>
  <c r="D2341" i="2"/>
  <c r="A2343" i="2" l="1"/>
  <c r="C2342" i="2"/>
  <c r="D2342" i="2"/>
  <c r="A2344" i="2" l="1"/>
  <c r="C2343" i="2"/>
  <c r="D2343" i="2"/>
  <c r="A2345" i="2" l="1"/>
  <c r="C2344" i="2"/>
  <c r="D2344" i="2"/>
  <c r="A2346" i="2" l="1"/>
  <c r="C2345" i="2"/>
  <c r="D2345" i="2"/>
  <c r="A2347" i="2" l="1"/>
  <c r="C2346" i="2"/>
  <c r="D2346" i="2"/>
  <c r="A2348" i="2" l="1"/>
  <c r="C2347" i="2"/>
  <c r="D2347" i="2"/>
  <c r="A2349" i="2" l="1"/>
  <c r="C2348" i="2"/>
  <c r="D2348" i="2"/>
  <c r="A2350" i="2" l="1"/>
  <c r="C2349" i="2"/>
  <c r="D2349" i="2"/>
  <c r="A2351" i="2" l="1"/>
  <c r="C2350" i="2"/>
  <c r="D2350" i="2"/>
  <c r="A2352" i="2" l="1"/>
  <c r="C2351" i="2"/>
  <c r="D2351" i="2"/>
  <c r="A2353" i="2" l="1"/>
  <c r="C2352" i="2"/>
  <c r="D2352" i="2"/>
  <c r="A2354" i="2" l="1"/>
  <c r="C2353" i="2"/>
  <c r="D2353" i="2"/>
  <c r="A2355" i="2" l="1"/>
  <c r="C2354" i="2"/>
  <c r="D2354" i="2"/>
  <c r="A2356" i="2" l="1"/>
  <c r="C2355" i="2"/>
  <c r="D2355" i="2"/>
  <c r="A2357" i="2" l="1"/>
  <c r="C2356" i="2"/>
  <c r="D2356" i="2"/>
  <c r="A2358" i="2" l="1"/>
  <c r="C2357" i="2"/>
  <c r="D2357" i="2"/>
  <c r="A2359" i="2" l="1"/>
  <c r="C2358" i="2"/>
  <c r="D2358" i="2"/>
  <c r="A2360" i="2" l="1"/>
  <c r="C2359" i="2"/>
  <c r="D2359" i="2"/>
  <c r="A2361" i="2" l="1"/>
  <c r="C2360" i="2"/>
  <c r="D2360" i="2"/>
  <c r="A2362" i="2" l="1"/>
  <c r="C2361" i="2"/>
  <c r="D2361" i="2"/>
  <c r="A2363" i="2" l="1"/>
  <c r="C2362" i="2"/>
  <c r="D2362" i="2"/>
  <c r="A2364" i="2" l="1"/>
  <c r="C2363" i="2"/>
  <c r="D2363" i="2"/>
  <c r="A2365" i="2" l="1"/>
  <c r="C2364" i="2"/>
  <c r="D2364" i="2"/>
  <c r="A2366" i="2" l="1"/>
  <c r="C2365" i="2"/>
  <c r="D2365" i="2"/>
  <c r="A2367" i="2" l="1"/>
  <c r="C2366" i="2"/>
  <c r="D2366" i="2"/>
  <c r="A2368" i="2" l="1"/>
  <c r="C2367" i="2"/>
  <c r="D2367" i="2"/>
  <c r="A2369" i="2" l="1"/>
  <c r="C2368" i="2"/>
  <c r="D2368" i="2"/>
  <c r="A2370" i="2" l="1"/>
  <c r="C2369" i="2"/>
  <c r="D2369" i="2"/>
  <c r="A2371" i="2" l="1"/>
  <c r="C2370" i="2"/>
  <c r="D2370" i="2"/>
  <c r="A2372" i="2" l="1"/>
  <c r="C2371" i="2"/>
  <c r="D2371" i="2"/>
  <c r="A2373" i="2" l="1"/>
  <c r="C2372" i="2"/>
  <c r="D2372" i="2"/>
  <c r="A2374" i="2" l="1"/>
  <c r="C2373" i="2"/>
  <c r="D2373" i="2"/>
  <c r="A2375" i="2" l="1"/>
  <c r="C2374" i="2"/>
  <c r="D2374" i="2"/>
  <c r="A2376" i="2" l="1"/>
  <c r="C2375" i="2"/>
  <c r="D2375" i="2"/>
  <c r="A2377" i="2" l="1"/>
  <c r="C2376" i="2"/>
  <c r="D2376" i="2"/>
  <c r="A2378" i="2" l="1"/>
  <c r="C2377" i="2"/>
  <c r="D2377" i="2"/>
  <c r="A2379" i="2" l="1"/>
  <c r="C2378" i="2"/>
  <c r="D2378" i="2"/>
  <c r="A2380" i="2" l="1"/>
  <c r="C2379" i="2"/>
  <c r="D2379" i="2"/>
  <c r="A2381" i="2" l="1"/>
  <c r="C2380" i="2"/>
  <c r="D2380" i="2"/>
  <c r="A2382" i="2" l="1"/>
  <c r="C2381" i="2"/>
  <c r="D2381" i="2"/>
  <c r="A2383" i="2" l="1"/>
  <c r="C2382" i="2"/>
  <c r="D2382" i="2"/>
  <c r="A2384" i="2" l="1"/>
  <c r="C2383" i="2"/>
  <c r="D2383" i="2"/>
  <c r="A2385" i="2" l="1"/>
  <c r="C2384" i="2"/>
  <c r="D2384" i="2"/>
  <c r="A2386" i="2" l="1"/>
  <c r="C2385" i="2"/>
  <c r="D2385" i="2"/>
  <c r="A2387" i="2" l="1"/>
  <c r="C2386" i="2"/>
  <c r="D2386" i="2"/>
  <c r="A2388" i="2" l="1"/>
  <c r="C2387" i="2"/>
  <c r="D2387" i="2"/>
  <c r="A2389" i="2" l="1"/>
  <c r="C2388" i="2"/>
  <c r="D2388" i="2"/>
  <c r="A2390" i="2" l="1"/>
  <c r="C2389" i="2"/>
  <c r="D2389" i="2"/>
  <c r="A2391" i="2" l="1"/>
  <c r="C2390" i="2"/>
  <c r="D2390" i="2"/>
  <c r="A2392" i="2" l="1"/>
  <c r="C2391" i="2"/>
  <c r="D2391" i="2"/>
  <c r="A2393" i="2" l="1"/>
  <c r="C2392" i="2"/>
  <c r="D2392" i="2"/>
  <c r="A2394" i="2" l="1"/>
  <c r="C2393" i="2"/>
  <c r="D2393" i="2"/>
  <c r="A2395" i="2" l="1"/>
  <c r="C2394" i="2"/>
  <c r="D2394" i="2"/>
  <c r="A2396" i="2" l="1"/>
  <c r="C2395" i="2"/>
  <c r="D2395" i="2"/>
  <c r="A2397" i="2" l="1"/>
  <c r="C2396" i="2"/>
  <c r="D2396" i="2"/>
  <c r="A2398" i="2" l="1"/>
  <c r="C2397" i="2"/>
  <c r="D2397" i="2"/>
  <c r="A2399" i="2" l="1"/>
  <c r="C2398" i="2"/>
  <c r="D2398" i="2"/>
  <c r="A2400" i="2" l="1"/>
  <c r="C2399" i="2"/>
  <c r="D2399" i="2"/>
  <c r="A2401" i="2" l="1"/>
  <c r="C2400" i="2"/>
  <c r="D2400" i="2"/>
  <c r="A2402" i="2" l="1"/>
  <c r="C2401" i="2"/>
  <c r="D2401" i="2"/>
  <c r="A2403" i="2" l="1"/>
  <c r="C2402" i="2"/>
  <c r="D2402" i="2"/>
  <c r="A2404" i="2" l="1"/>
  <c r="C2403" i="2"/>
  <c r="D2403" i="2"/>
  <c r="A2405" i="2" l="1"/>
  <c r="C2404" i="2"/>
  <c r="D2404" i="2"/>
  <c r="A2406" i="2" l="1"/>
  <c r="C2405" i="2"/>
  <c r="D2405" i="2"/>
  <c r="A2407" i="2" l="1"/>
  <c r="C2406" i="2"/>
  <c r="D2406" i="2"/>
  <c r="A2408" i="2" l="1"/>
  <c r="C2407" i="2"/>
  <c r="D2407" i="2"/>
  <c r="A2409" i="2" l="1"/>
  <c r="C2408" i="2"/>
  <c r="D2408" i="2"/>
  <c r="A2410" i="2" l="1"/>
  <c r="C2409" i="2"/>
  <c r="D2409" i="2"/>
  <c r="A2411" i="2" l="1"/>
  <c r="C2410" i="2"/>
  <c r="D2410" i="2"/>
  <c r="A2412" i="2" l="1"/>
  <c r="C2411" i="2"/>
  <c r="D2411" i="2"/>
  <c r="A2413" i="2" l="1"/>
  <c r="C2412" i="2"/>
  <c r="D2412" i="2"/>
  <c r="A2414" i="2" l="1"/>
  <c r="C2413" i="2"/>
  <c r="D2413" i="2"/>
  <c r="A2415" i="2" l="1"/>
  <c r="C2414" i="2"/>
  <c r="D2414" i="2"/>
  <c r="A2416" i="2" l="1"/>
  <c r="C2415" i="2"/>
  <c r="D2415" i="2"/>
  <c r="A2417" i="2" l="1"/>
  <c r="C2416" i="2"/>
  <c r="D2416" i="2"/>
  <c r="A2418" i="2" l="1"/>
  <c r="C2417" i="2"/>
  <c r="D2417" i="2"/>
  <c r="A2419" i="2" l="1"/>
  <c r="C2418" i="2"/>
  <c r="D2418" i="2"/>
  <c r="A2420" i="2" l="1"/>
  <c r="C2419" i="2"/>
  <c r="D2419" i="2"/>
  <c r="A2421" i="2" l="1"/>
  <c r="C2420" i="2"/>
  <c r="D2420" i="2"/>
  <c r="A2422" i="2" l="1"/>
  <c r="C2421" i="2"/>
  <c r="D2421" i="2"/>
  <c r="A2423" i="2" l="1"/>
  <c r="C2422" i="2"/>
  <c r="D2422" i="2"/>
  <c r="A2424" i="2" l="1"/>
  <c r="C2423" i="2"/>
  <c r="D2423" i="2"/>
  <c r="A2425" i="2" l="1"/>
  <c r="C2424" i="2"/>
  <c r="D2424" i="2"/>
  <c r="A2426" i="2" l="1"/>
  <c r="C2425" i="2"/>
  <c r="D2425" i="2"/>
  <c r="A2427" i="2" l="1"/>
  <c r="C2426" i="2"/>
  <c r="D2426" i="2"/>
  <c r="A2428" i="2" l="1"/>
  <c r="C2427" i="2"/>
  <c r="D2427" i="2"/>
  <c r="A2429" i="2" l="1"/>
  <c r="C2428" i="2"/>
  <c r="D2428" i="2"/>
  <c r="A2430" i="2" l="1"/>
  <c r="C2429" i="2"/>
  <c r="D2429" i="2"/>
  <c r="A2431" i="2" l="1"/>
  <c r="C2430" i="2"/>
  <c r="D2430" i="2"/>
  <c r="A2432" i="2" l="1"/>
  <c r="C2431" i="2"/>
  <c r="D2431" i="2"/>
  <c r="A2433" i="2" l="1"/>
  <c r="C2432" i="2"/>
  <c r="D2432" i="2"/>
  <c r="A2434" i="2" l="1"/>
  <c r="C2433" i="2"/>
  <c r="D2433" i="2"/>
  <c r="A2435" i="2" l="1"/>
  <c r="C2434" i="2"/>
  <c r="D2434" i="2"/>
  <c r="A2436" i="2" l="1"/>
  <c r="C2435" i="2"/>
  <c r="D2435" i="2"/>
  <c r="A2437" i="2" l="1"/>
  <c r="C2436" i="2"/>
  <c r="D2436" i="2"/>
  <c r="A2438" i="2" l="1"/>
  <c r="C2437" i="2"/>
  <c r="D2437" i="2"/>
  <c r="A2439" i="2" l="1"/>
  <c r="C2438" i="2"/>
  <c r="D2438" i="2"/>
  <c r="A2440" i="2" l="1"/>
  <c r="C2439" i="2"/>
  <c r="D2439" i="2"/>
  <c r="A2441" i="2" l="1"/>
  <c r="C2440" i="2"/>
  <c r="D2440" i="2"/>
  <c r="A2442" i="2" l="1"/>
  <c r="C2441" i="2"/>
  <c r="D2441" i="2"/>
  <c r="A2443" i="2" l="1"/>
  <c r="C2442" i="2"/>
  <c r="D2442" i="2"/>
  <c r="A2444" i="2" l="1"/>
  <c r="C2443" i="2"/>
  <c r="D2443" i="2"/>
  <c r="A2445" i="2" l="1"/>
  <c r="C2444" i="2"/>
  <c r="D2444" i="2"/>
  <c r="A2446" i="2" l="1"/>
  <c r="C2445" i="2"/>
  <c r="D2445" i="2"/>
  <c r="A2447" i="2" l="1"/>
  <c r="C2446" i="2"/>
  <c r="D2446" i="2"/>
  <c r="A2448" i="2" l="1"/>
  <c r="C2447" i="2"/>
  <c r="D2447" i="2"/>
  <c r="A2449" i="2" l="1"/>
  <c r="C2448" i="2"/>
  <c r="D2448" i="2"/>
  <c r="A2450" i="2" l="1"/>
  <c r="C2449" i="2"/>
  <c r="D2449" i="2"/>
  <c r="A2451" i="2" l="1"/>
  <c r="C2450" i="2"/>
  <c r="D2450" i="2"/>
  <c r="A2452" i="2" l="1"/>
  <c r="C2451" i="2"/>
  <c r="D2451" i="2"/>
  <c r="A2453" i="2" l="1"/>
  <c r="C2452" i="2"/>
  <c r="D2452" i="2"/>
  <c r="A2454" i="2" l="1"/>
  <c r="C2453" i="2"/>
  <c r="D2453" i="2"/>
  <c r="A2455" i="2" l="1"/>
  <c r="C2454" i="2"/>
  <c r="D2454" i="2"/>
  <c r="A2456" i="2" l="1"/>
  <c r="C2455" i="2"/>
  <c r="D2455" i="2"/>
  <c r="A2457" i="2" l="1"/>
  <c r="C2456" i="2"/>
  <c r="D2456" i="2"/>
  <c r="A2458" i="2" l="1"/>
  <c r="C2457" i="2"/>
  <c r="D2457" i="2"/>
  <c r="A2459" i="2" l="1"/>
  <c r="C2458" i="2"/>
  <c r="D2458" i="2"/>
  <c r="A2460" i="2" l="1"/>
  <c r="C2459" i="2"/>
  <c r="D2459" i="2"/>
  <c r="A2461" i="2" l="1"/>
  <c r="C2460" i="2"/>
  <c r="D2460" i="2"/>
  <c r="A2462" i="2" l="1"/>
  <c r="C2461" i="2"/>
  <c r="D2461" i="2"/>
  <c r="A2463" i="2" l="1"/>
  <c r="C2462" i="2"/>
  <c r="D2462" i="2"/>
  <c r="A2464" i="2" l="1"/>
  <c r="C2463" i="2"/>
  <c r="D2463" i="2"/>
  <c r="A2465" i="2" l="1"/>
  <c r="C2464" i="2"/>
  <c r="D2464" i="2"/>
  <c r="A2466" i="2" l="1"/>
  <c r="C2465" i="2"/>
  <c r="D2465" i="2"/>
  <c r="A2467" i="2" l="1"/>
  <c r="C2466" i="2"/>
  <c r="D2466" i="2"/>
  <c r="A2468" i="2" l="1"/>
  <c r="C2467" i="2"/>
  <c r="D2467" i="2"/>
  <c r="A2469" i="2" l="1"/>
  <c r="C2468" i="2"/>
  <c r="D2468" i="2"/>
  <c r="A2470" i="2" l="1"/>
  <c r="C2469" i="2"/>
  <c r="D2469" i="2"/>
  <c r="A2471" i="2" l="1"/>
  <c r="C2470" i="2"/>
  <c r="D2470" i="2"/>
  <c r="A2472" i="2" l="1"/>
  <c r="C2471" i="2"/>
  <c r="D2471" i="2"/>
  <c r="A2473" i="2" l="1"/>
  <c r="C2472" i="2"/>
  <c r="D2472" i="2"/>
  <c r="A2474" i="2" l="1"/>
  <c r="C2473" i="2"/>
  <c r="D2473" i="2"/>
  <c r="A2475" i="2" l="1"/>
  <c r="C2474" i="2"/>
  <c r="D2474" i="2"/>
  <c r="A2476" i="2" l="1"/>
  <c r="C2475" i="2"/>
  <c r="D2475" i="2"/>
  <c r="A2477" i="2" l="1"/>
  <c r="C2476" i="2"/>
  <c r="D2476" i="2"/>
  <c r="A2478" i="2" l="1"/>
  <c r="C2477" i="2"/>
  <c r="D2477" i="2"/>
  <c r="A2479" i="2" l="1"/>
  <c r="C2478" i="2"/>
  <c r="D2478" i="2"/>
  <c r="A2480" i="2" l="1"/>
  <c r="C2479" i="2"/>
  <c r="D2479" i="2"/>
  <c r="A2481" i="2" l="1"/>
  <c r="C2480" i="2"/>
  <c r="D2480" i="2"/>
  <c r="A2482" i="2" l="1"/>
  <c r="C2481" i="2"/>
  <c r="D2481" i="2"/>
  <c r="A2483" i="2" l="1"/>
  <c r="C2482" i="2"/>
  <c r="D2482" i="2"/>
  <c r="A2484" i="2" l="1"/>
  <c r="C2483" i="2"/>
  <c r="D2483" i="2"/>
  <c r="A2485" i="2" l="1"/>
  <c r="C2484" i="2"/>
  <c r="D2484" i="2"/>
  <c r="A2486" i="2" l="1"/>
  <c r="C2485" i="2"/>
  <c r="D2485" i="2"/>
  <c r="A2487" i="2" l="1"/>
  <c r="C2486" i="2"/>
  <c r="D2486" i="2"/>
  <c r="A2488" i="2" l="1"/>
  <c r="C2487" i="2"/>
  <c r="D2487" i="2"/>
  <c r="A2489" i="2" l="1"/>
  <c r="C2488" i="2"/>
  <c r="D2488" i="2"/>
  <c r="A2490" i="2" l="1"/>
  <c r="C2489" i="2"/>
  <c r="D2489" i="2"/>
  <c r="A2491" i="2" l="1"/>
  <c r="C2490" i="2"/>
  <c r="D2490" i="2"/>
  <c r="A2492" i="2" l="1"/>
  <c r="C2491" i="2"/>
  <c r="D2491" i="2"/>
  <c r="A2493" i="2" l="1"/>
  <c r="C2492" i="2"/>
  <c r="D2492" i="2"/>
  <c r="A2494" i="2" l="1"/>
  <c r="C2493" i="2"/>
  <c r="D2493" i="2"/>
  <c r="A2495" i="2" l="1"/>
  <c r="C2494" i="2"/>
  <c r="D2494" i="2"/>
  <c r="A2496" i="2" l="1"/>
  <c r="C2495" i="2"/>
  <c r="D2495" i="2"/>
  <c r="A2497" i="2" l="1"/>
  <c r="C2496" i="2"/>
  <c r="D2496" i="2"/>
  <c r="A2498" i="2" l="1"/>
  <c r="C2497" i="2"/>
  <c r="D2497" i="2"/>
  <c r="A2499" i="2" l="1"/>
  <c r="C2498" i="2"/>
  <c r="D2498" i="2"/>
  <c r="A2500" i="2" l="1"/>
  <c r="C2499" i="2"/>
  <c r="D2499" i="2"/>
  <c r="A2501" i="2" l="1"/>
  <c r="C2500" i="2"/>
  <c r="D2500" i="2"/>
  <c r="A2502" i="2" l="1"/>
  <c r="C2501" i="2"/>
  <c r="D2501" i="2"/>
  <c r="A2503" i="2" l="1"/>
  <c r="C2502" i="2"/>
  <c r="D2502" i="2"/>
  <c r="A2504" i="2" l="1"/>
  <c r="C2503" i="2"/>
  <c r="D2503" i="2"/>
  <c r="A2505" i="2" l="1"/>
  <c r="C2504" i="2"/>
  <c r="D2504" i="2"/>
  <c r="A2506" i="2" l="1"/>
  <c r="C2505" i="2"/>
  <c r="D2505" i="2"/>
  <c r="A2507" i="2" l="1"/>
  <c r="C2506" i="2"/>
  <c r="D2506" i="2"/>
  <c r="A2508" i="2" l="1"/>
  <c r="C2507" i="2"/>
  <c r="D2507" i="2"/>
  <c r="A2509" i="2" l="1"/>
  <c r="C2508" i="2"/>
  <c r="D2508" i="2"/>
  <c r="A2510" i="2" l="1"/>
  <c r="C2509" i="2"/>
  <c r="D2509" i="2"/>
  <c r="A2511" i="2" l="1"/>
  <c r="C2510" i="2"/>
  <c r="D2510" i="2"/>
  <c r="A2512" i="2" l="1"/>
  <c r="C2511" i="2"/>
  <c r="D2511" i="2"/>
  <c r="A2513" i="2" l="1"/>
  <c r="C2512" i="2"/>
  <c r="D2512" i="2"/>
  <c r="A2514" i="2" l="1"/>
  <c r="C2513" i="2"/>
  <c r="D2513" i="2"/>
  <c r="A2515" i="2" l="1"/>
  <c r="C2514" i="2"/>
  <c r="D2514" i="2"/>
  <c r="A2516" i="2" l="1"/>
  <c r="C2515" i="2"/>
  <c r="D2515" i="2"/>
  <c r="A2517" i="2" l="1"/>
  <c r="C2516" i="2"/>
  <c r="D2516" i="2"/>
  <c r="A2518" i="2" l="1"/>
  <c r="C2517" i="2"/>
  <c r="D2517" i="2"/>
  <c r="A2519" i="2" l="1"/>
  <c r="C2518" i="2"/>
  <c r="D2518" i="2"/>
  <c r="A2520" i="2" l="1"/>
  <c r="C2519" i="2"/>
  <c r="D2519" i="2"/>
  <c r="A2521" i="2" l="1"/>
  <c r="C2520" i="2"/>
  <c r="D2520" i="2"/>
  <c r="A2522" i="2" l="1"/>
  <c r="C2521" i="2"/>
  <c r="D2521" i="2"/>
  <c r="A2523" i="2" l="1"/>
  <c r="C2522" i="2"/>
  <c r="D2522" i="2"/>
  <c r="A2524" i="2" l="1"/>
  <c r="C2523" i="2"/>
  <c r="D2523" i="2"/>
  <c r="A2525" i="2" l="1"/>
  <c r="C2524" i="2"/>
  <c r="D2524" i="2"/>
  <c r="A2526" i="2" l="1"/>
  <c r="C2525" i="2"/>
  <c r="D2525" i="2"/>
  <c r="A2527" i="2" l="1"/>
  <c r="C2526" i="2"/>
  <c r="D2526" i="2"/>
  <c r="A2528" i="2" l="1"/>
  <c r="C2527" i="2"/>
  <c r="D2527" i="2"/>
  <c r="A2529" i="2" l="1"/>
  <c r="C2528" i="2"/>
  <c r="D2528" i="2"/>
  <c r="A2530" i="2" l="1"/>
  <c r="C2529" i="2"/>
  <c r="D2529" i="2"/>
  <c r="A2531" i="2" l="1"/>
  <c r="C2530" i="2"/>
  <c r="D2530" i="2"/>
  <c r="A2532" i="2" l="1"/>
  <c r="C2531" i="2"/>
  <c r="D2531" i="2"/>
  <c r="A2533" i="2" l="1"/>
  <c r="C2532" i="2"/>
  <c r="D2532" i="2"/>
  <c r="A2534" i="2" l="1"/>
  <c r="C2533" i="2"/>
  <c r="D2533" i="2"/>
  <c r="A2535" i="2" l="1"/>
  <c r="C2534" i="2"/>
  <c r="D2534" i="2"/>
  <c r="A2536" i="2" l="1"/>
  <c r="C2535" i="2"/>
  <c r="D2535" i="2"/>
  <c r="A2537" i="2" l="1"/>
  <c r="C2536" i="2"/>
  <c r="D2536" i="2"/>
  <c r="A2538" i="2" l="1"/>
  <c r="C2537" i="2"/>
  <c r="D2537" i="2"/>
  <c r="A2539" i="2" l="1"/>
  <c r="C2538" i="2"/>
  <c r="D2538" i="2"/>
  <c r="A2540" i="2" l="1"/>
  <c r="C2539" i="2"/>
  <c r="D2539" i="2"/>
  <c r="A2541" i="2" l="1"/>
  <c r="C2540" i="2"/>
  <c r="D2540" i="2"/>
  <c r="A2542" i="2" l="1"/>
  <c r="C2541" i="2"/>
  <c r="D2541" i="2"/>
  <c r="A2543" i="2" l="1"/>
  <c r="C2542" i="2"/>
  <c r="D2542" i="2"/>
  <c r="A2544" i="2" l="1"/>
  <c r="C2543" i="2"/>
  <c r="D2543" i="2"/>
  <c r="A2545" i="2" l="1"/>
  <c r="C2544" i="2"/>
  <c r="D2544" i="2"/>
  <c r="A2546" i="2" l="1"/>
  <c r="C2545" i="2"/>
  <c r="D2545" i="2"/>
  <c r="A2547" i="2" l="1"/>
  <c r="C2546" i="2"/>
  <c r="D2546" i="2"/>
  <c r="A2548" i="2" l="1"/>
  <c r="C2547" i="2"/>
  <c r="D2547" i="2"/>
  <c r="A2549" i="2" l="1"/>
  <c r="C2548" i="2"/>
  <c r="D2548" i="2"/>
  <c r="A2550" i="2" l="1"/>
  <c r="C2549" i="2"/>
  <c r="D2549" i="2"/>
  <c r="A2551" i="2" l="1"/>
  <c r="C2550" i="2"/>
  <c r="D2550" i="2"/>
  <c r="A2552" i="2" l="1"/>
  <c r="C2551" i="2"/>
  <c r="D2551" i="2"/>
  <c r="A2553" i="2" l="1"/>
  <c r="C2552" i="2"/>
  <c r="D2552" i="2"/>
  <c r="A2554" i="2" l="1"/>
  <c r="C2553" i="2"/>
  <c r="D2553" i="2"/>
  <c r="A2555" i="2" l="1"/>
  <c r="C2554" i="2"/>
  <c r="D2554" i="2"/>
  <c r="A2556" i="2" l="1"/>
  <c r="C2555" i="2"/>
  <c r="D2555" i="2"/>
  <c r="A2557" i="2" l="1"/>
  <c r="C2556" i="2"/>
  <c r="D2556" i="2"/>
  <c r="A2558" i="2" l="1"/>
  <c r="C2557" i="2"/>
  <c r="D2557" i="2"/>
  <c r="A2559" i="2" l="1"/>
  <c r="C2558" i="2"/>
  <c r="D2558" i="2"/>
  <c r="A2560" i="2" l="1"/>
  <c r="C2559" i="2"/>
  <c r="D2559" i="2"/>
  <c r="A2561" i="2" l="1"/>
  <c r="C2560" i="2"/>
  <c r="D2560" i="2"/>
  <c r="A2562" i="2" l="1"/>
  <c r="C2561" i="2"/>
  <c r="D2561" i="2"/>
  <c r="A2563" i="2" l="1"/>
  <c r="C2562" i="2"/>
  <c r="D2562" i="2"/>
  <c r="A2564" i="2" l="1"/>
  <c r="C2563" i="2"/>
  <c r="D2563" i="2"/>
  <c r="A2565" i="2" l="1"/>
  <c r="C2564" i="2"/>
  <c r="D2564" i="2"/>
  <c r="A2566" i="2" l="1"/>
  <c r="C2565" i="2"/>
  <c r="D2565" i="2"/>
  <c r="A2567" i="2" l="1"/>
  <c r="C2566" i="2"/>
  <c r="D2566" i="2"/>
  <c r="A2568" i="2" l="1"/>
  <c r="C2567" i="2"/>
  <c r="D2567" i="2"/>
  <c r="A2569" i="2" l="1"/>
  <c r="C2568" i="2"/>
  <c r="D2568" i="2"/>
  <c r="A2570" i="2" l="1"/>
  <c r="C2569" i="2"/>
  <c r="D2569" i="2"/>
  <c r="A2571" i="2" l="1"/>
  <c r="C2570" i="2"/>
  <c r="D2570" i="2"/>
  <c r="A2572" i="2" l="1"/>
  <c r="C2571" i="2"/>
  <c r="D2571" i="2"/>
  <c r="A2573" i="2" l="1"/>
  <c r="C2572" i="2"/>
  <c r="D2572" i="2"/>
  <c r="A2574" i="2" l="1"/>
  <c r="C2573" i="2"/>
  <c r="D2573" i="2"/>
  <c r="A2575" i="2" l="1"/>
  <c r="C2574" i="2"/>
  <c r="D2574" i="2"/>
  <c r="A2576" i="2" l="1"/>
  <c r="C2575" i="2"/>
  <c r="D2575" i="2"/>
  <c r="A2577" i="2" l="1"/>
  <c r="C2576" i="2"/>
  <c r="D2576" i="2"/>
  <c r="A2578" i="2" l="1"/>
  <c r="C2577" i="2"/>
  <c r="D2577" i="2"/>
  <c r="A2579" i="2" l="1"/>
  <c r="C2578" i="2"/>
  <c r="D2578" i="2"/>
  <c r="A2580" i="2" l="1"/>
  <c r="C2579" i="2"/>
  <c r="D2579" i="2"/>
  <c r="A2581" i="2" l="1"/>
  <c r="C2580" i="2"/>
  <c r="D2580" i="2"/>
  <c r="A2582" i="2" l="1"/>
  <c r="C2581" i="2"/>
  <c r="D2581" i="2"/>
  <c r="A2583" i="2" l="1"/>
  <c r="C2582" i="2"/>
  <c r="D2582" i="2"/>
  <c r="A2584" i="2" l="1"/>
  <c r="C2583" i="2"/>
  <c r="D2583" i="2"/>
  <c r="A2585" i="2" l="1"/>
  <c r="C2584" i="2"/>
  <c r="D2584" i="2"/>
  <c r="A2586" i="2" l="1"/>
  <c r="C2585" i="2"/>
  <c r="D2585" i="2"/>
  <c r="A2587" i="2" l="1"/>
  <c r="C2586" i="2"/>
  <c r="D2586" i="2"/>
  <c r="A2588" i="2" l="1"/>
  <c r="C2587" i="2"/>
  <c r="D2587" i="2"/>
  <c r="A2589" i="2" l="1"/>
  <c r="C2588" i="2"/>
  <c r="D2588" i="2"/>
  <c r="A2590" i="2" l="1"/>
  <c r="C2589" i="2"/>
  <c r="D2589" i="2"/>
  <c r="A2591" i="2" l="1"/>
  <c r="C2590" i="2"/>
  <c r="D2590" i="2"/>
  <c r="A2592" i="2" l="1"/>
  <c r="C2591" i="2"/>
  <c r="D2591" i="2"/>
  <c r="A2593" i="2" l="1"/>
  <c r="C2592" i="2"/>
  <c r="D2592" i="2"/>
  <c r="A2594" i="2" l="1"/>
  <c r="C2593" i="2"/>
  <c r="D2593" i="2"/>
  <c r="A2595" i="2" l="1"/>
  <c r="C2594" i="2"/>
  <c r="D2594" i="2"/>
  <c r="A2596" i="2" l="1"/>
  <c r="C2595" i="2"/>
  <c r="D2595" i="2"/>
  <c r="A2597" i="2" l="1"/>
  <c r="C2596" i="2"/>
  <c r="D2596" i="2"/>
  <c r="A2598" i="2" l="1"/>
  <c r="C2597" i="2"/>
  <c r="D2597" i="2"/>
  <c r="A2599" i="2" l="1"/>
  <c r="C2598" i="2"/>
  <c r="D2598" i="2"/>
  <c r="A2600" i="2" l="1"/>
  <c r="C2599" i="2"/>
  <c r="D2599" i="2"/>
  <c r="A2601" i="2" l="1"/>
  <c r="C2600" i="2"/>
  <c r="D2600" i="2"/>
  <c r="A2602" i="2" l="1"/>
  <c r="C2601" i="2"/>
  <c r="D2601" i="2"/>
  <c r="A2603" i="2" l="1"/>
  <c r="C2602" i="2"/>
  <c r="D2602" i="2"/>
  <c r="A2604" i="2" l="1"/>
  <c r="C2603" i="2"/>
  <c r="D2603" i="2"/>
  <c r="A2605" i="2" l="1"/>
  <c r="C2604" i="2"/>
  <c r="D2604" i="2"/>
  <c r="A2606" i="2" l="1"/>
  <c r="C2605" i="2"/>
  <c r="D2605" i="2"/>
  <c r="A2607" i="2" l="1"/>
  <c r="C2606" i="2"/>
  <c r="D2606" i="2"/>
  <c r="A2608" i="2" l="1"/>
  <c r="C2607" i="2"/>
  <c r="D2607" i="2"/>
  <c r="A2609" i="2" l="1"/>
  <c r="C2608" i="2"/>
  <c r="D2608" i="2"/>
  <c r="A2610" i="2" l="1"/>
  <c r="C2609" i="2"/>
  <c r="D2609" i="2"/>
  <c r="A2611" i="2" l="1"/>
  <c r="C2610" i="2"/>
  <c r="D2610" i="2"/>
  <c r="A2612" i="2" l="1"/>
  <c r="C2611" i="2"/>
  <c r="D2611" i="2"/>
  <c r="A2613" i="2" l="1"/>
  <c r="C2612" i="2"/>
  <c r="D2612" i="2"/>
  <c r="A2614" i="2" l="1"/>
  <c r="C2613" i="2"/>
  <c r="D2613" i="2"/>
  <c r="A2615" i="2" l="1"/>
  <c r="C2614" i="2"/>
  <c r="D2614" i="2"/>
  <c r="A2616" i="2" l="1"/>
  <c r="C2615" i="2"/>
  <c r="D2615" i="2"/>
  <c r="A2617" i="2" l="1"/>
  <c r="C2616" i="2"/>
  <c r="D2616" i="2"/>
  <c r="A2618" i="2" l="1"/>
  <c r="C2617" i="2"/>
  <c r="D2617" i="2"/>
  <c r="A2619" i="2" l="1"/>
  <c r="C2618" i="2"/>
  <c r="D2618" i="2"/>
  <c r="A2620" i="2" l="1"/>
  <c r="C2619" i="2"/>
  <c r="D2619" i="2"/>
  <c r="A2621" i="2" l="1"/>
  <c r="C2620" i="2"/>
  <c r="D2620" i="2"/>
  <c r="A2622" i="2" l="1"/>
  <c r="C2621" i="2"/>
  <c r="D2621" i="2"/>
  <c r="A2623" i="2" l="1"/>
  <c r="C2622" i="2"/>
  <c r="D2622" i="2"/>
  <c r="A2624" i="2" l="1"/>
  <c r="C2623" i="2"/>
  <c r="D2623" i="2"/>
  <c r="A2625" i="2" l="1"/>
  <c r="C2624" i="2"/>
  <c r="D2624" i="2"/>
  <c r="A2626" i="2" l="1"/>
  <c r="C2625" i="2"/>
  <c r="D2625" i="2"/>
  <c r="A2627" i="2" l="1"/>
  <c r="C2626" i="2"/>
  <c r="D2626" i="2"/>
  <c r="A2628" i="2" l="1"/>
  <c r="C2627" i="2"/>
  <c r="D2627" i="2"/>
  <c r="A2629" i="2" l="1"/>
  <c r="C2628" i="2"/>
  <c r="D2628" i="2"/>
  <c r="A2630" i="2" l="1"/>
  <c r="C2629" i="2"/>
  <c r="D2629" i="2"/>
  <c r="A2631" i="2" l="1"/>
  <c r="C2630" i="2"/>
  <c r="D2630" i="2"/>
  <c r="A2632" i="2" l="1"/>
  <c r="C2631" i="2"/>
  <c r="D2631" i="2"/>
  <c r="A2633" i="2" l="1"/>
  <c r="C2632" i="2"/>
  <c r="D2632" i="2"/>
  <c r="A2634" i="2" l="1"/>
  <c r="C2633" i="2"/>
  <c r="D2633" i="2"/>
  <c r="A2635" i="2" l="1"/>
  <c r="C2634" i="2"/>
  <c r="D2634" i="2"/>
  <c r="A2636" i="2" l="1"/>
  <c r="C2635" i="2"/>
  <c r="D2635" i="2"/>
  <c r="A2637" i="2" l="1"/>
  <c r="C2636" i="2"/>
  <c r="D2636" i="2"/>
  <c r="A2638" i="2" l="1"/>
  <c r="C2637" i="2"/>
  <c r="D2637" i="2"/>
  <c r="A2639" i="2" l="1"/>
  <c r="C2638" i="2"/>
  <c r="D2638" i="2"/>
  <c r="A2640" i="2" l="1"/>
  <c r="C2639" i="2"/>
  <c r="D2639" i="2"/>
  <c r="A2641" i="2" l="1"/>
  <c r="C2640" i="2"/>
  <c r="D2640" i="2"/>
  <c r="A2642" i="2" l="1"/>
  <c r="C2641" i="2"/>
  <c r="D2641" i="2"/>
  <c r="A2643" i="2" l="1"/>
  <c r="C2642" i="2"/>
  <c r="D2642" i="2"/>
  <c r="A2644" i="2" l="1"/>
  <c r="C2643" i="2"/>
  <c r="D2643" i="2"/>
  <c r="A2645" i="2" l="1"/>
  <c r="C2644" i="2"/>
  <c r="D2644" i="2"/>
  <c r="A2646" i="2" l="1"/>
  <c r="C2645" i="2"/>
  <c r="D2645" i="2"/>
  <c r="A2647" i="2" l="1"/>
  <c r="C2646" i="2"/>
  <c r="D2646" i="2"/>
  <c r="A2648" i="2" l="1"/>
  <c r="C2647" i="2"/>
  <c r="D2647" i="2"/>
  <c r="A2649" i="2" l="1"/>
  <c r="C2648" i="2"/>
  <c r="D2648" i="2"/>
  <c r="A2650" i="2" l="1"/>
  <c r="C2649" i="2"/>
  <c r="D2649" i="2"/>
  <c r="A2651" i="2" l="1"/>
  <c r="C2650" i="2"/>
  <c r="D2650" i="2"/>
  <c r="A2652" i="2" l="1"/>
  <c r="C2651" i="2"/>
  <c r="D2651" i="2"/>
  <c r="A2653" i="2" l="1"/>
  <c r="C2652" i="2"/>
  <c r="D2652" i="2"/>
  <c r="A2654" i="2" l="1"/>
  <c r="C2653" i="2"/>
  <c r="D2653" i="2"/>
  <c r="A2655" i="2" l="1"/>
  <c r="C2654" i="2"/>
  <c r="D2654" i="2"/>
  <c r="A2656" i="2" l="1"/>
  <c r="C2655" i="2"/>
  <c r="D2655" i="2"/>
  <c r="A2657" i="2" l="1"/>
  <c r="C2656" i="2"/>
  <c r="D2656" i="2"/>
  <c r="A2658" i="2" l="1"/>
  <c r="C2657" i="2"/>
  <c r="D2657" i="2"/>
  <c r="A2659" i="2" l="1"/>
  <c r="C2658" i="2"/>
  <c r="D2658" i="2"/>
  <c r="A2660" i="2" l="1"/>
  <c r="C2659" i="2"/>
  <c r="D2659" i="2"/>
  <c r="A2661" i="2" l="1"/>
  <c r="C2660" i="2"/>
  <c r="D2660" i="2"/>
  <c r="A2662" i="2" l="1"/>
  <c r="C2661" i="2"/>
  <c r="D2661" i="2"/>
  <c r="A2663" i="2" l="1"/>
  <c r="C2662" i="2"/>
  <c r="D2662" i="2"/>
  <c r="A2664" i="2" l="1"/>
  <c r="C2663" i="2"/>
  <c r="D2663" i="2"/>
  <c r="A2665" i="2" l="1"/>
  <c r="C2664" i="2"/>
  <c r="D2664" i="2"/>
  <c r="A2666" i="2" l="1"/>
  <c r="C2665" i="2"/>
  <c r="D2665" i="2"/>
  <c r="A2667" i="2" l="1"/>
  <c r="C2666" i="2"/>
  <c r="D2666" i="2"/>
  <c r="A2668" i="2" l="1"/>
  <c r="C2667" i="2"/>
  <c r="D2667" i="2"/>
  <c r="A2669" i="2" l="1"/>
  <c r="C2668" i="2"/>
  <c r="D2668" i="2"/>
  <c r="A2670" i="2" l="1"/>
  <c r="C2669" i="2"/>
  <c r="D2669" i="2"/>
  <c r="A2671" i="2" l="1"/>
  <c r="C2670" i="2"/>
  <c r="D2670" i="2"/>
  <c r="A2672" i="2" l="1"/>
  <c r="C2671" i="2"/>
  <c r="D2671" i="2"/>
  <c r="A2673" i="2" l="1"/>
  <c r="C2672" i="2"/>
  <c r="D2672" i="2"/>
  <c r="A2674" i="2" l="1"/>
  <c r="C2673" i="2"/>
  <c r="D2673" i="2"/>
  <c r="A2675" i="2" l="1"/>
  <c r="C2674" i="2"/>
  <c r="D2674" i="2"/>
  <c r="A2676" i="2" l="1"/>
  <c r="C2675" i="2"/>
  <c r="D2675" i="2"/>
  <c r="A2677" i="2" l="1"/>
  <c r="C2676" i="2"/>
  <c r="D2676" i="2"/>
  <c r="A2678" i="2" l="1"/>
  <c r="C2677" i="2"/>
  <c r="D2677" i="2"/>
  <c r="A2679" i="2" l="1"/>
  <c r="C2678" i="2"/>
  <c r="D2678" i="2"/>
  <c r="A2680" i="2" l="1"/>
  <c r="C2679" i="2"/>
  <c r="D2679" i="2"/>
  <c r="A2681" i="2" l="1"/>
  <c r="C2680" i="2"/>
  <c r="D2680" i="2"/>
  <c r="A2682" i="2" l="1"/>
  <c r="C2681" i="2"/>
  <c r="D2681" i="2"/>
  <c r="A2683" i="2" l="1"/>
  <c r="C2682" i="2"/>
  <c r="D2682" i="2"/>
  <c r="A2684" i="2" l="1"/>
  <c r="C2683" i="2"/>
  <c r="D2683" i="2"/>
  <c r="A2685" i="2" l="1"/>
  <c r="C2684" i="2"/>
  <c r="D2684" i="2"/>
  <c r="A2686" i="2" l="1"/>
  <c r="C2685" i="2"/>
  <c r="D2685" i="2"/>
  <c r="A2687" i="2" l="1"/>
  <c r="C2686" i="2"/>
  <c r="D2686" i="2"/>
  <c r="A2688" i="2" l="1"/>
  <c r="C2687" i="2"/>
  <c r="D2687" i="2"/>
  <c r="A2689" i="2" l="1"/>
  <c r="C2688" i="2"/>
  <c r="D2688" i="2"/>
  <c r="A2690" i="2" l="1"/>
  <c r="C2689" i="2"/>
  <c r="D2689" i="2"/>
  <c r="A2691" i="2" l="1"/>
  <c r="C2690" i="2"/>
  <c r="D2690" i="2"/>
  <c r="A2692" i="2" l="1"/>
  <c r="C2691" i="2"/>
  <c r="D2691" i="2"/>
  <c r="A2693" i="2" l="1"/>
  <c r="C2692" i="2"/>
  <c r="D2692" i="2"/>
  <c r="A2694" i="2" l="1"/>
  <c r="C2693" i="2"/>
  <c r="D2693" i="2"/>
  <c r="A2695" i="2" l="1"/>
  <c r="C2694" i="2"/>
  <c r="D2694" i="2"/>
  <c r="A2696" i="2" l="1"/>
  <c r="C2695" i="2"/>
  <c r="D2695" i="2"/>
  <c r="A2697" i="2" l="1"/>
  <c r="C2696" i="2"/>
  <c r="D2696" i="2"/>
  <c r="A2698" i="2" l="1"/>
  <c r="C2697" i="2"/>
  <c r="D2697" i="2"/>
  <c r="A2699" i="2" l="1"/>
  <c r="C2698" i="2"/>
  <c r="D2698" i="2"/>
  <c r="A2700" i="2" l="1"/>
  <c r="C2699" i="2"/>
  <c r="D2699" i="2"/>
  <c r="A2701" i="2" l="1"/>
  <c r="C2700" i="2"/>
  <c r="D2700" i="2"/>
  <c r="A2702" i="2" l="1"/>
  <c r="C2701" i="2"/>
  <c r="D2701" i="2"/>
  <c r="A2703" i="2" l="1"/>
  <c r="C2702" i="2"/>
  <c r="D2702" i="2"/>
  <c r="A2704" i="2" l="1"/>
  <c r="C2703" i="2"/>
  <c r="D2703" i="2"/>
  <c r="A2705" i="2" l="1"/>
  <c r="C2704" i="2"/>
  <c r="D2704" i="2"/>
  <c r="A2706" i="2" l="1"/>
  <c r="C2705" i="2"/>
  <c r="D2705" i="2"/>
  <c r="A2707" i="2" l="1"/>
  <c r="C2706" i="2"/>
  <c r="D2706" i="2"/>
  <c r="A2708" i="2" l="1"/>
  <c r="C2707" i="2"/>
  <c r="D2707" i="2"/>
  <c r="A2709" i="2" l="1"/>
  <c r="C2708" i="2"/>
  <c r="D2708" i="2"/>
  <c r="A2710" i="2" l="1"/>
  <c r="C2709" i="2"/>
  <c r="D2709" i="2"/>
  <c r="A2711" i="2" l="1"/>
  <c r="C2710" i="2"/>
  <c r="D2710" i="2"/>
  <c r="A2712" i="2" l="1"/>
  <c r="C2711" i="2"/>
  <c r="D2711" i="2"/>
  <c r="A2713" i="2" l="1"/>
  <c r="C2712" i="2"/>
  <c r="D2712" i="2"/>
  <c r="A2714" i="2" l="1"/>
  <c r="C2713" i="2"/>
  <c r="D2713" i="2"/>
  <c r="A2715" i="2" l="1"/>
  <c r="C2714" i="2"/>
  <c r="D2714" i="2"/>
  <c r="A2716" i="2" l="1"/>
  <c r="C2715" i="2"/>
  <c r="D2715" i="2"/>
  <c r="A2717" i="2" l="1"/>
  <c r="C2716" i="2"/>
  <c r="D2716" i="2"/>
  <c r="A2718" i="2" l="1"/>
  <c r="C2717" i="2"/>
  <c r="D2717" i="2"/>
  <c r="A2719" i="2" l="1"/>
  <c r="C2718" i="2"/>
  <c r="D2718" i="2"/>
  <c r="A2720" i="2" l="1"/>
  <c r="C2719" i="2"/>
  <c r="D2719" i="2"/>
  <c r="A2721" i="2" l="1"/>
  <c r="C2720" i="2"/>
  <c r="D2720" i="2"/>
  <c r="A2722" i="2" l="1"/>
  <c r="C2721" i="2"/>
  <c r="D2721" i="2"/>
  <c r="A2723" i="2" l="1"/>
  <c r="C2722" i="2"/>
  <c r="D2722" i="2"/>
  <c r="A2724" i="2" l="1"/>
  <c r="C2723" i="2"/>
  <c r="D2723" i="2"/>
  <c r="A2725" i="2" l="1"/>
  <c r="C2724" i="2"/>
  <c r="D2724" i="2"/>
  <c r="A2726" i="2" l="1"/>
  <c r="C2725" i="2"/>
  <c r="D2725" i="2"/>
  <c r="A2727" i="2" l="1"/>
  <c r="C2726" i="2"/>
  <c r="D2726" i="2"/>
  <c r="A2728" i="2" l="1"/>
  <c r="C2727" i="2"/>
  <c r="D2727" i="2"/>
  <c r="A2729" i="2" l="1"/>
  <c r="C2728" i="2"/>
  <c r="D2728" i="2"/>
  <c r="A2730" i="2" l="1"/>
  <c r="C2729" i="2"/>
  <c r="D2729" i="2"/>
  <c r="A2731" i="2" l="1"/>
  <c r="C2730" i="2"/>
  <c r="D2730" i="2"/>
  <c r="A2732" i="2" l="1"/>
  <c r="C2731" i="2"/>
  <c r="D2731" i="2"/>
  <c r="A2733" i="2" l="1"/>
  <c r="C2732" i="2"/>
  <c r="D2732" i="2"/>
  <c r="A2734" i="2" l="1"/>
  <c r="C2733" i="2"/>
  <c r="D2733" i="2"/>
  <c r="A2735" i="2" l="1"/>
  <c r="C2734" i="2"/>
  <c r="D2734" i="2"/>
  <c r="A2736" i="2" l="1"/>
  <c r="C2735" i="2"/>
  <c r="D2735" i="2"/>
  <c r="A2737" i="2" l="1"/>
  <c r="C2736" i="2"/>
  <c r="D2736" i="2"/>
  <c r="A2738" i="2" l="1"/>
  <c r="C2737" i="2"/>
  <c r="D2737" i="2"/>
  <c r="A2739" i="2" l="1"/>
  <c r="C2738" i="2"/>
  <c r="D2738" i="2"/>
  <c r="A2740" i="2" l="1"/>
  <c r="C2739" i="2"/>
  <c r="D2739" i="2"/>
  <c r="A2741" i="2" l="1"/>
  <c r="C2740" i="2"/>
  <c r="D2740" i="2"/>
  <c r="A2742" i="2" l="1"/>
  <c r="C2741" i="2"/>
  <c r="D2741" i="2"/>
  <c r="A2743" i="2" l="1"/>
  <c r="C2742" i="2"/>
  <c r="D2742" i="2"/>
  <c r="A2744" i="2" l="1"/>
  <c r="C2743" i="2"/>
  <c r="D2743" i="2"/>
  <c r="A2745" i="2" l="1"/>
  <c r="C2744" i="2"/>
  <c r="D2744" i="2"/>
  <c r="A2746" i="2" l="1"/>
  <c r="D2745" i="2"/>
  <c r="C2745" i="2"/>
  <c r="A2747" i="2" l="1"/>
  <c r="C2746" i="2"/>
  <c r="D2746" i="2"/>
  <c r="A2748" i="2" l="1"/>
  <c r="D2747" i="2"/>
  <c r="C2747" i="2"/>
  <c r="A2749" i="2" l="1"/>
  <c r="C2748" i="2"/>
  <c r="D2748" i="2"/>
  <c r="A2750" i="2" l="1"/>
  <c r="D2749" i="2"/>
  <c r="C2749" i="2"/>
  <c r="A2751" i="2" l="1"/>
  <c r="C2750" i="2"/>
  <c r="D2750" i="2"/>
  <c r="A2752" i="2" l="1"/>
  <c r="D2751" i="2"/>
  <c r="C2751" i="2"/>
  <c r="A2753" i="2" l="1"/>
  <c r="C2752" i="2"/>
  <c r="D2752" i="2"/>
  <c r="A2754" i="2" l="1"/>
  <c r="D2753" i="2"/>
  <c r="C2753" i="2"/>
  <c r="A2755" i="2" l="1"/>
  <c r="C2754" i="2"/>
  <c r="D2754" i="2"/>
  <c r="A2756" i="2" l="1"/>
  <c r="D2755" i="2"/>
  <c r="C2755" i="2"/>
  <c r="A2757" i="2" l="1"/>
  <c r="C2756" i="2"/>
  <c r="D2756" i="2"/>
  <c r="A2758" i="2" l="1"/>
  <c r="D2757" i="2"/>
  <c r="C2757" i="2"/>
  <c r="A2759" i="2" l="1"/>
  <c r="C2758" i="2"/>
  <c r="D2758" i="2"/>
  <c r="A2760" i="2" l="1"/>
  <c r="D2759" i="2"/>
  <c r="C2759" i="2"/>
  <c r="A2761" i="2" l="1"/>
  <c r="C2760" i="2"/>
  <c r="D2760" i="2"/>
  <c r="A2762" i="2" l="1"/>
  <c r="D2761" i="2"/>
  <c r="C2761" i="2"/>
  <c r="A2763" i="2" l="1"/>
  <c r="C2762" i="2"/>
  <c r="D2762" i="2"/>
  <c r="A2764" i="2" l="1"/>
  <c r="D2763" i="2"/>
  <c r="C2763" i="2"/>
  <c r="A2765" i="2" l="1"/>
  <c r="C2764" i="2"/>
  <c r="D2764" i="2"/>
  <c r="A2766" i="2" l="1"/>
  <c r="D2765" i="2"/>
  <c r="C2765" i="2"/>
  <c r="A2767" i="2" l="1"/>
  <c r="C2766" i="2"/>
  <c r="D2766" i="2"/>
  <c r="A2768" i="2" l="1"/>
  <c r="D2767" i="2"/>
  <c r="C2767" i="2"/>
  <c r="A2769" i="2" l="1"/>
  <c r="C2768" i="2"/>
  <c r="D2768" i="2"/>
  <c r="A2770" i="2" l="1"/>
  <c r="D2769" i="2"/>
  <c r="C2769" i="2"/>
  <c r="A2771" i="2" l="1"/>
  <c r="C2770" i="2"/>
  <c r="D2770" i="2"/>
  <c r="A2772" i="2" l="1"/>
  <c r="D2771" i="2"/>
  <c r="C2771" i="2"/>
  <c r="A2773" i="2" l="1"/>
  <c r="C2772" i="2"/>
  <c r="D2772" i="2"/>
  <c r="A2774" i="2" l="1"/>
  <c r="D2773" i="2"/>
  <c r="C2773" i="2"/>
  <c r="A2775" i="2" l="1"/>
  <c r="C2774" i="2"/>
  <c r="D2774" i="2"/>
  <c r="A2776" i="2" l="1"/>
  <c r="D2775" i="2"/>
  <c r="C2775" i="2"/>
  <c r="A2777" i="2" l="1"/>
  <c r="C2776" i="2"/>
  <c r="D2776" i="2"/>
  <c r="A2778" i="2" l="1"/>
  <c r="D2777" i="2"/>
  <c r="C2777" i="2"/>
  <c r="A2779" i="2" l="1"/>
  <c r="C2778" i="2"/>
  <c r="D2778" i="2"/>
  <c r="A2780" i="2" l="1"/>
  <c r="D2779" i="2"/>
  <c r="C2779" i="2"/>
  <c r="A2781" i="2" l="1"/>
  <c r="C2780" i="2"/>
  <c r="D2780" i="2"/>
  <c r="A2782" i="2" l="1"/>
  <c r="D2781" i="2"/>
  <c r="C2781" i="2"/>
  <c r="A2783" i="2" l="1"/>
  <c r="C2782" i="2"/>
  <c r="D2782" i="2"/>
  <c r="A2784" i="2" l="1"/>
  <c r="D2783" i="2"/>
  <c r="C2783" i="2"/>
  <c r="A2785" i="2" l="1"/>
  <c r="C2784" i="2"/>
  <c r="D2784" i="2"/>
  <c r="A2786" i="2" l="1"/>
  <c r="D2785" i="2"/>
  <c r="C2785" i="2"/>
  <c r="A2787" i="2" l="1"/>
  <c r="C2786" i="2"/>
  <c r="D2786" i="2"/>
  <c r="A2788" i="2" l="1"/>
  <c r="D2787" i="2"/>
  <c r="C2787" i="2"/>
  <c r="A2789" i="2" l="1"/>
  <c r="C2788" i="2"/>
  <c r="D2788" i="2"/>
  <c r="A2790" i="2" l="1"/>
  <c r="D2789" i="2"/>
  <c r="C2789" i="2"/>
  <c r="A2791" i="2" l="1"/>
  <c r="C2790" i="2"/>
  <c r="D2790" i="2"/>
  <c r="A2792" i="2" l="1"/>
  <c r="D2791" i="2"/>
  <c r="C2791" i="2"/>
  <c r="A2793" i="2" l="1"/>
  <c r="C2792" i="2"/>
  <c r="D2792" i="2"/>
  <c r="A2794" i="2" l="1"/>
  <c r="D2793" i="2"/>
  <c r="C2793" i="2"/>
  <c r="A2795" i="2" l="1"/>
  <c r="C2794" i="2"/>
  <c r="D2794" i="2"/>
  <c r="A2796" i="2" l="1"/>
  <c r="D2795" i="2"/>
  <c r="C2795" i="2"/>
  <c r="A2797" i="2" l="1"/>
  <c r="C2796" i="2"/>
  <c r="D2796" i="2"/>
  <c r="A2798" i="2" l="1"/>
  <c r="D2797" i="2"/>
  <c r="C2797" i="2"/>
  <c r="A2799" i="2" l="1"/>
  <c r="C2798" i="2"/>
  <c r="D2798" i="2"/>
  <c r="A2800" i="2" l="1"/>
  <c r="D2799" i="2"/>
  <c r="C2799" i="2"/>
  <c r="A2801" i="2" l="1"/>
  <c r="C2800" i="2"/>
  <c r="D2800" i="2"/>
  <c r="A2802" i="2" l="1"/>
  <c r="D2801" i="2"/>
  <c r="C2801" i="2"/>
  <c r="A2803" i="2" l="1"/>
  <c r="C2802" i="2"/>
  <c r="D2802" i="2"/>
  <c r="A2804" i="2" l="1"/>
  <c r="D2803" i="2"/>
  <c r="C2803" i="2"/>
  <c r="A2805" i="2" l="1"/>
  <c r="C2804" i="2"/>
  <c r="D2804" i="2"/>
  <c r="A2806" i="2" l="1"/>
  <c r="D2805" i="2"/>
  <c r="C2805" i="2"/>
  <c r="A2807" i="2" l="1"/>
  <c r="C2806" i="2"/>
  <c r="D2806" i="2"/>
  <c r="A2808" i="2" l="1"/>
  <c r="D2807" i="2"/>
  <c r="C2807" i="2"/>
  <c r="A2809" i="2" l="1"/>
  <c r="C2808" i="2"/>
  <c r="D2808" i="2"/>
  <c r="A2810" i="2" l="1"/>
  <c r="D2809" i="2"/>
  <c r="C2809" i="2"/>
  <c r="A2811" i="2" l="1"/>
  <c r="C2810" i="2"/>
  <c r="D2810" i="2"/>
  <c r="A2812" i="2" l="1"/>
  <c r="D2811" i="2"/>
  <c r="C2811" i="2"/>
  <c r="A2813" i="2" l="1"/>
  <c r="C2812" i="2"/>
  <c r="D2812" i="2"/>
  <c r="A2814" i="2" l="1"/>
  <c r="D2813" i="2"/>
  <c r="C2813" i="2"/>
  <c r="A2815" i="2" l="1"/>
  <c r="C2814" i="2"/>
  <c r="D2814" i="2"/>
  <c r="A2816" i="2" l="1"/>
  <c r="D2815" i="2"/>
  <c r="C2815" i="2"/>
  <c r="A2817" i="2" l="1"/>
  <c r="C2816" i="2"/>
  <c r="D2816" i="2"/>
  <c r="A2818" i="2" l="1"/>
  <c r="D2817" i="2"/>
  <c r="C2817" i="2"/>
  <c r="A2819" i="2" l="1"/>
  <c r="C2818" i="2"/>
  <c r="D2818" i="2"/>
  <c r="A2820" i="2" l="1"/>
  <c r="D2819" i="2"/>
  <c r="C2819" i="2"/>
  <c r="A2821" i="2" l="1"/>
  <c r="C2820" i="2"/>
  <c r="D2820" i="2"/>
  <c r="A2822" i="2" l="1"/>
  <c r="D2821" i="2"/>
  <c r="C2821" i="2"/>
  <c r="A2823" i="2" l="1"/>
  <c r="C2822" i="2"/>
  <c r="D2822" i="2"/>
  <c r="A2824" i="2" l="1"/>
  <c r="D2823" i="2"/>
  <c r="C2823" i="2"/>
  <c r="A2825" i="2" l="1"/>
  <c r="C2824" i="2"/>
  <c r="D2824" i="2"/>
  <c r="A2826" i="2" l="1"/>
  <c r="D2825" i="2"/>
  <c r="C2825" i="2"/>
  <c r="A2827" i="2" l="1"/>
  <c r="C2826" i="2"/>
  <c r="D2826" i="2"/>
  <c r="A2828" i="2" l="1"/>
  <c r="D2827" i="2"/>
  <c r="C2827" i="2"/>
  <c r="A2829" i="2" l="1"/>
  <c r="C2828" i="2"/>
  <c r="D2828" i="2"/>
  <c r="A2830" i="2" l="1"/>
  <c r="D2829" i="2"/>
  <c r="C2829" i="2"/>
  <c r="A2831" i="2" l="1"/>
  <c r="C2830" i="2"/>
  <c r="D2830" i="2"/>
  <c r="A2832" i="2" l="1"/>
  <c r="D2831" i="2"/>
  <c r="C2831" i="2"/>
  <c r="A2833" i="2" l="1"/>
  <c r="C2832" i="2"/>
  <c r="D2832" i="2"/>
  <c r="A2834" i="2" l="1"/>
  <c r="D2833" i="2"/>
  <c r="C2833" i="2"/>
  <c r="A2835" i="2" l="1"/>
  <c r="C2834" i="2"/>
  <c r="D2834" i="2"/>
  <c r="A2836" i="2" l="1"/>
  <c r="D2835" i="2"/>
  <c r="C2835" i="2"/>
  <c r="A2837" i="2" l="1"/>
  <c r="C2836" i="2"/>
  <c r="D2836" i="2"/>
  <c r="A2838" i="2" l="1"/>
  <c r="D2837" i="2"/>
  <c r="C2837" i="2"/>
  <c r="A2839" i="2" l="1"/>
  <c r="C2838" i="2"/>
  <c r="D2838" i="2"/>
  <c r="A2840" i="2" l="1"/>
  <c r="D2839" i="2"/>
  <c r="C2839" i="2"/>
  <c r="A2841" i="2" l="1"/>
  <c r="C2840" i="2"/>
  <c r="D2840" i="2"/>
  <c r="A2842" i="2" l="1"/>
  <c r="D2841" i="2"/>
  <c r="C2841" i="2"/>
  <c r="A2843" i="2" l="1"/>
  <c r="C2842" i="2"/>
  <c r="D2842" i="2"/>
  <c r="A2844" i="2" l="1"/>
  <c r="D2843" i="2"/>
  <c r="C2843" i="2"/>
  <c r="A2845" i="2" l="1"/>
  <c r="C2844" i="2"/>
  <c r="D2844" i="2"/>
  <c r="A2846" i="2" l="1"/>
  <c r="D2845" i="2"/>
  <c r="C2845" i="2"/>
  <c r="A2847" i="2" l="1"/>
  <c r="C2846" i="2"/>
  <c r="D2846" i="2"/>
  <c r="A2848" i="2" l="1"/>
  <c r="D2847" i="2"/>
  <c r="C2847" i="2"/>
  <c r="A2849" i="2" l="1"/>
  <c r="C2848" i="2"/>
  <c r="D2848" i="2"/>
  <c r="A2850" i="2" l="1"/>
  <c r="D2849" i="2"/>
  <c r="C2849" i="2"/>
  <c r="A2851" i="2" l="1"/>
  <c r="C2850" i="2"/>
  <c r="D2850" i="2"/>
  <c r="A2852" i="2" l="1"/>
  <c r="D2851" i="2"/>
  <c r="C2851" i="2"/>
  <c r="A2853" i="2" l="1"/>
  <c r="C2852" i="2"/>
  <c r="D2852" i="2"/>
  <c r="A2854" i="2" l="1"/>
  <c r="D2853" i="2"/>
  <c r="C2853" i="2"/>
  <c r="A2855" i="2" l="1"/>
  <c r="C2854" i="2"/>
  <c r="D2854" i="2"/>
  <c r="A2856" i="2" l="1"/>
  <c r="D2855" i="2"/>
  <c r="C2855" i="2"/>
  <c r="A2857" i="2" l="1"/>
  <c r="C2856" i="2"/>
  <c r="D2856" i="2"/>
  <c r="A2858" i="2" l="1"/>
  <c r="D2857" i="2"/>
  <c r="C2857" i="2"/>
  <c r="A2859" i="2" l="1"/>
  <c r="C2858" i="2"/>
  <c r="D2858" i="2"/>
  <c r="A2860" i="2" l="1"/>
  <c r="D2859" i="2"/>
  <c r="C2859" i="2"/>
  <c r="A2861" i="2" l="1"/>
  <c r="C2860" i="2"/>
  <c r="D2860" i="2"/>
  <c r="A2862" i="2" l="1"/>
  <c r="D2861" i="2"/>
  <c r="C2861" i="2"/>
  <c r="A2863" i="2" l="1"/>
  <c r="C2862" i="2"/>
  <c r="D2862" i="2"/>
  <c r="A2864" i="2" l="1"/>
  <c r="D2863" i="2"/>
  <c r="C2863" i="2"/>
  <c r="A2865" i="2" l="1"/>
  <c r="C2864" i="2"/>
  <c r="D2864" i="2"/>
  <c r="A2866" i="2" l="1"/>
  <c r="D2865" i="2"/>
  <c r="C2865" i="2"/>
  <c r="A2867" i="2" l="1"/>
  <c r="C2866" i="2"/>
  <c r="D2866" i="2"/>
  <c r="A2868" i="2" l="1"/>
  <c r="D2867" i="2"/>
  <c r="C2867" i="2"/>
  <c r="A2869" i="2" l="1"/>
  <c r="C2868" i="2"/>
  <c r="D2868" i="2"/>
  <c r="A2870" i="2" l="1"/>
  <c r="D2869" i="2"/>
  <c r="C2869" i="2"/>
  <c r="A2871" i="2" l="1"/>
  <c r="C2870" i="2"/>
  <c r="D2870" i="2"/>
  <c r="A2872" i="2" l="1"/>
  <c r="D2871" i="2"/>
  <c r="C2871" i="2"/>
  <c r="A2873" i="2" l="1"/>
  <c r="C2872" i="2"/>
  <c r="D2872" i="2"/>
  <c r="A2874" i="2" l="1"/>
  <c r="D2873" i="2"/>
  <c r="C2873" i="2"/>
  <c r="A2875" i="2" l="1"/>
  <c r="C2874" i="2"/>
  <c r="D2874" i="2"/>
  <c r="A2876" i="2" l="1"/>
  <c r="D2875" i="2"/>
  <c r="C2875" i="2"/>
  <c r="A2877" i="2" l="1"/>
  <c r="C2876" i="2"/>
  <c r="D2876" i="2"/>
  <c r="A2878" i="2" l="1"/>
  <c r="D2877" i="2"/>
  <c r="C2877" i="2"/>
  <c r="A2879" i="2" l="1"/>
  <c r="C2878" i="2"/>
  <c r="D2878" i="2"/>
  <c r="A2880" i="2" l="1"/>
  <c r="D2879" i="2"/>
  <c r="C2879" i="2"/>
  <c r="A2881" i="2" l="1"/>
  <c r="C2880" i="2"/>
  <c r="D2880" i="2"/>
  <c r="A2882" i="2" l="1"/>
  <c r="D2881" i="2"/>
  <c r="C2881" i="2"/>
  <c r="A2883" i="2" l="1"/>
  <c r="C2882" i="2"/>
  <c r="D2882" i="2"/>
  <c r="A2884" i="2" l="1"/>
  <c r="D2883" i="2"/>
  <c r="C2883" i="2"/>
  <c r="A2885" i="2" l="1"/>
  <c r="C2884" i="2"/>
  <c r="D2884" i="2"/>
  <c r="A2886" i="2" l="1"/>
  <c r="D2885" i="2"/>
  <c r="C2885" i="2"/>
  <c r="A2887" i="2" l="1"/>
  <c r="C2886" i="2"/>
  <c r="D2886" i="2"/>
  <c r="A2888" i="2" l="1"/>
  <c r="D2887" i="2"/>
  <c r="C2887" i="2"/>
  <c r="A2889" i="2" l="1"/>
  <c r="C2888" i="2"/>
  <c r="D2888" i="2"/>
  <c r="A2890" i="2" l="1"/>
  <c r="D2889" i="2"/>
  <c r="C2889" i="2"/>
  <c r="A2891" i="2" l="1"/>
  <c r="C2890" i="2"/>
  <c r="D2890" i="2"/>
  <c r="A2892" i="2" l="1"/>
  <c r="D2891" i="2"/>
  <c r="C2891" i="2"/>
  <c r="A2893" i="2" l="1"/>
  <c r="C2892" i="2"/>
  <c r="D2892" i="2"/>
  <c r="A2894" i="2" l="1"/>
  <c r="D2893" i="2"/>
  <c r="C2893" i="2"/>
  <c r="A2895" i="2" l="1"/>
  <c r="C2894" i="2"/>
  <c r="D2894" i="2"/>
  <c r="A2896" i="2" l="1"/>
  <c r="D2895" i="2"/>
  <c r="C2895" i="2"/>
  <c r="A2897" i="2" l="1"/>
  <c r="C2896" i="2"/>
  <c r="D2896" i="2"/>
  <c r="A2898" i="2" l="1"/>
  <c r="D2897" i="2"/>
  <c r="C2897" i="2"/>
  <c r="A2899" i="2" l="1"/>
  <c r="C2898" i="2"/>
  <c r="D2898" i="2"/>
  <c r="A2900" i="2" l="1"/>
  <c r="D2899" i="2"/>
  <c r="C2899" i="2"/>
  <c r="A2901" i="2" l="1"/>
  <c r="C2900" i="2"/>
  <c r="D2900" i="2"/>
  <c r="A2902" i="2" l="1"/>
  <c r="D2901" i="2"/>
  <c r="C2901" i="2"/>
  <c r="A2903" i="2" l="1"/>
  <c r="C2902" i="2"/>
  <c r="D2902" i="2"/>
  <c r="A2904" i="2" l="1"/>
  <c r="D2903" i="2"/>
  <c r="C2903" i="2"/>
  <c r="A2905" i="2" l="1"/>
  <c r="C2904" i="2"/>
  <c r="D2904" i="2"/>
  <c r="A2906" i="2" l="1"/>
  <c r="D2905" i="2"/>
  <c r="C2905" i="2"/>
  <c r="A2907" i="2" l="1"/>
  <c r="C2906" i="2"/>
  <c r="D2906" i="2"/>
  <c r="A2908" i="2" l="1"/>
  <c r="D2907" i="2"/>
  <c r="C2907" i="2"/>
  <c r="A2909" i="2" l="1"/>
  <c r="C2908" i="2"/>
  <c r="D2908" i="2"/>
  <c r="A2910" i="2" l="1"/>
  <c r="D2909" i="2"/>
  <c r="C2909" i="2"/>
  <c r="A2911" i="2" l="1"/>
  <c r="C2910" i="2"/>
  <c r="D2910" i="2"/>
  <c r="A2912" i="2" l="1"/>
  <c r="D2911" i="2"/>
  <c r="C2911" i="2"/>
  <c r="A2913" i="2" l="1"/>
  <c r="C2912" i="2"/>
  <c r="D2912" i="2"/>
  <c r="A2914" i="2" l="1"/>
  <c r="D2913" i="2"/>
  <c r="C2913" i="2"/>
  <c r="A2915" i="2" l="1"/>
  <c r="C2914" i="2"/>
  <c r="D2914" i="2"/>
  <c r="A2916" i="2" l="1"/>
  <c r="D2915" i="2"/>
  <c r="C2915" i="2"/>
  <c r="A2917" i="2" l="1"/>
  <c r="C2916" i="2"/>
  <c r="D2916" i="2"/>
  <c r="A2918" i="2" l="1"/>
  <c r="D2917" i="2"/>
  <c r="C2917" i="2"/>
  <c r="A2919" i="2" l="1"/>
  <c r="C2918" i="2"/>
  <c r="D2918" i="2"/>
  <c r="A2920" i="2" l="1"/>
  <c r="D2919" i="2"/>
  <c r="C2919" i="2"/>
  <c r="A2921" i="2" l="1"/>
  <c r="C2920" i="2"/>
  <c r="D2920" i="2"/>
  <c r="A2922" i="2" l="1"/>
  <c r="D2921" i="2"/>
  <c r="C2921" i="2"/>
  <c r="A2923" i="2" l="1"/>
  <c r="C2922" i="2"/>
  <c r="D2922" i="2"/>
  <c r="A2924" i="2" l="1"/>
  <c r="D2923" i="2"/>
  <c r="C2923" i="2"/>
  <c r="A2925" i="2" l="1"/>
  <c r="C2924" i="2"/>
  <c r="D2924" i="2"/>
  <c r="A2926" i="2" l="1"/>
  <c r="D2925" i="2"/>
  <c r="C2925" i="2"/>
  <c r="A2927" i="2" l="1"/>
  <c r="C2926" i="2"/>
  <c r="D2926" i="2"/>
  <c r="A2928" i="2" l="1"/>
  <c r="D2927" i="2"/>
  <c r="C2927" i="2"/>
  <c r="A2929" i="2" l="1"/>
  <c r="C2928" i="2"/>
  <c r="D2928" i="2"/>
  <c r="A2930" i="2" l="1"/>
  <c r="D2929" i="2"/>
  <c r="C2929" i="2"/>
  <c r="A2931" i="2" l="1"/>
  <c r="C2930" i="2"/>
  <c r="D2930" i="2"/>
  <c r="A2932" i="2" l="1"/>
  <c r="D2931" i="2"/>
  <c r="C2931" i="2"/>
  <c r="A2933" i="2" l="1"/>
  <c r="C2932" i="2"/>
  <c r="D2932" i="2"/>
  <c r="A2934" i="2" l="1"/>
  <c r="D2933" i="2"/>
  <c r="C2933" i="2"/>
  <c r="A2935" i="2" l="1"/>
  <c r="C2934" i="2"/>
  <c r="D2934" i="2"/>
  <c r="A2936" i="2" l="1"/>
  <c r="D2935" i="2"/>
  <c r="C2935" i="2"/>
  <c r="A2937" i="2" l="1"/>
  <c r="C2936" i="2"/>
  <c r="D2936" i="2"/>
  <c r="A2938" i="2" l="1"/>
  <c r="D2937" i="2"/>
  <c r="C2937" i="2"/>
  <c r="A2939" i="2" l="1"/>
  <c r="C2938" i="2"/>
  <c r="D2938" i="2"/>
  <c r="A2940" i="2" l="1"/>
  <c r="D2939" i="2"/>
  <c r="C2939" i="2"/>
  <c r="A2941" i="2" l="1"/>
  <c r="C2940" i="2"/>
  <c r="D2940" i="2"/>
  <c r="A2942" i="2" l="1"/>
  <c r="D2941" i="2"/>
  <c r="C2941" i="2"/>
  <c r="A2943" i="2" l="1"/>
  <c r="C2942" i="2"/>
  <c r="D2942" i="2"/>
  <c r="A2944" i="2" l="1"/>
  <c r="D2943" i="2"/>
  <c r="C2943" i="2"/>
  <c r="A2945" i="2" l="1"/>
  <c r="C2944" i="2"/>
  <c r="D2944" i="2"/>
  <c r="A2946" i="2" l="1"/>
  <c r="D2945" i="2"/>
  <c r="C2945" i="2"/>
  <c r="A2947" i="2" l="1"/>
  <c r="C2946" i="2"/>
  <c r="D2946" i="2"/>
  <c r="A2948" i="2" l="1"/>
  <c r="D2947" i="2"/>
  <c r="C2947" i="2"/>
  <c r="A2949" i="2" l="1"/>
  <c r="C2948" i="2"/>
  <c r="D2948" i="2"/>
  <c r="A2950" i="2" l="1"/>
  <c r="D2949" i="2"/>
  <c r="C2949" i="2"/>
  <c r="A2951" i="2" l="1"/>
  <c r="C2950" i="2"/>
  <c r="D2950" i="2"/>
  <c r="A2952" i="2" l="1"/>
  <c r="D2951" i="2"/>
  <c r="C2951" i="2"/>
  <c r="A2953" i="2" l="1"/>
  <c r="C2952" i="2"/>
  <c r="D2952" i="2"/>
  <c r="A2954" i="2" l="1"/>
  <c r="D2953" i="2"/>
  <c r="C2953" i="2"/>
  <c r="A2955" i="2" l="1"/>
  <c r="C2954" i="2"/>
  <c r="D2954" i="2"/>
  <c r="A2956" i="2" l="1"/>
  <c r="D2955" i="2"/>
  <c r="C2955" i="2"/>
  <c r="A2957" i="2" l="1"/>
  <c r="C2956" i="2"/>
  <c r="D2956" i="2"/>
  <c r="A2958" i="2" l="1"/>
  <c r="D2957" i="2"/>
  <c r="C2957" i="2"/>
  <c r="A2959" i="2" l="1"/>
  <c r="C2958" i="2"/>
  <c r="D2958" i="2"/>
  <c r="A2960" i="2" l="1"/>
  <c r="D2959" i="2"/>
  <c r="C2959" i="2"/>
  <c r="A2961" i="2" l="1"/>
  <c r="C2960" i="2"/>
  <c r="D2960" i="2"/>
  <c r="A2962" i="2" l="1"/>
  <c r="D2961" i="2"/>
  <c r="C2961" i="2"/>
  <c r="A2963" i="2" l="1"/>
  <c r="C2962" i="2"/>
  <c r="D2962" i="2"/>
  <c r="A2964" i="2" l="1"/>
  <c r="D2963" i="2"/>
  <c r="C2963" i="2"/>
  <c r="A2965" i="2" l="1"/>
  <c r="C2964" i="2"/>
  <c r="D2964" i="2"/>
  <c r="A2966" i="2" l="1"/>
  <c r="D2965" i="2"/>
  <c r="C2965" i="2"/>
  <c r="A2967" i="2" l="1"/>
  <c r="C2966" i="2"/>
  <c r="D2966" i="2"/>
  <c r="A2968" i="2" l="1"/>
  <c r="D2967" i="2"/>
  <c r="C2967" i="2"/>
  <c r="A2969" i="2" l="1"/>
  <c r="C2968" i="2"/>
  <c r="D2968" i="2"/>
  <c r="A2970" i="2" l="1"/>
  <c r="D2969" i="2"/>
  <c r="C2969" i="2"/>
  <c r="A2971" i="2" l="1"/>
  <c r="C2970" i="2"/>
  <c r="D2970" i="2"/>
  <c r="A2972" i="2" l="1"/>
  <c r="D2971" i="2"/>
  <c r="C2971" i="2"/>
  <c r="A2973" i="2" l="1"/>
  <c r="C2972" i="2"/>
  <c r="D2972" i="2"/>
  <c r="A2974" i="2" l="1"/>
  <c r="D2973" i="2"/>
  <c r="C2973" i="2"/>
  <c r="A2975" i="2" l="1"/>
  <c r="C2974" i="2"/>
  <c r="D2974" i="2"/>
  <c r="A2976" i="2" l="1"/>
  <c r="D2975" i="2"/>
  <c r="C2975" i="2"/>
  <c r="A2977" i="2" l="1"/>
  <c r="C2976" i="2"/>
  <c r="D2976" i="2"/>
  <c r="A2978" i="2" l="1"/>
  <c r="D2977" i="2"/>
  <c r="C2977" i="2"/>
  <c r="A2979" i="2" l="1"/>
  <c r="C2978" i="2"/>
  <c r="D2978" i="2"/>
  <c r="A2980" i="2" l="1"/>
  <c r="D2979" i="2"/>
  <c r="C2979" i="2"/>
  <c r="A2981" i="2" l="1"/>
  <c r="C2980" i="2"/>
  <c r="D2980" i="2"/>
  <c r="A2982" i="2" l="1"/>
  <c r="D2981" i="2"/>
  <c r="C2981" i="2"/>
  <c r="A2983" i="2" l="1"/>
  <c r="C2982" i="2"/>
  <c r="D2982" i="2"/>
  <c r="A2984" i="2" l="1"/>
  <c r="D2983" i="2"/>
  <c r="C2983" i="2"/>
  <c r="A2985" i="2" l="1"/>
  <c r="C2984" i="2"/>
  <c r="D2984" i="2"/>
  <c r="A2986" i="2" l="1"/>
  <c r="D2985" i="2"/>
  <c r="C2985" i="2"/>
  <c r="A2987" i="2" l="1"/>
  <c r="C2986" i="2"/>
  <c r="D2986" i="2"/>
  <c r="A2988" i="2" l="1"/>
  <c r="D2987" i="2"/>
  <c r="C2987" i="2"/>
  <c r="A2989" i="2" l="1"/>
  <c r="C2988" i="2"/>
  <c r="D2988" i="2"/>
  <c r="A2990" i="2" l="1"/>
  <c r="D2989" i="2"/>
  <c r="C2989" i="2"/>
  <c r="A2991" i="2" l="1"/>
  <c r="C2990" i="2"/>
  <c r="D2990" i="2"/>
  <c r="A2992" i="2" l="1"/>
  <c r="D2991" i="2"/>
  <c r="C2991" i="2"/>
  <c r="A2993" i="2" l="1"/>
  <c r="C2992" i="2"/>
  <c r="D2992" i="2"/>
  <c r="A2994" i="2" l="1"/>
  <c r="D2993" i="2"/>
  <c r="C2993" i="2"/>
  <c r="A2995" i="2" l="1"/>
  <c r="C2994" i="2"/>
  <c r="D2994" i="2"/>
  <c r="A2996" i="2" l="1"/>
  <c r="D2995" i="2"/>
  <c r="C2995" i="2"/>
  <c r="A2997" i="2" l="1"/>
  <c r="C2996" i="2"/>
  <c r="D2996" i="2"/>
  <c r="A2998" i="2" l="1"/>
  <c r="D2997" i="2"/>
  <c r="C2997" i="2"/>
  <c r="A2999" i="2" l="1"/>
  <c r="C2998" i="2"/>
  <c r="D2998" i="2"/>
  <c r="A3000" i="2" l="1"/>
  <c r="D2999" i="2"/>
  <c r="C2999" i="2"/>
  <c r="A3001" i="2" l="1"/>
  <c r="C3000" i="2"/>
  <c r="D3000" i="2"/>
  <c r="A3002" i="2" l="1"/>
  <c r="D3001" i="2"/>
  <c r="C3001" i="2"/>
  <c r="A3003" i="2" l="1"/>
  <c r="C3002" i="2"/>
  <c r="D3002" i="2"/>
  <c r="A3004" i="2" l="1"/>
  <c r="D3003" i="2"/>
  <c r="C3003" i="2"/>
  <c r="A3005" i="2" l="1"/>
  <c r="C3004" i="2"/>
  <c r="D3004" i="2"/>
  <c r="A3006" i="2" l="1"/>
  <c r="D3005" i="2"/>
  <c r="C3005" i="2"/>
  <c r="A3007" i="2" l="1"/>
  <c r="C3006" i="2"/>
  <c r="D3006" i="2"/>
  <c r="A3008" i="2" l="1"/>
  <c r="D3007" i="2"/>
  <c r="C3007" i="2"/>
  <c r="A3009" i="2" l="1"/>
  <c r="C3008" i="2"/>
  <c r="D3008" i="2"/>
  <c r="A3010" i="2" l="1"/>
  <c r="D3009" i="2"/>
  <c r="C3009" i="2"/>
  <c r="A3011" i="2" l="1"/>
  <c r="C3010" i="2"/>
  <c r="D3010" i="2"/>
  <c r="A3012" i="2" l="1"/>
  <c r="D3011" i="2"/>
  <c r="C3011" i="2"/>
  <c r="A3013" i="2" l="1"/>
  <c r="C3012" i="2"/>
  <c r="D3012" i="2"/>
  <c r="A3014" i="2" l="1"/>
  <c r="D3013" i="2"/>
  <c r="C3013" i="2"/>
  <c r="A3015" i="2" l="1"/>
  <c r="C3014" i="2"/>
  <c r="D3014" i="2"/>
  <c r="A3016" i="2" l="1"/>
  <c r="D3015" i="2"/>
  <c r="C3015" i="2"/>
  <c r="A3017" i="2" l="1"/>
  <c r="C3016" i="2"/>
  <c r="D3016" i="2"/>
  <c r="A3018" i="2" l="1"/>
  <c r="D3017" i="2"/>
  <c r="C3017" i="2"/>
  <c r="A3019" i="2" l="1"/>
  <c r="C3018" i="2"/>
  <c r="D3018" i="2"/>
  <c r="A3020" i="2" l="1"/>
  <c r="D3019" i="2"/>
  <c r="C3019" i="2"/>
  <c r="A3021" i="2" l="1"/>
  <c r="C3020" i="2"/>
  <c r="D3020" i="2"/>
  <c r="A3022" i="2" l="1"/>
  <c r="D3021" i="2"/>
  <c r="C3021" i="2"/>
  <c r="A3023" i="2" l="1"/>
  <c r="C3022" i="2"/>
  <c r="D3022" i="2"/>
  <c r="A3024" i="2" l="1"/>
  <c r="D3023" i="2"/>
  <c r="C3023" i="2"/>
  <c r="A3025" i="2" l="1"/>
  <c r="C3024" i="2"/>
  <c r="D3024" i="2"/>
  <c r="A3026" i="2" l="1"/>
  <c r="D3025" i="2"/>
  <c r="C3025" i="2"/>
  <c r="A3027" i="2" l="1"/>
  <c r="C3026" i="2"/>
  <c r="D3026" i="2"/>
  <c r="A3028" i="2" l="1"/>
  <c r="D3027" i="2"/>
  <c r="C3027" i="2"/>
  <c r="A3029" i="2" l="1"/>
  <c r="C3028" i="2"/>
  <c r="D3028" i="2"/>
  <c r="A3030" i="2" l="1"/>
  <c r="D3029" i="2"/>
  <c r="C3029" i="2"/>
  <c r="A3031" i="2" l="1"/>
  <c r="C3030" i="2"/>
  <c r="D3030" i="2"/>
  <c r="A3032" i="2" l="1"/>
  <c r="D3031" i="2"/>
  <c r="C3031" i="2"/>
  <c r="A3033" i="2" l="1"/>
  <c r="C3032" i="2"/>
  <c r="D3032" i="2"/>
  <c r="A3034" i="2" l="1"/>
  <c r="D3033" i="2"/>
  <c r="C3033" i="2"/>
  <c r="A3035" i="2" l="1"/>
  <c r="C3034" i="2"/>
  <c r="D3034" i="2"/>
  <c r="A3036" i="2" l="1"/>
  <c r="D3035" i="2"/>
  <c r="C3035" i="2"/>
  <c r="A3037" i="2" l="1"/>
  <c r="C3036" i="2"/>
  <c r="D3036" i="2"/>
  <c r="A3038" i="2" l="1"/>
  <c r="D3037" i="2"/>
  <c r="C3037" i="2"/>
  <c r="A3039" i="2" l="1"/>
  <c r="C3038" i="2"/>
  <c r="D3038" i="2"/>
  <c r="A3040" i="2" l="1"/>
  <c r="D3039" i="2"/>
  <c r="C3039" i="2"/>
  <c r="A3041" i="2" l="1"/>
  <c r="C3040" i="2"/>
  <c r="D3040" i="2"/>
  <c r="A3042" i="2" l="1"/>
  <c r="D3041" i="2"/>
  <c r="C3041" i="2"/>
  <c r="A3043" i="2" l="1"/>
  <c r="C3042" i="2"/>
  <c r="D3042" i="2"/>
  <c r="A3044" i="2" l="1"/>
  <c r="D3043" i="2"/>
  <c r="C3043" i="2"/>
  <c r="A3045" i="2" l="1"/>
  <c r="C3044" i="2"/>
  <c r="D3044" i="2"/>
  <c r="A3046" i="2" l="1"/>
  <c r="D3045" i="2"/>
  <c r="C3045" i="2"/>
  <c r="A3047" i="2" l="1"/>
  <c r="C3046" i="2"/>
  <c r="D3046" i="2"/>
  <c r="A3048" i="2" l="1"/>
  <c r="D3047" i="2"/>
  <c r="C3047" i="2"/>
  <c r="A3049" i="2" l="1"/>
  <c r="C3048" i="2"/>
  <c r="D3048" i="2"/>
  <c r="A3050" i="2" l="1"/>
  <c r="D3049" i="2"/>
  <c r="C3049" i="2"/>
  <c r="A3051" i="2" l="1"/>
  <c r="C3050" i="2"/>
  <c r="D3050" i="2"/>
  <c r="A3052" i="2" l="1"/>
  <c r="D3051" i="2"/>
  <c r="C3051" i="2"/>
  <c r="A3053" i="2" l="1"/>
  <c r="C3052" i="2"/>
  <c r="D3052" i="2"/>
  <c r="A3054" i="2" l="1"/>
  <c r="D3053" i="2"/>
  <c r="C3053" i="2"/>
  <c r="A3055" i="2" l="1"/>
  <c r="C3054" i="2"/>
  <c r="D3054" i="2"/>
  <c r="A3056" i="2" l="1"/>
  <c r="D3055" i="2"/>
  <c r="C3055" i="2"/>
  <c r="A3057" i="2" l="1"/>
  <c r="C3056" i="2"/>
  <c r="D3056" i="2"/>
  <c r="A3058" i="2" l="1"/>
  <c r="D3057" i="2"/>
  <c r="C3057" i="2"/>
  <c r="A3059" i="2" l="1"/>
  <c r="C3058" i="2"/>
  <c r="D3058" i="2"/>
  <c r="A3060" i="2" l="1"/>
  <c r="D3059" i="2"/>
  <c r="C3059" i="2"/>
  <c r="A3061" i="2" l="1"/>
  <c r="C3060" i="2"/>
  <c r="D3060" i="2"/>
  <c r="A3062" i="2" l="1"/>
  <c r="D3061" i="2"/>
  <c r="C3061" i="2"/>
  <c r="A3063" i="2" l="1"/>
  <c r="C3062" i="2"/>
  <c r="D3062" i="2"/>
  <c r="A3064" i="2" l="1"/>
  <c r="D3063" i="2"/>
  <c r="C3063" i="2"/>
  <c r="A3065" i="2" l="1"/>
  <c r="C3064" i="2"/>
  <c r="D3064" i="2"/>
  <c r="A3066" i="2" l="1"/>
  <c r="D3065" i="2"/>
  <c r="C3065" i="2"/>
  <c r="A3067" i="2" l="1"/>
  <c r="C3066" i="2"/>
  <c r="D3066" i="2"/>
  <c r="A3068" i="2" l="1"/>
  <c r="D3067" i="2"/>
  <c r="C3067" i="2"/>
  <c r="A3069" i="2" l="1"/>
  <c r="C3068" i="2"/>
  <c r="D3068" i="2"/>
  <c r="A3070" i="2" l="1"/>
  <c r="D3069" i="2"/>
  <c r="C3069" i="2"/>
  <c r="A3071" i="2" l="1"/>
  <c r="C3070" i="2"/>
  <c r="D3070" i="2"/>
  <c r="A3072" i="2" l="1"/>
  <c r="D3071" i="2"/>
  <c r="C3071" i="2"/>
  <c r="A3073" i="2" l="1"/>
  <c r="C3072" i="2"/>
  <c r="D3072" i="2"/>
  <c r="A3074" i="2" l="1"/>
  <c r="D3073" i="2"/>
  <c r="C3073" i="2"/>
  <c r="A3075" i="2" l="1"/>
  <c r="C3074" i="2"/>
  <c r="D3074" i="2"/>
  <c r="A3076" i="2" l="1"/>
  <c r="D3075" i="2"/>
  <c r="C3075" i="2"/>
  <c r="A3077" i="2" l="1"/>
  <c r="C3076" i="2"/>
  <c r="D3076" i="2"/>
  <c r="A3078" i="2" l="1"/>
  <c r="D3077" i="2"/>
  <c r="C3077" i="2"/>
  <c r="A3079" i="2" l="1"/>
  <c r="C3078" i="2"/>
  <c r="D3078" i="2"/>
  <c r="A3080" i="2" l="1"/>
  <c r="D3079" i="2"/>
  <c r="C3079" i="2"/>
  <c r="A3081" i="2" l="1"/>
  <c r="C3080" i="2"/>
  <c r="D3080" i="2"/>
  <c r="A3082" i="2" l="1"/>
  <c r="D3081" i="2"/>
  <c r="C3081" i="2"/>
  <c r="A3083" i="2" l="1"/>
  <c r="C3082" i="2"/>
  <c r="D3082" i="2"/>
  <c r="A3084" i="2" l="1"/>
  <c r="D3083" i="2"/>
  <c r="C3083" i="2"/>
  <c r="A3085" i="2" l="1"/>
  <c r="C3084" i="2"/>
  <c r="D3084" i="2"/>
  <c r="A3086" i="2" l="1"/>
  <c r="D3085" i="2"/>
  <c r="C3085" i="2"/>
  <c r="A3087" i="2" l="1"/>
  <c r="C3086" i="2"/>
  <c r="D3086" i="2"/>
  <c r="A3088" i="2" l="1"/>
  <c r="D3087" i="2"/>
  <c r="C3087" i="2"/>
  <c r="A3089" i="2" l="1"/>
  <c r="C3088" i="2"/>
  <c r="D3088" i="2"/>
  <c r="A3090" i="2" l="1"/>
  <c r="D3089" i="2"/>
  <c r="C3089" i="2"/>
  <c r="A3091" i="2" l="1"/>
  <c r="C3090" i="2"/>
  <c r="D3090" i="2"/>
  <c r="A3092" i="2" l="1"/>
  <c r="D3091" i="2"/>
  <c r="C3091" i="2"/>
  <c r="A3093" i="2" l="1"/>
  <c r="C3092" i="2"/>
  <c r="D3092" i="2"/>
  <c r="A3094" i="2" l="1"/>
  <c r="D3093" i="2"/>
  <c r="C3093" i="2"/>
  <c r="A3095" i="2" l="1"/>
  <c r="C3094" i="2"/>
  <c r="D3094" i="2"/>
  <c r="A3096" i="2" l="1"/>
  <c r="D3095" i="2"/>
  <c r="C3095" i="2"/>
  <c r="A3097" i="2" l="1"/>
  <c r="C3096" i="2"/>
  <c r="D3096" i="2"/>
  <c r="A3098" i="2" l="1"/>
  <c r="D3097" i="2"/>
  <c r="C3097" i="2"/>
  <c r="A3099" i="2" l="1"/>
  <c r="C3098" i="2"/>
  <c r="D3098" i="2"/>
  <c r="A3100" i="2" l="1"/>
  <c r="D3099" i="2"/>
  <c r="C3099" i="2"/>
  <c r="A3101" i="2" l="1"/>
  <c r="C3100" i="2"/>
  <c r="D3100" i="2"/>
  <c r="A3102" i="2" l="1"/>
  <c r="D3101" i="2"/>
  <c r="C3101" i="2"/>
  <c r="A3103" i="2" l="1"/>
  <c r="C3102" i="2"/>
  <c r="D3102" i="2"/>
  <c r="A3104" i="2" l="1"/>
  <c r="D3103" i="2"/>
  <c r="C3103" i="2"/>
  <c r="A3105" i="2" l="1"/>
  <c r="C3104" i="2"/>
  <c r="D3104" i="2"/>
  <c r="A3106" i="2" l="1"/>
  <c r="D3105" i="2"/>
  <c r="C3105" i="2"/>
  <c r="A3107" i="2" l="1"/>
  <c r="C3106" i="2"/>
  <c r="D3106" i="2"/>
  <c r="A3108" i="2" l="1"/>
  <c r="D3107" i="2"/>
  <c r="C3107" i="2"/>
  <c r="A3109" i="2" l="1"/>
  <c r="C3108" i="2"/>
  <c r="D3108" i="2"/>
  <c r="A3110" i="2" l="1"/>
  <c r="D3109" i="2"/>
  <c r="C3109" i="2"/>
  <c r="A3111" i="2" l="1"/>
  <c r="C3110" i="2"/>
  <c r="D3110" i="2"/>
  <c r="A3112" i="2" l="1"/>
  <c r="D3111" i="2"/>
  <c r="C3111" i="2"/>
  <c r="A3113" i="2" l="1"/>
  <c r="C3112" i="2"/>
  <c r="D3112" i="2"/>
  <c r="A3114" i="2" l="1"/>
  <c r="D3113" i="2"/>
  <c r="C3113" i="2"/>
  <c r="A3115" i="2" l="1"/>
  <c r="C3114" i="2"/>
  <c r="D3114" i="2"/>
  <c r="A3116" i="2" l="1"/>
  <c r="D3115" i="2"/>
  <c r="C3115" i="2"/>
  <c r="A3117" i="2" l="1"/>
  <c r="C3116" i="2"/>
  <c r="D3116" i="2"/>
  <c r="A3118" i="2" l="1"/>
  <c r="D3117" i="2"/>
  <c r="C3117" i="2"/>
  <c r="A3119" i="2" l="1"/>
  <c r="C3118" i="2"/>
  <c r="D3118" i="2"/>
  <c r="A3120" i="2" l="1"/>
  <c r="D3119" i="2"/>
  <c r="C3119" i="2"/>
  <c r="A3121" i="2" l="1"/>
  <c r="C3120" i="2"/>
  <c r="D3120" i="2"/>
  <c r="A3122" i="2" l="1"/>
  <c r="D3121" i="2"/>
  <c r="C3121" i="2"/>
  <c r="A3123" i="2" l="1"/>
  <c r="C3122" i="2"/>
  <c r="D3122" i="2"/>
  <c r="A3124" i="2" l="1"/>
  <c r="D3123" i="2"/>
  <c r="C3123" i="2"/>
  <c r="A3125" i="2" l="1"/>
  <c r="C3124" i="2"/>
  <c r="D3124" i="2"/>
  <c r="A3126" i="2" l="1"/>
  <c r="D3125" i="2"/>
  <c r="C3125" i="2"/>
  <c r="A3127" i="2" l="1"/>
  <c r="C3126" i="2"/>
  <c r="D3126" i="2"/>
  <c r="A3128" i="2" l="1"/>
  <c r="D3127" i="2"/>
  <c r="C3127" i="2"/>
  <c r="A3129" i="2" l="1"/>
  <c r="C3128" i="2"/>
  <c r="D3128" i="2"/>
  <c r="A3130" i="2" l="1"/>
  <c r="D3129" i="2"/>
  <c r="C3129" i="2"/>
  <c r="A3131" i="2" l="1"/>
  <c r="C3130" i="2"/>
  <c r="D3130" i="2"/>
  <c r="A3132" i="2" l="1"/>
  <c r="D3131" i="2"/>
  <c r="C3131" i="2"/>
  <c r="A3133" i="2" l="1"/>
  <c r="C3132" i="2"/>
  <c r="D3132" i="2"/>
  <c r="A3134" i="2" l="1"/>
  <c r="D3133" i="2"/>
  <c r="C3133" i="2"/>
  <c r="A3135" i="2" l="1"/>
  <c r="C3134" i="2"/>
  <c r="D3134" i="2"/>
  <c r="A3136" i="2" l="1"/>
  <c r="D3135" i="2"/>
  <c r="C3135" i="2"/>
  <c r="A3137" i="2" l="1"/>
  <c r="C3136" i="2"/>
  <c r="D3136" i="2"/>
  <c r="A3138" i="2" l="1"/>
  <c r="D3137" i="2"/>
  <c r="C3137" i="2"/>
  <c r="A3139" i="2" l="1"/>
  <c r="C3138" i="2"/>
  <c r="D3138" i="2"/>
  <c r="A3140" i="2" l="1"/>
  <c r="D3139" i="2"/>
  <c r="C3139" i="2"/>
  <c r="A3141" i="2" l="1"/>
  <c r="C3140" i="2"/>
  <c r="D3140" i="2"/>
  <c r="A3142" i="2" l="1"/>
  <c r="D3141" i="2"/>
  <c r="C3141" i="2"/>
  <c r="A3143" i="2" l="1"/>
  <c r="C3142" i="2"/>
  <c r="D3142" i="2"/>
  <c r="A3144" i="2" l="1"/>
  <c r="D3143" i="2"/>
  <c r="C3143" i="2"/>
  <c r="A3145" i="2" l="1"/>
  <c r="C3144" i="2"/>
  <c r="D3144" i="2"/>
  <c r="A3146" i="2" l="1"/>
  <c r="D3145" i="2"/>
  <c r="C3145" i="2"/>
  <c r="A3147" i="2" l="1"/>
  <c r="C3146" i="2"/>
  <c r="D3146" i="2"/>
  <c r="A3148" i="2" l="1"/>
  <c r="D3147" i="2"/>
  <c r="C3147" i="2"/>
  <c r="A3149" i="2" l="1"/>
  <c r="C3148" i="2"/>
  <c r="D3148" i="2"/>
  <c r="A3150" i="2" l="1"/>
  <c r="D3149" i="2"/>
  <c r="C3149" i="2"/>
  <c r="A3151" i="2" l="1"/>
  <c r="C3150" i="2"/>
  <c r="D3150" i="2"/>
  <c r="A3152" i="2" l="1"/>
  <c r="D3151" i="2"/>
  <c r="C3151" i="2"/>
  <c r="A3153" i="2" l="1"/>
  <c r="C3152" i="2"/>
  <c r="D3152" i="2"/>
  <c r="A3154" i="2" l="1"/>
  <c r="D3153" i="2"/>
  <c r="C3153" i="2"/>
  <c r="A3155" i="2" l="1"/>
  <c r="C3154" i="2"/>
  <c r="D3154" i="2"/>
  <c r="A3156" i="2" l="1"/>
  <c r="D3155" i="2"/>
  <c r="C3155" i="2"/>
  <c r="A3157" i="2" l="1"/>
  <c r="C3156" i="2"/>
  <c r="D3156" i="2"/>
  <c r="A3158" i="2" l="1"/>
  <c r="D3157" i="2"/>
  <c r="C3157" i="2"/>
  <c r="A3159" i="2" l="1"/>
  <c r="C3158" i="2"/>
  <c r="D3158" i="2"/>
  <c r="A3160" i="2" l="1"/>
  <c r="D3159" i="2"/>
  <c r="C3159" i="2"/>
  <c r="A3161" i="2" l="1"/>
  <c r="C3160" i="2"/>
  <c r="D3160" i="2"/>
  <c r="A3162" i="2" l="1"/>
  <c r="D3161" i="2"/>
  <c r="C3161" i="2"/>
  <c r="A3163" i="2" l="1"/>
  <c r="C3162" i="2"/>
  <c r="D3162" i="2"/>
  <c r="A3164" i="2" l="1"/>
  <c r="D3163" i="2"/>
  <c r="C3163" i="2"/>
  <c r="A3165" i="2" l="1"/>
  <c r="C3164" i="2"/>
  <c r="D3164" i="2"/>
  <c r="A3166" i="2" l="1"/>
  <c r="D3165" i="2"/>
  <c r="C3165" i="2"/>
  <c r="A3167" i="2" l="1"/>
  <c r="C3166" i="2"/>
  <c r="D3166" i="2"/>
  <c r="A3168" i="2" l="1"/>
  <c r="D3167" i="2"/>
  <c r="C3167" i="2"/>
  <c r="A3169" i="2" l="1"/>
  <c r="C3168" i="2"/>
  <c r="D3168" i="2"/>
  <c r="A3170" i="2" l="1"/>
  <c r="D3169" i="2"/>
  <c r="C3169" i="2"/>
  <c r="A3171" i="2" l="1"/>
  <c r="C3170" i="2"/>
  <c r="D3170" i="2"/>
  <c r="A3172" i="2" l="1"/>
  <c r="D3171" i="2"/>
  <c r="C3171" i="2"/>
  <c r="A3173" i="2" l="1"/>
  <c r="C3172" i="2"/>
  <c r="D3172" i="2"/>
  <c r="A3174" i="2" l="1"/>
  <c r="D3173" i="2"/>
  <c r="C3173" i="2"/>
  <c r="A3175" i="2" l="1"/>
  <c r="C3174" i="2"/>
  <c r="D3174" i="2"/>
  <c r="A3176" i="2" l="1"/>
  <c r="D3175" i="2"/>
  <c r="C3175" i="2"/>
  <c r="A3177" i="2" l="1"/>
  <c r="C3176" i="2"/>
  <c r="D3176" i="2"/>
  <c r="A3178" i="2" l="1"/>
  <c r="D3177" i="2"/>
  <c r="C3177" i="2"/>
  <c r="A3179" i="2" l="1"/>
  <c r="C3178" i="2"/>
  <c r="D3178" i="2"/>
  <c r="A3180" i="2" l="1"/>
  <c r="D3179" i="2"/>
  <c r="C3179" i="2"/>
  <c r="A3181" i="2" l="1"/>
  <c r="C3180" i="2"/>
  <c r="D3180" i="2"/>
  <c r="A3182" i="2" l="1"/>
  <c r="D3181" i="2"/>
  <c r="C3181" i="2"/>
  <c r="A3183" i="2" l="1"/>
  <c r="C3182" i="2"/>
  <c r="D3182" i="2"/>
  <c r="A3184" i="2" l="1"/>
  <c r="D3183" i="2"/>
  <c r="C3183" i="2"/>
  <c r="A3185" i="2" l="1"/>
  <c r="C3184" i="2"/>
  <c r="D3184" i="2"/>
  <c r="A3186" i="2" l="1"/>
  <c r="D3185" i="2"/>
  <c r="C3185" i="2"/>
  <c r="A3187" i="2" l="1"/>
  <c r="C3186" i="2"/>
  <c r="D3186" i="2"/>
  <c r="A3188" i="2" l="1"/>
  <c r="D3187" i="2"/>
  <c r="C3187" i="2"/>
  <c r="A3189" i="2" l="1"/>
  <c r="C3188" i="2"/>
  <c r="D3188" i="2"/>
  <c r="A3190" i="2" l="1"/>
  <c r="D3189" i="2"/>
  <c r="C3189" i="2"/>
  <c r="A3191" i="2" l="1"/>
  <c r="C3190" i="2"/>
  <c r="D3190" i="2"/>
  <c r="A3192" i="2" l="1"/>
  <c r="D3191" i="2"/>
  <c r="C3191" i="2"/>
  <c r="A3193" i="2" l="1"/>
  <c r="C3192" i="2"/>
  <c r="D3192" i="2"/>
  <c r="A3194" i="2" l="1"/>
  <c r="D3193" i="2"/>
  <c r="C3193" i="2"/>
  <c r="A3195" i="2" l="1"/>
  <c r="C3194" i="2"/>
  <c r="D3194" i="2"/>
  <c r="A3196" i="2" l="1"/>
  <c r="D3195" i="2"/>
  <c r="C3195" i="2"/>
  <c r="A3197" i="2" l="1"/>
  <c r="C3196" i="2"/>
  <c r="D3196" i="2"/>
  <c r="A3198" i="2" l="1"/>
  <c r="D3197" i="2"/>
  <c r="C3197" i="2"/>
  <c r="A3199" i="2" l="1"/>
  <c r="C3198" i="2"/>
  <c r="D3198" i="2"/>
  <c r="A3200" i="2" l="1"/>
  <c r="D3199" i="2"/>
  <c r="C3199" i="2"/>
  <c r="A3201" i="2" l="1"/>
  <c r="C3200" i="2"/>
  <c r="D3200" i="2"/>
  <c r="A3202" i="2" l="1"/>
  <c r="D3201" i="2"/>
  <c r="C3201" i="2"/>
  <c r="A3203" i="2" l="1"/>
  <c r="C3202" i="2"/>
  <c r="D3202" i="2"/>
  <c r="A3204" i="2" l="1"/>
  <c r="D3203" i="2"/>
  <c r="C3203" i="2"/>
  <c r="A3205" i="2" l="1"/>
  <c r="C3204" i="2"/>
  <c r="D3204" i="2"/>
  <c r="A3206" i="2" l="1"/>
  <c r="D3205" i="2"/>
  <c r="C3205" i="2"/>
  <c r="A3207" i="2" l="1"/>
  <c r="C3206" i="2"/>
  <c r="D3206" i="2"/>
  <c r="A3208" i="2" l="1"/>
  <c r="D3207" i="2"/>
  <c r="C3207" i="2"/>
  <c r="A3209" i="2" l="1"/>
  <c r="C3208" i="2"/>
  <c r="D3208" i="2"/>
  <c r="A3210" i="2" l="1"/>
  <c r="D3209" i="2"/>
  <c r="C3209" i="2"/>
  <c r="A3211" i="2" l="1"/>
  <c r="C3210" i="2"/>
  <c r="D3210" i="2"/>
  <c r="A3212" i="2" l="1"/>
  <c r="D3211" i="2"/>
  <c r="C3211" i="2"/>
  <c r="A3213" i="2" l="1"/>
  <c r="C3212" i="2"/>
  <c r="D3212" i="2"/>
  <c r="A3214" i="2" l="1"/>
  <c r="D3213" i="2"/>
  <c r="C3213" i="2"/>
  <c r="A3215" i="2" l="1"/>
  <c r="C3214" i="2"/>
  <c r="D3214" i="2"/>
  <c r="A3216" i="2" l="1"/>
  <c r="D3215" i="2"/>
  <c r="C3215" i="2"/>
  <c r="A3217" i="2" l="1"/>
  <c r="C3216" i="2"/>
  <c r="D3216" i="2"/>
  <c r="A3218" i="2" l="1"/>
  <c r="D3217" i="2"/>
  <c r="C3217" i="2"/>
  <c r="A3219" i="2" l="1"/>
  <c r="C3218" i="2"/>
  <c r="D3218" i="2"/>
  <c r="A3220" i="2" l="1"/>
  <c r="D3219" i="2"/>
  <c r="C3219" i="2"/>
  <c r="A3221" i="2" l="1"/>
  <c r="C3220" i="2"/>
  <c r="D3220" i="2"/>
  <c r="A3222" i="2" l="1"/>
  <c r="D3221" i="2"/>
  <c r="C3221" i="2"/>
  <c r="A3223" i="2" l="1"/>
  <c r="C3222" i="2"/>
  <c r="D3222" i="2"/>
  <c r="A3224" i="2" l="1"/>
  <c r="D3223" i="2"/>
  <c r="C3223" i="2"/>
  <c r="A3225" i="2" l="1"/>
  <c r="C3224" i="2"/>
  <c r="D3224" i="2"/>
  <c r="A3226" i="2" l="1"/>
  <c r="D3225" i="2"/>
  <c r="C3225" i="2"/>
  <c r="A3227" i="2" l="1"/>
  <c r="C3226" i="2"/>
  <c r="D3226" i="2"/>
  <c r="A3228" i="2" l="1"/>
  <c r="D3227" i="2"/>
  <c r="C3227" i="2"/>
  <c r="A3229" i="2" l="1"/>
  <c r="C3228" i="2"/>
  <c r="D3228" i="2"/>
  <c r="A3230" i="2" l="1"/>
  <c r="D3229" i="2"/>
  <c r="C3229" i="2"/>
  <c r="A3231" i="2" l="1"/>
  <c r="C3230" i="2"/>
  <c r="D3230" i="2"/>
  <c r="A3232" i="2" l="1"/>
  <c r="D3231" i="2"/>
  <c r="C3231" i="2"/>
  <c r="A3233" i="2" l="1"/>
  <c r="C3232" i="2"/>
  <c r="D3232" i="2"/>
  <c r="A3234" i="2" l="1"/>
  <c r="D3233" i="2"/>
  <c r="C3233" i="2"/>
  <c r="A3235" i="2" l="1"/>
  <c r="C3234" i="2"/>
  <c r="D3234" i="2"/>
  <c r="A3236" i="2" l="1"/>
  <c r="D3235" i="2"/>
  <c r="C3235" i="2"/>
  <c r="A3237" i="2" l="1"/>
  <c r="C3236" i="2"/>
  <c r="D3236" i="2"/>
  <c r="A3238" i="2" l="1"/>
  <c r="D3237" i="2"/>
  <c r="C3237" i="2"/>
  <c r="A3239" i="2" l="1"/>
  <c r="C3238" i="2"/>
  <c r="D3238" i="2"/>
  <c r="A3240" i="2" l="1"/>
  <c r="D3239" i="2"/>
  <c r="C3239" i="2"/>
  <c r="A3241" i="2" l="1"/>
  <c r="C3240" i="2"/>
  <c r="D3240" i="2"/>
  <c r="A3242" i="2" l="1"/>
  <c r="D3241" i="2"/>
  <c r="C3241" i="2"/>
  <c r="A3243" i="2" l="1"/>
  <c r="C3242" i="2"/>
  <c r="D3242" i="2"/>
  <c r="A3244" i="2" l="1"/>
  <c r="D3243" i="2"/>
  <c r="C3243" i="2"/>
  <c r="A3245" i="2" l="1"/>
  <c r="C3244" i="2"/>
  <c r="D3244" i="2"/>
  <c r="A3246" i="2" l="1"/>
  <c r="D3245" i="2"/>
  <c r="C3245" i="2"/>
  <c r="A3247" i="2" l="1"/>
  <c r="C3246" i="2"/>
  <c r="D3246" i="2"/>
  <c r="A3248" i="2" l="1"/>
  <c r="D3247" i="2"/>
  <c r="C3247" i="2"/>
  <c r="A3249" i="2" l="1"/>
  <c r="C3248" i="2"/>
  <c r="D3248" i="2"/>
  <c r="A3250" i="2" l="1"/>
  <c r="D3249" i="2"/>
  <c r="C3249" i="2"/>
  <c r="A3251" i="2" l="1"/>
  <c r="C3250" i="2"/>
  <c r="D3250" i="2"/>
  <c r="A3252" i="2" l="1"/>
  <c r="D3251" i="2"/>
  <c r="C3251" i="2"/>
  <c r="A3253" i="2" l="1"/>
  <c r="C3252" i="2"/>
  <c r="D3252" i="2"/>
  <c r="A3254" i="2" l="1"/>
  <c r="D3253" i="2"/>
  <c r="C3253" i="2"/>
  <c r="A3255" i="2" l="1"/>
  <c r="C3254" i="2"/>
  <c r="D3254" i="2"/>
  <c r="A3256" i="2" l="1"/>
  <c r="D3255" i="2"/>
  <c r="C3255" i="2"/>
  <c r="A3257" i="2" l="1"/>
  <c r="C3256" i="2"/>
  <c r="D3256" i="2"/>
  <c r="A3258" i="2" l="1"/>
  <c r="D3257" i="2"/>
  <c r="C3257" i="2"/>
  <c r="A3259" i="2" l="1"/>
  <c r="C3258" i="2"/>
  <c r="D3258" i="2"/>
  <c r="A3260" i="2" l="1"/>
  <c r="D3259" i="2"/>
  <c r="C3259" i="2"/>
  <c r="A3261" i="2" l="1"/>
  <c r="C3260" i="2"/>
  <c r="D3260" i="2"/>
  <c r="A3262" i="2" l="1"/>
  <c r="D3261" i="2"/>
  <c r="C3261" i="2"/>
  <c r="A3263" i="2" l="1"/>
  <c r="C3262" i="2"/>
  <c r="D3262" i="2"/>
  <c r="A3264" i="2" l="1"/>
  <c r="D3263" i="2"/>
  <c r="C3263" i="2"/>
  <c r="A3265" i="2" l="1"/>
  <c r="C3264" i="2"/>
  <c r="D3264" i="2"/>
  <c r="A3266" i="2" l="1"/>
  <c r="D3265" i="2"/>
  <c r="C3265" i="2"/>
  <c r="A3267" i="2" l="1"/>
  <c r="C3266" i="2"/>
  <c r="D3266" i="2"/>
  <c r="A3268" i="2" l="1"/>
  <c r="D3267" i="2"/>
  <c r="C3267" i="2"/>
  <c r="A3269" i="2" l="1"/>
  <c r="C3268" i="2"/>
  <c r="D3268" i="2"/>
  <c r="A3270" i="2" l="1"/>
  <c r="D3269" i="2"/>
  <c r="C3269" i="2"/>
  <c r="A3271" i="2" l="1"/>
  <c r="C3270" i="2"/>
  <c r="D3270" i="2"/>
  <c r="A3272" i="2" l="1"/>
  <c r="D3271" i="2"/>
  <c r="C3271" i="2"/>
  <c r="A3273" i="2" l="1"/>
  <c r="C3272" i="2"/>
  <c r="D3272" i="2"/>
  <c r="A3274" i="2" l="1"/>
  <c r="D3273" i="2"/>
  <c r="C3273" i="2"/>
  <c r="A3275" i="2" l="1"/>
  <c r="C3274" i="2"/>
  <c r="D3274" i="2"/>
  <c r="A3276" i="2" l="1"/>
  <c r="D3275" i="2"/>
  <c r="C3275" i="2"/>
  <c r="A3277" i="2" l="1"/>
  <c r="C3276" i="2"/>
  <c r="D3276" i="2"/>
  <c r="A3278" i="2" l="1"/>
  <c r="D3277" i="2"/>
  <c r="C3277" i="2"/>
  <c r="A3279" i="2" l="1"/>
  <c r="C3278" i="2"/>
  <c r="D3278" i="2"/>
  <c r="A3280" i="2" l="1"/>
  <c r="D3279" i="2"/>
  <c r="C3279" i="2"/>
  <c r="A3281" i="2" l="1"/>
  <c r="C3280" i="2"/>
  <c r="D3280" i="2"/>
  <c r="A3282" i="2" l="1"/>
  <c r="D3281" i="2"/>
  <c r="C3281" i="2"/>
  <c r="A3283" i="2" l="1"/>
  <c r="C3282" i="2"/>
  <c r="D3282" i="2"/>
  <c r="A3284" i="2" l="1"/>
  <c r="D3283" i="2"/>
  <c r="C3283" i="2"/>
  <c r="A3285" i="2" l="1"/>
  <c r="C3284" i="2"/>
  <c r="D3284" i="2"/>
  <c r="A3286" i="2" l="1"/>
  <c r="D3285" i="2"/>
  <c r="C3285" i="2"/>
  <c r="A3287" i="2" l="1"/>
  <c r="C3286" i="2"/>
  <c r="D3286" i="2"/>
  <c r="A3288" i="2" l="1"/>
  <c r="D3287" i="2"/>
  <c r="C3287" i="2"/>
  <c r="A3289" i="2" l="1"/>
  <c r="C3288" i="2"/>
  <c r="D3288" i="2"/>
  <c r="A3290" i="2" l="1"/>
  <c r="D3289" i="2"/>
  <c r="C3289" i="2"/>
  <c r="A3291" i="2" l="1"/>
  <c r="C3290" i="2"/>
  <c r="D3290" i="2"/>
  <c r="A3292" i="2" l="1"/>
  <c r="D3291" i="2"/>
  <c r="C3291" i="2"/>
  <c r="A3293" i="2" l="1"/>
  <c r="C3292" i="2"/>
  <c r="D3292" i="2"/>
  <c r="A3294" i="2" l="1"/>
  <c r="D3293" i="2"/>
  <c r="C3293" i="2"/>
  <c r="A3295" i="2" l="1"/>
  <c r="C3294" i="2"/>
  <c r="D3294" i="2"/>
  <c r="A3296" i="2" l="1"/>
  <c r="D3295" i="2"/>
  <c r="C3295" i="2"/>
  <c r="A3297" i="2" l="1"/>
  <c r="C3296" i="2"/>
  <c r="D3296" i="2"/>
  <c r="A3298" i="2" l="1"/>
  <c r="D3297" i="2"/>
  <c r="C3297" i="2"/>
  <c r="A3299" i="2" l="1"/>
  <c r="C3298" i="2"/>
  <c r="D3298" i="2"/>
  <c r="A3300" i="2" l="1"/>
  <c r="D3299" i="2"/>
  <c r="C3299" i="2"/>
  <c r="A3301" i="2" l="1"/>
  <c r="C3300" i="2"/>
  <c r="D3300" i="2"/>
  <c r="A3302" i="2" l="1"/>
  <c r="D3301" i="2"/>
  <c r="C3301" i="2"/>
  <c r="A3303" i="2" l="1"/>
  <c r="C3302" i="2"/>
  <c r="D3302" i="2"/>
  <c r="A3304" i="2" l="1"/>
  <c r="D3303" i="2"/>
  <c r="C3303" i="2"/>
  <c r="A3305" i="2" l="1"/>
  <c r="C3304" i="2"/>
  <c r="D3304" i="2"/>
  <c r="A3306" i="2" l="1"/>
  <c r="D3305" i="2"/>
  <c r="C3305" i="2"/>
  <c r="A3307" i="2" l="1"/>
  <c r="C3306" i="2"/>
  <c r="D3306" i="2"/>
  <c r="A3308" i="2" l="1"/>
  <c r="D3307" i="2"/>
  <c r="C3307" i="2"/>
  <c r="A3309" i="2" l="1"/>
  <c r="C3308" i="2"/>
  <c r="D3308" i="2"/>
  <c r="A3310" i="2" l="1"/>
  <c r="D3309" i="2"/>
  <c r="C3309" i="2"/>
  <c r="A3311" i="2" l="1"/>
  <c r="C3310" i="2"/>
  <c r="D3310" i="2"/>
  <c r="A3312" i="2" l="1"/>
  <c r="D3311" i="2"/>
  <c r="C3311" i="2"/>
  <c r="A3313" i="2" l="1"/>
  <c r="C3312" i="2"/>
  <c r="D3312" i="2"/>
  <c r="A3314" i="2" l="1"/>
  <c r="D3313" i="2"/>
  <c r="C3313" i="2"/>
  <c r="A3315" i="2" l="1"/>
  <c r="C3314" i="2"/>
  <c r="D3314" i="2"/>
  <c r="A3316" i="2" l="1"/>
  <c r="D3315" i="2"/>
  <c r="C3315" i="2"/>
  <c r="A3317" i="2" l="1"/>
  <c r="C3316" i="2"/>
  <c r="D3316" i="2"/>
  <c r="A3318" i="2" l="1"/>
  <c r="D3317" i="2"/>
  <c r="C3317" i="2"/>
  <c r="A3319" i="2" l="1"/>
  <c r="C3318" i="2"/>
  <c r="D3318" i="2"/>
  <c r="A3320" i="2" l="1"/>
  <c r="D3319" i="2"/>
  <c r="C3319" i="2"/>
  <c r="A3321" i="2" l="1"/>
  <c r="C3320" i="2"/>
  <c r="D3320" i="2"/>
  <c r="A3322" i="2" l="1"/>
  <c r="D3321" i="2"/>
  <c r="C3321" i="2"/>
  <c r="A3323" i="2" l="1"/>
  <c r="C3322" i="2"/>
  <c r="D3322" i="2"/>
  <c r="A3324" i="2" l="1"/>
  <c r="D3323" i="2"/>
  <c r="C3323" i="2"/>
  <c r="A3325" i="2" l="1"/>
  <c r="C3324" i="2"/>
  <c r="D3324" i="2"/>
  <c r="A3326" i="2" l="1"/>
  <c r="D3325" i="2"/>
  <c r="C3325" i="2"/>
  <c r="A3327" i="2" l="1"/>
  <c r="C3326" i="2"/>
  <c r="D3326" i="2"/>
  <c r="A3328" i="2" l="1"/>
  <c r="D3327" i="2"/>
  <c r="C3327" i="2"/>
  <c r="A3329" i="2" l="1"/>
  <c r="C3328" i="2"/>
  <c r="D3328" i="2"/>
  <c r="A3330" i="2" l="1"/>
  <c r="D3329" i="2"/>
  <c r="C3329" i="2"/>
  <c r="A3331" i="2" l="1"/>
  <c r="C3330" i="2"/>
  <c r="D3330" i="2"/>
  <c r="A3332" i="2" l="1"/>
  <c r="D3331" i="2"/>
  <c r="C3331" i="2"/>
  <c r="A3333" i="2" l="1"/>
  <c r="C3332" i="2"/>
  <c r="D3332" i="2"/>
  <c r="A3334" i="2" l="1"/>
  <c r="D3333" i="2"/>
  <c r="C3333" i="2"/>
  <c r="A3335" i="2" l="1"/>
  <c r="C3334" i="2"/>
  <c r="D3334" i="2"/>
  <c r="A3336" i="2" l="1"/>
  <c r="D3335" i="2"/>
  <c r="C3335" i="2"/>
  <c r="A3337" i="2" l="1"/>
  <c r="C3336" i="2"/>
  <c r="D3336" i="2"/>
  <c r="A3338" i="2" l="1"/>
  <c r="D3337" i="2"/>
  <c r="C3337" i="2"/>
  <c r="A3339" i="2" l="1"/>
  <c r="C3338" i="2"/>
  <c r="D3338" i="2"/>
  <c r="A3340" i="2" l="1"/>
  <c r="D3339" i="2"/>
  <c r="C3339" i="2"/>
  <c r="A3341" i="2" l="1"/>
  <c r="C3340" i="2"/>
  <c r="D3340" i="2"/>
  <c r="A3342" i="2" l="1"/>
  <c r="D3341" i="2"/>
  <c r="C3341" i="2"/>
  <c r="A3343" i="2" l="1"/>
  <c r="C3342" i="2"/>
  <c r="D3342" i="2"/>
  <c r="A3344" i="2" l="1"/>
  <c r="D3343" i="2"/>
  <c r="C3343" i="2"/>
  <c r="A3345" i="2" l="1"/>
  <c r="C3344" i="2"/>
  <c r="D3344" i="2"/>
  <c r="A3346" i="2" l="1"/>
  <c r="D3345" i="2"/>
  <c r="C3345" i="2"/>
  <c r="A3347" i="2" l="1"/>
  <c r="C3346" i="2"/>
  <c r="D3346" i="2"/>
  <c r="A3348" i="2" l="1"/>
  <c r="D3347" i="2"/>
  <c r="C3347" i="2"/>
  <c r="A3349" i="2" l="1"/>
  <c r="C3348" i="2"/>
  <c r="D3348" i="2"/>
  <c r="A3350" i="2" l="1"/>
  <c r="D3349" i="2"/>
  <c r="C3349" i="2"/>
  <c r="A3351" i="2" l="1"/>
  <c r="C3350" i="2"/>
  <c r="D3350" i="2"/>
  <c r="A3352" i="2" l="1"/>
  <c r="D3351" i="2"/>
  <c r="C3351" i="2"/>
  <c r="A3353" i="2" l="1"/>
  <c r="C3352" i="2"/>
  <c r="D3352" i="2"/>
  <c r="A3354" i="2" l="1"/>
  <c r="D3353" i="2"/>
  <c r="C3353" i="2"/>
  <c r="A3355" i="2" l="1"/>
  <c r="C3354" i="2"/>
  <c r="D3354" i="2"/>
  <c r="A3356" i="2" l="1"/>
  <c r="D3355" i="2"/>
  <c r="C3355" i="2"/>
  <c r="A3357" i="2" l="1"/>
  <c r="C3356" i="2"/>
  <c r="D3356" i="2"/>
  <c r="A3358" i="2" l="1"/>
  <c r="D3357" i="2"/>
  <c r="C3357" i="2"/>
  <c r="A3359" i="2" l="1"/>
  <c r="C3358" i="2"/>
  <c r="D3358" i="2"/>
  <c r="A3360" i="2" l="1"/>
  <c r="D3359" i="2"/>
  <c r="C3359" i="2"/>
  <c r="A3361" i="2" l="1"/>
  <c r="C3360" i="2"/>
  <c r="D3360" i="2"/>
  <c r="A3362" i="2" l="1"/>
  <c r="D3361" i="2"/>
  <c r="C3361" i="2"/>
  <c r="A3363" i="2" l="1"/>
  <c r="C3362" i="2"/>
  <c r="D3362" i="2"/>
  <c r="A3364" i="2" l="1"/>
  <c r="D3363" i="2"/>
  <c r="C3363" i="2"/>
  <c r="A3365" i="2" l="1"/>
  <c r="C3364" i="2"/>
  <c r="D3364" i="2"/>
  <c r="A3366" i="2" l="1"/>
  <c r="D3365" i="2"/>
  <c r="C3365" i="2"/>
  <c r="A3367" i="2" l="1"/>
  <c r="C3366" i="2"/>
  <c r="D3366" i="2"/>
  <c r="A3368" i="2" l="1"/>
  <c r="D3367" i="2"/>
  <c r="C3367" i="2"/>
  <c r="A3369" i="2" l="1"/>
  <c r="C3368" i="2"/>
  <c r="D3368" i="2"/>
  <c r="A3370" i="2" l="1"/>
  <c r="D3369" i="2"/>
  <c r="C3369" i="2"/>
  <c r="A3371" i="2" l="1"/>
  <c r="C3370" i="2"/>
  <c r="D3370" i="2"/>
  <c r="A3372" i="2" l="1"/>
  <c r="D3371" i="2"/>
  <c r="C3371" i="2"/>
  <c r="A3373" i="2" l="1"/>
  <c r="C3372" i="2"/>
  <c r="D3372" i="2"/>
  <c r="A3374" i="2" l="1"/>
  <c r="D3373" i="2"/>
  <c r="C3373" i="2"/>
  <c r="A3375" i="2" l="1"/>
  <c r="C3374" i="2"/>
  <c r="D3374" i="2"/>
  <c r="A3376" i="2" l="1"/>
  <c r="D3375" i="2"/>
  <c r="C3375" i="2"/>
  <c r="A3377" i="2" l="1"/>
  <c r="C3376" i="2"/>
  <c r="D3376" i="2"/>
  <c r="A3378" i="2" l="1"/>
  <c r="D3377" i="2"/>
  <c r="C3377" i="2"/>
  <c r="A3379" i="2" l="1"/>
  <c r="C3378" i="2"/>
  <c r="D3378" i="2"/>
  <c r="A3380" i="2" l="1"/>
  <c r="D3379" i="2"/>
  <c r="C3379" i="2"/>
  <c r="A3381" i="2" l="1"/>
  <c r="C3380" i="2"/>
  <c r="D3380" i="2"/>
  <c r="A3382" i="2" l="1"/>
  <c r="D3381" i="2"/>
  <c r="C3381" i="2"/>
  <c r="A3383" i="2" l="1"/>
  <c r="C3382" i="2"/>
  <c r="D3382" i="2"/>
  <c r="A3384" i="2" l="1"/>
  <c r="D3383" i="2"/>
  <c r="C3383" i="2"/>
  <c r="A3385" i="2" l="1"/>
  <c r="C3384" i="2"/>
  <c r="D3384" i="2"/>
  <c r="A3386" i="2" l="1"/>
  <c r="D3385" i="2"/>
  <c r="C3385" i="2"/>
  <c r="A3387" i="2" l="1"/>
  <c r="C3386" i="2"/>
  <c r="D3386" i="2"/>
  <c r="A3388" i="2" l="1"/>
  <c r="D3387" i="2"/>
  <c r="C3387" i="2"/>
  <c r="A3389" i="2" l="1"/>
  <c r="C3388" i="2"/>
  <c r="D3388" i="2"/>
  <c r="A3390" i="2" l="1"/>
  <c r="D3389" i="2"/>
  <c r="C3389" i="2"/>
  <c r="A3391" i="2" l="1"/>
  <c r="C3390" i="2"/>
  <c r="D3390" i="2"/>
  <c r="A3392" i="2" l="1"/>
  <c r="D3391" i="2"/>
  <c r="C3391" i="2"/>
  <c r="A3393" i="2" l="1"/>
  <c r="C3392" i="2"/>
  <c r="D3392" i="2"/>
  <c r="A3394" i="2" l="1"/>
  <c r="D3393" i="2"/>
  <c r="C3393" i="2"/>
  <c r="A3395" i="2" l="1"/>
  <c r="C3394" i="2"/>
  <c r="D3394" i="2"/>
  <c r="A3396" i="2" l="1"/>
  <c r="D3395" i="2"/>
  <c r="C3395" i="2"/>
  <c r="A3397" i="2" l="1"/>
  <c r="C3396" i="2"/>
  <c r="D3396" i="2"/>
  <c r="A3398" i="2" l="1"/>
  <c r="D3397" i="2"/>
  <c r="C3397" i="2"/>
  <c r="A3399" i="2" l="1"/>
  <c r="C3398" i="2"/>
  <c r="D3398" i="2"/>
  <c r="A3400" i="2" l="1"/>
  <c r="D3399" i="2"/>
  <c r="C3399" i="2"/>
  <c r="A3401" i="2" l="1"/>
  <c r="C3400" i="2"/>
  <c r="D3400" i="2"/>
  <c r="A3402" i="2" l="1"/>
  <c r="D3401" i="2"/>
  <c r="C3401" i="2"/>
  <c r="A3403" i="2" l="1"/>
  <c r="C3402" i="2"/>
  <c r="D3402" i="2"/>
  <c r="A3404" i="2" l="1"/>
  <c r="D3403" i="2"/>
  <c r="C3403" i="2"/>
  <c r="A3405" i="2" l="1"/>
  <c r="C3404" i="2"/>
  <c r="D3404" i="2"/>
  <c r="A3406" i="2" l="1"/>
  <c r="D3405" i="2"/>
  <c r="C3405" i="2"/>
  <c r="A3407" i="2" l="1"/>
  <c r="C3406" i="2"/>
  <c r="D3406" i="2"/>
  <c r="A3408" i="2" l="1"/>
  <c r="D3407" i="2"/>
  <c r="C3407" i="2"/>
  <c r="A3409" i="2" l="1"/>
  <c r="C3408" i="2"/>
  <c r="D3408" i="2"/>
  <c r="A3410" i="2" l="1"/>
  <c r="D3409" i="2"/>
  <c r="C3409" i="2"/>
  <c r="A3411" i="2" l="1"/>
  <c r="C3410" i="2"/>
  <c r="D3410" i="2"/>
  <c r="A3412" i="2" l="1"/>
  <c r="D3411" i="2"/>
  <c r="C3411" i="2"/>
  <c r="A3413" i="2" l="1"/>
  <c r="C3412" i="2"/>
  <c r="D3412" i="2"/>
  <c r="A3414" i="2" l="1"/>
  <c r="D3413" i="2"/>
  <c r="C3413" i="2"/>
  <c r="A3415" i="2" l="1"/>
  <c r="C3414" i="2"/>
  <c r="D3414" i="2"/>
  <c r="A3416" i="2" l="1"/>
  <c r="D3415" i="2"/>
  <c r="C3415" i="2"/>
  <c r="A3417" i="2" l="1"/>
  <c r="C3416" i="2"/>
  <c r="D3416" i="2"/>
  <c r="A3418" i="2" l="1"/>
  <c r="D3417" i="2"/>
  <c r="C3417" i="2"/>
  <c r="A3419" i="2" l="1"/>
  <c r="C3418" i="2"/>
  <c r="D3418" i="2"/>
  <c r="A3420" i="2" l="1"/>
  <c r="D3419" i="2"/>
  <c r="C3419" i="2"/>
  <c r="A3421" i="2" l="1"/>
  <c r="C3420" i="2"/>
  <c r="D3420" i="2"/>
  <c r="A3422" i="2" l="1"/>
  <c r="D3421" i="2"/>
  <c r="C3421" i="2"/>
  <c r="A3423" i="2" l="1"/>
  <c r="C3422" i="2"/>
  <c r="D3422" i="2"/>
  <c r="A3424" i="2" l="1"/>
  <c r="D3423" i="2"/>
  <c r="C3423" i="2"/>
  <c r="A3425" i="2" l="1"/>
  <c r="C3424" i="2"/>
  <c r="D3424" i="2"/>
  <c r="A3426" i="2" l="1"/>
  <c r="D3425" i="2"/>
  <c r="C3425" i="2"/>
  <c r="A3427" i="2" l="1"/>
  <c r="C3426" i="2"/>
  <c r="D3426" i="2"/>
  <c r="A3428" i="2" l="1"/>
  <c r="D3427" i="2"/>
  <c r="C3427" i="2"/>
  <c r="A3429" i="2" l="1"/>
  <c r="C3428" i="2"/>
  <c r="D3428" i="2"/>
  <c r="A3430" i="2" l="1"/>
  <c r="D3429" i="2"/>
  <c r="C3429" i="2"/>
  <c r="A3431" i="2" l="1"/>
  <c r="C3430" i="2"/>
  <c r="D3430" i="2"/>
  <c r="A3432" i="2" l="1"/>
  <c r="D3431" i="2"/>
  <c r="C3431" i="2"/>
  <c r="A3433" i="2" l="1"/>
  <c r="C3432" i="2"/>
  <c r="D3432" i="2"/>
  <c r="A3434" i="2" l="1"/>
  <c r="D3433" i="2"/>
  <c r="C3433" i="2"/>
  <c r="A3435" i="2" l="1"/>
  <c r="C3434" i="2"/>
  <c r="D3434" i="2"/>
  <c r="A3436" i="2" l="1"/>
  <c r="D3435" i="2"/>
  <c r="C3435" i="2"/>
  <c r="A3437" i="2" l="1"/>
  <c r="C3436" i="2"/>
  <c r="D3436" i="2"/>
  <c r="A3438" i="2" l="1"/>
  <c r="D3437" i="2"/>
  <c r="C3437" i="2"/>
  <c r="A3439" i="2" l="1"/>
  <c r="C3438" i="2"/>
  <c r="D3438" i="2"/>
  <c r="A3440" i="2" l="1"/>
  <c r="D3439" i="2"/>
  <c r="C3439" i="2"/>
  <c r="A3441" i="2" l="1"/>
  <c r="C3440" i="2"/>
  <c r="D3440" i="2"/>
  <c r="A3442" i="2" l="1"/>
  <c r="D3441" i="2"/>
  <c r="C3441" i="2"/>
  <c r="A3443" i="2" l="1"/>
  <c r="C3442" i="2"/>
  <c r="D3442" i="2"/>
  <c r="A3444" i="2" l="1"/>
  <c r="D3443" i="2"/>
  <c r="C3443" i="2"/>
  <c r="A3445" i="2" l="1"/>
  <c r="C3444" i="2"/>
  <c r="D3444" i="2"/>
  <c r="A3446" i="2" l="1"/>
  <c r="D3445" i="2"/>
  <c r="C3445" i="2"/>
  <c r="A3447" i="2" l="1"/>
  <c r="C3446" i="2"/>
  <c r="D3446" i="2"/>
  <c r="A3448" i="2" l="1"/>
  <c r="D3447" i="2"/>
  <c r="C3447" i="2"/>
  <c r="A3449" i="2" l="1"/>
  <c r="C3448" i="2"/>
  <c r="D3448" i="2"/>
  <c r="A3450" i="2" l="1"/>
  <c r="D3449" i="2"/>
  <c r="C3449" i="2"/>
  <c r="A3451" i="2" l="1"/>
  <c r="C3450" i="2"/>
  <c r="D3450" i="2"/>
  <c r="A3452" i="2" l="1"/>
  <c r="D3451" i="2"/>
  <c r="C3451" i="2"/>
  <c r="A3453" i="2" l="1"/>
  <c r="C3452" i="2"/>
  <c r="D3452" i="2"/>
  <c r="A3454" i="2" l="1"/>
  <c r="D3453" i="2"/>
  <c r="C3453" i="2"/>
  <c r="A3455" i="2" l="1"/>
  <c r="C3454" i="2"/>
  <c r="D3454" i="2"/>
  <c r="A3456" i="2" l="1"/>
  <c r="D3455" i="2"/>
  <c r="C3455" i="2"/>
  <c r="A3457" i="2" l="1"/>
  <c r="C3456" i="2"/>
  <c r="D3456" i="2"/>
  <c r="A3458" i="2" l="1"/>
  <c r="D3457" i="2"/>
  <c r="C3457" i="2"/>
  <c r="A3459" i="2" l="1"/>
  <c r="C3458" i="2"/>
  <c r="D3458" i="2"/>
  <c r="A3460" i="2" l="1"/>
  <c r="D3459" i="2"/>
  <c r="C3459" i="2"/>
  <c r="A3461" i="2" l="1"/>
  <c r="C3460" i="2"/>
  <c r="D3460" i="2"/>
  <c r="A3462" i="2" l="1"/>
  <c r="D3461" i="2"/>
  <c r="C3461" i="2"/>
  <c r="A3463" i="2" l="1"/>
  <c r="C3462" i="2"/>
  <c r="D3462" i="2"/>
  <c r="A3464" i="2" l="1"/>
  <c r="D3463" i="2"/>
  <c r="C3463" i="2"/>
  <c r="A3465" i="2" l="1"/>
  <c r="C3464" i="2"/>
  <c r="D3464" i="2"/>
  <c r="A3466" i="2" l="1"/>
  <c r="D3465" i="2"/>
  <c r="C3465" i="2"/>
  <c r="A3467" i="2" l="1"/>
  <c r="C3466" i="2"/>
  <c r="D3466" i="2"/>
  <c r="A3468" i="2" l="1"/>
  <c r="D3467" i="2"/>
  <c r="C3467" i="2"/>
  <c r="A3469" i="2" l="1"/>
  <c r="C3468" i="2"/>
  <c r="D3468" i="2"/>
  <c r="A3470" i="2" l="1"/>
  <c r="D3469" i="2"/>
  <c r="C3469" i="2"/>
  <c r="A3471" i="2" l="1"/>
  <c r="C3470" i="2"/>
  <c r="D3470" i="2"/>
  <c r="A3472" i="2" l="1"/>
  <c r="D3471" i="2"/>
  <c r="C3471" i="2"/>
  <c r="A3473" i="2" l="1"/>
  <c r="C3472" i="2"/>
  <c r="D3472" i="2"/>
  <c r="A3474" i="2" l="1"/>
  <c r="D3473" i="2"/>
  <c r="C3473" i="2"/>
  <c r="A3475" i="2" l="1"/>
  <c r="C3474" i="2"/>
  <c r="D3474" i="2"/>
  <c r="A3476" i="2" l="1"/>
  <c r="D3475" i="2"/>
  <c r="C3475" i="2"/>
  <c r="A3477" i="2" l="1"/>
  <c r="C3476" i="2"/>
  <c r="D3476" i="2"/>
  <c r="A3478" i="2" l="1"/>
  <c r="D3477" i="2"/>
  <c r="C3477" i="2"/>
  <c r="A3479" i="2" l="1"/>
  <c r="C3478" i="2"/>
  <c r="D3478" i="2"/>
  <c r="A3480" i="2" l="1"/>
  <c r="D3479" i="2"/>
  <c r="C3479" i="2"/>
  <c r="A3481" i="2" l="1"/>
  <c r="C3480" i="2"/>
  <c r="D3480" i="2"/>
  <c r="A3482" i="2" l="1"/>
  <c r="D3481" i="2"/>
  <c r="C3481" i="2"/>
  <c r="A3483" i="2" l="1"/>
  <c r="C3482" i="2"/>
  <c r="D3482" i="2"/>
  <c r="A3484" i="2" l="1"/>
  <c r="D3483" i="2"/>
  <c r="C3483" i="2"/>
  <c r="A3485" i="2" l="1"/>
  <c r="C3484" i="2"/>
  <c r="D3484" i="2"/>
  <c r="A3486" i="2" l="1"/>
  <c r="D3485" i="2"/>
  <c r="C3485" i="2"/>
  <c r="A3487" i="2" l="1"/>
  <c r="C3486" i="2"/>
  <c r="D3486" i="2"/>
  <c r="A3488" i="2" l="1"/>
  <c r="D3487" i="2"/>
  <c r="C3487" i="2"/>
  <c r="A3489" i="2" l="1"/>
  <c r="C3488" i="2"/>
  <c r="D3488" i="2"/>
  <c r="A3490" i="2" l="1"/>
  <c r="D3489" i="2"/>
  <c r="C3489" i="2"/>
  <c r="A3491" i="2" l="1"/>
  <c r="C3490" i="2"/>
  <c r="D3490" i="2"/>
  <c r="A3492" i="2" l="1"/>
  <c r="D3491" i="2"/>
  <c r="C3491" i="2"/>
  <c r="A3493" i="2" l="1"/>
  <c r="C3492" i="2"/>
  <c r="D3492" i="2"/>
  <c r="A3494" i="2" l="1"/>
  <c r="D3493" i="2"/>
  <c r="C3493" i="2"/>
  <c r="A3495" i="2" l="1"/>
  <c r="C3494" i="2"/>
  <c r="D3494" i="2"/>
  <c r="A3496" i="2" l="1"/>
  <c r="D3495" i="2"/>
  <c r="C3495" i="2"/>
  <c r="A3497" i="2" l="1"/>
  <c r="C3496" i="2"/>
  <c r="D3496" i="2"/>
  <c r="A3498" i="2" l="1"/>
  <c r="D3497" i="2"/>
  <c r="C3497" i="2"/>
  <c r="A3499" i="2" l="1"/>
  <c r="C3498" i="2"/>
  <c r="D3498" i="2"/>
  <c r="A3500" i="2" l="1"/>
  <c r="D3499" i="2"/>
  <c r="C3499" i="2"/>
  <c r="A3501" i="2" l="1"/>
  <c r="C3500" i="2"/>
  <c r="D3500" i="2"/>
  <c r="A3502" i="2" l="1"/>
  <c r="D3501" i="2"/>
  <c r="C3501" i="2"/>
  <c r="A3503" i="2" l="1"/>
  <c r="C3502" i="2"/>
  <c r="D3502" i="2"/>
  <c r="A3504" i="2" l="1"/>
  <c r="D3503" i="2"/>
  <c r="C3503" i="2"/>
  <c r="A3505" i="2" l="1"/>
  <c r="C3504" i="2"/>
  <c r="D3504" i="2"/>
  <c r="A3506" i="2" l="1"/>
  <c r="D3505" i="2"/>
  <c r="C3505" i="2"/>
  <c r="A3507" i="2" l="1"/>
  <c r="C3506" i="2"/>
  <c r="D3506" i="2"/>
  <c r="A3508" i="2" l="1"/>
  <c r="D3507" i="2"/>
  <c r="C3507" i="2"/>
  <c r="A3509" i="2" l="1"/>
  <c r="C3508" i="2"/>
  <c r="D3508" i="2"/>
  <c r="A3510" i="2" l="1"/>
  <c r="D3509" i="2"/>
  <c r="C3509" i="2"/>
  <c r="A3511" i="2" l="1"/>
  <c r="C3510" i="2"/>
  <c r="D3510" i="2"/>
  <c r="A3512" i="2" l="1"/>
  <c r="D3511" i="2"/>
  <c r="C3511" i="2"/>
  <c r="A3513" i="2" l="1"/>
  <c r="C3512" i="2"/>
  <c r="D3512" i="2"/>
  <c r="A3514" i="2" l="1"/>
  <c r="D3513" i="2"/>
  <c r="C3513" i="2"/>
  <c r="A3515" i="2" l="1"/>
  <c r="C3514" i="2"/>
  <c r="D3514" i="2"/>
  <c r="A3516" i="2" l="1"/>
  <c r="D3515" i="2"/>
  <c r="C3515" i="2"/>
  <c r="A3517" i="2" l="1"/>
  <c r="C3516" i="2"/>
  <c r="D3516" i="2"/>
  <c r="A3518" i="2" l="1"/>
  <c r="D3517" i="2"/>
  <c r="C3517" i="2"/>
  <c r="A3519" i="2" l="1"/>
  <c r="C3518" i="2"/>
  <c r="D3518" i="2"/>
  <c r="A3520" i="2" l="1"/>
  <c r="D3519" i="2"/>
  <c r="C3519" i="2"/>
  <c r="A3521" i="2" l="1"/>
  <c r="C3520" i="2"/>
  <c r="D3520" i="2"/>
  <c r="A3522" i="2" l="1"/>
  <c r="D3521" i="2"/>
  <c r="C3521" i="2"/>
  <c r="A3523" i="2" l="1"/>
  <c r="C3522" i="2"/>
  <c r="D3522" i="2"/>
  <c r="A3524" i="2" l="1"/>
  <c r="D3523" i="2"/>
  <c r="C3523" i="2"/>
  <c r="A3525" i="2" l="1"/>
  <c r="C3524" i="2"/>
  <c r="D3524" i="2"/>
  <c r="A3526" i="2" l="1"/>
  <c r="D3525" i="2"/>
  <c r="C3525" i="2"/>
  <c r="A3527" i="2" l="1"/>
  <c r="C3526" i="2"/>
  <c r="D3526" i="2"/>
  <c r="A3528" i="2" l="1"/>
  <c r="D3527" i="2"/>
  <c r="C3527" i="2"/>
  <c r="A3529" i="2" l="1"/>
  <c r="C3528" i="2"/>
  <c r="D3528" i="2"/>
  <c r="A3530" i="2" l="1"/>
  <c r="D3529" i="2"/>
  <c r="C3529" i="2"/>
  <c r="A3531" i="2" l="1"/>
  <c r="C3530" i="2"/>
  <c r="D3530" i="2"/>
  <c r="A3532" i="2" l="1"/>
  <c r="D3531" i="2"/>
  <c r="C3531" i="2"/>
  <c r="A3533" i="2" l="1"/>
  <c r="C3532" i="2"/>
  <c r="D3532" i="2"/>
  <c r="A3534" i="2" l="1"/>
  <c r="D3533" i="2"/>
  <c r="C3533" i="2"/>
  <c r="A3535" i="2" l="1"/>
  <c r="C3534" i="2"/>
  <c r="D3534" i="2"/>
  <c r="A3536" i="2" l="1"/>
  <c r="D3535" i="2"/>
  <c r="C3535" i="2"/>
  <c r="A3537" i="2" l="1"/>
  <c r="C3536" i="2"/>
  <c r="D3536" i="2"/>
  <c r="A3538" i="2" l="1"/>
  <c r="D3537" i="2"/>
  <c r="C3537" i="2"/>
  <c r="A3539" i="2" l="1"/>
  <c r="C3538" i="2"/>
  <c r="D3538" i="2"/>
  <c r="A3540" i="2" l="1"/>
  <c r="D3539" i="2"/>
  <c r="C3539" i="2"/>
  <c r="A3541" i="2" l="1"/>
  <c r="C3540" i="2"/>
  <c r="D3540" i="2"/>
  <c r="A3542" i="2" l="1"/>
  <c r="D3541" i="2"/>
  <c r="C3541" i="2"/>
  <c r="A3543" i="2" l="1"/>
  <c r="C3542" i="2"/>
  <c r="D3542" i="2"/>
  <c r="A3544" i="2" l="1"/>
  <c r="D3543" i="2"/>
  <c r="C3543" i="2"/>
  <c r="A3545" i="2" l="1"/>
  <c r="C3544" i="2"/>
  <c r="D3544" i="2"/>
  <c r="A3546" i="2" l="1"/>
  <c r="D3545" i="2"/>
  <c r="C3545" i="2"/>
  <c r="A3547" i="2" l="1"/>
  <c r="C3546" i="2"/>
  <c r="D3546" i="2"/>
  <c r="A3548" i="2" l="1"/>
  <c r="D3547" i="2"/>
  <c r="C3547" i="2"/>
  <c r="A3549" i="2" l="1"/>
  <c r="C3548" i="2"/>
  <c r="D3548" i="2"/>
  <c r="A3550" i="2" l="1"/>
  <c r="D3549" i="2"/>
  <c r="C3549" i="2"/>
  <c r="A3551" i="2" l="1"/>
  <c r="C3550" i="2"/>
  <c r="D3550" i="2"/>
  <c r="A3552" i="2" l="1"/>
  <c r="D3551" i="2"/>
  <c r="C3551" i="2"/>
  <c r="A3553" i="2" l="1"/>
  <c r="C3552" i="2"/>
  <c r="D3552" i="2"/>
  <c r="A3554" i="2" l="1"/>
  <c r="D3553" i="2"/>
  <c r="C3553" i="2"/>
  <c r="A3555" i="2" l="1"/>
  <c r="C3554" i="2"/>
  <c r="D3554" i="2"/>
  <c r="A3556" i="2" l="1"/>
  <c r="D3555" i="2"/>
  <c r="C3555" i="2"/>
  <c r="A3557" i="2" l="1"/>
  <c r="C3556" i="2"/>
  <c r="D3556" i="2"/>
  <c r="A3558" i="2" l="1"/>
  <c r="D3557" i="2"/>
  <c r="C3557" i="2"/>
  <c r="A3559" i="2" l="1"/>
  <c r="C3558" i="2"/>
  <c r="D3558" i="2"/>
  <c r="A3560" i="2" l="1"/>
  <c r="D3559" i="2"/>
  <c r="C3559" i="2"/>
  <c r="A3561" i="2" l="1"/>
  <c r="C3560" i="2"/>
  <c r="D3560" i="2"/>
  <c r="A3562" i="2" l="1"/>
  <c r="D3561" i="2"/>
  <c r="C3561" i="2"/>
  <c r="A3563" i="2" l="1"/>
  <c r="C3562" i="2"/>
  <c r="D3562" i="2"/>
  <c r="A3564" i="2" l="1"/>
  <c r="D3563" i="2"/>
  <c r="C3563" i="2"/>
  <c r="A3565" i="2" l="1"/>
  <c r="C3564" i="2"/>
  <c r="D3564" i="2"/>
  <c r="A3566" i="2" l="1"/>
  <c r="D3565" i="2"/>
  <c r="C3565" i="2"/>
  <c r="A3567" i="2" l="1"/>
  <c r="C3566" i="2"/>
  <c r="D3566" i="2"/>
  <c r="A3568" i="2" l="1"/>
  <c r="D3567" i="2"/>
  <c r="C3567" i="2"/>
  <c r="A3569" i="2" l="1"/>
  <c r="C3568" i="2"/>
  <c r="D3568" i="2"/>
  <c r="A3570" i="2" l="1"/>
  <c r="D3569" i="2"/>
  <c r="C3569" i="2"/>
  <c r="A3571" i="2" l="1"/>
  <c r="C3570" i="2"/>
  <c r="D3570" i="2"/>
  <c r="A3572" i="2" l="1"/>
  <c r="D3571" i="2"/>
  <c r="C3571" i="2"/>
  <c r="A3573" i="2" l="1"/>
  <c r="C3572" i="2"/>
  <c r="D3572" i="2"/>
  <c r="A3574" i="2" l="1"/>
  <c r="D3573" i="2"/>
  <c r="C3573" i="2"/>
  <c r="A3575" i="2" l="1"/>
  <c r="C3574" i="2"/>
  <c r="D3574" i="2"/>
  <c r="A3576" i="2" l="1"/>
  <c r="D3575" i="2"/>
  <c r="C3575" i="2"/>
  <c r="A3577" i="2" l="1"/>
  <c r="C3576" i="2"/>
  <c r="D3576" i="2"/>
  <c r="A3578" i="2" l="1"/>
  <c r="D3577" i="2"/>
  <c r="C3577" i="2"/>
  <c r="A3579" i="2" l="1"/>
  <c r="C3578" i="2"/>
  <c r="D3578" i="2"/>
  <c r="A3580" i="2" l="1"/>
  <c r="D3579" i="2"/>
  <c r="C3579" i="2"/>
  <c r="A3581" i="2" l="1"/>
  <c r="C3580" i="2"/>
  <c r="D3580" i="2"/>
  <c r="A3582" i="2" l="1"/>
  <c r="D3581" i="2"/>
  <c r="C3581" i="2"/>
  <c r="A3583" i="2" l="1"/>
  <c r="C3582" i="2"/>
  <c r="D3582" i="2"/>
  <c r="A3584" i="2" l="1"/>
  <c r="D3583" i="2"/>
  <c r="C3583" i="2"/>
  <c r="A3585" i="2" l="1"/>
  <c r="C3584" i="2"/>
  <c r="D3584" i="2"/>
  <c r="A3586" i="2" l="1"/>
  <c r="D3585" i="2"/>
  <c r="C3585" i="2"/>
  <c r="A3587" i="2" l="1"/>
  <c r="C3586" i="2"/>
  <c r="D3586" i="2"/>
  <c r="A3588" i="2" l="1"/>
  <c r="D3587" i="2"/>
  <c r="C3587" i="2"/>
  <c r="A3589" i="2" l="1"/>
  <c r="C3588" i="2"/>
  <c r="D3588" i="2"/>
  <c r="A3590" i="2" l="1"/>
  <c r="D3589" i="2"/>
  <c r="C3589" i="2"/>
  <c r="A3591" i="2" l="1"/>
  <c r="C3590" i="2"/>
  <c r="D3590" i="2"/>
  <c r="A3592" i="2" l="1"/>
  <c r="D3591" i="2"/>
  <c r="C3591" i="2"/>
  <c r="A3593" i="2" l="1"/>
  <c r="C3592" i="2"/>
  <c r="D3592" i="2"/>
  <c r="A3594" i="2" l="1"/>
  <c r="D3593" i="2"/>
  <c r="C3593" i="2"/>
  <c r="A3595" i="2" l="1"/>
  <c r="C3594" i="2"/>
  <c r="D3594" i="2"/>
  <c r="A3596" i="2" l="1"/>
  <c r="D3595" i="2"/>
  <c r="C3595" i="2"/>
  <c r="A3597" i="2" l="1"/>
  <c r="C3596" i="2"/>
  <c r="D3596" i="2"/>
  <c r="A3598" i="2" l="1"/>
  <c r="D3597" i="2"/>
  <c r="C3597" i="2"/>
  <c r="A3599" i="2" l="1"/>
  <c r="C3598" i="2"/>
  <c r="D3598" i="2"/>
  <c r="A3600" i="2" l="1"/>
  <c r="D3599" i="2"/>
  <c r="C3599" i="2"/>
  <c r="A3601" i="2" l="1"/>
  <c r="C3600" i="2"/>
  <c r="D3600" i="2"/>
  <c r="A3602" i="2" l="1"/>
  <c r="D3601" i="2"/>
  <c r="C3601" i="2"/>
  <c r="A3603" i="2" l="1"/>
  <c r="C3602" i="2"/>
  <c r="D3602" i="2"/>
  <c r="A3604" i="2" l="1"/>
  <c r="D3603" i="2"/>
  <c r="C3603" i="2"/>
  <c r="A3605" i="2" l="1"/>
  <c r="C3604" i="2"/>
  <c r="D3604" i="2"/>
  <c r="A3606" i="2" l="1"/>
  <c r="D3605" i="2"/>
  <c r="C3605" i="2"/>
  <c r="A3607" i="2" l="1"/>
  <c r="C3606" i="2"/>
  <c r="D3606" i="2"/>
  <c r="A3608" i="2" l="1"/>
  <c r="D3607" i="2"/>
  <c r="C3607" i="2"/>
  <c r="A3609" i="2" l="1"/>
  <c r="C3608" i="2"/>
  <c r="D3608" i="2"/>
  <c r="A3610" i="2" l="1"/>
  <c r="D3609" i="2"/>
  <c r="C3609" i="2"/>
  <c r="A3611" i="2" l="1"/>
  <c r="C3610" i="2"/>
  <c r="D3610" i="2"/>
  <c r="A3612" i="2" l="1"/>
  <c r="D3611" i="2"/>
  <c r="C3611" i="2"/>
  <c r="A3613" i="2" l="1"/>
  <c r="C3612" i="2"/>
  <c r="D3612" i="2"/>
  <c r="A3614" i="2" l="1"/>
  <c r="D3613" i="2"/>
  <c r="C3613" i="2"/>
  <c r="A3615" i="2" l="1"/>
  <c r="C3614" i="2"/>
  <c r="D3614" i="2"/>
  <c r="A3616" i="2" l="1"/>
  <c r="D3615" i="2"/>
  <c r="C3615" i="2"/>
  <c r="A3617" i="2" l="1"/>
  <c r="C3616" i="2"/>
  <c r="D3616" i="2"/>
  <c r="A3618" i="2" l="1"/>
  <c r="D3617" i="2"/>
  <c r="C3617" i="2"/>
  <c r="A3619" i="2" l="1"/>
  <c r="C3618" i="2"/>
  <c r="D3618" i="2"/>
  <c r="A3620" i="2" l="1"/>
  <c r="D3619" i="2"/>
  <c r="C3619" i="2"/>
  <c r="A3621" i="2" l="1"/>
  <c r="C3620" i="2"/>
  <c r="D3620" i="2"/>
  <c r="A3622" i="2" l="1"/>
  <c r="D3621" i="2"/>
  <c r="C3621" i="2"/>
  <c r="A3623" i="2" l="1"/>
  <c r="C3622" i="2"/>
  <c r="D3622" i="2"/>
  <c r="A3624" i="2" l="1"/>
  <c r="D3623" i="2"/>
  <c r="C3623" i="2"/>
  <c r="A3625" i="2" l="1"/>
  <c r="C3624" i="2"/>
  <c r="D3624" i="2"/>
  <c r="A3626" i="2" l="1"/>
  <c r="D3625" i="2"/>
  <c r="C3625" i="2"/>
  <c r="A3627" i="2" l="1"/>
  <c r="C3626" i="2"/>
  <c r="D3626" i="2"/>
  <c r="A3628" i="2" l="1"/>
  <c r="D3627" i="2"/>
  <c r="C3627" i="2"/>
  <c r="A3629" i="2" l="1"/>
  <c r="C3628" i="2"/>
  <c r="D3628" i="2"/>
  <c r="A3630" i="2" l="1"/>
  <c r="D3629" i="2"/>
  <c r="C3629" i="2"/>
  <c r="A3631" i="2" l="1"/>
  <c r="C3630" i="2"/>
  <c r="D3630" i="2"/>
  <c r="A3632" i="2" l="1"/>
  <c r="D3631" i="2"/>
  <c r="C3631" i="2"/>
  <c r="A3633" i="2" l="1"/>
  <c r="C3632" i="2"/>
  <c r="D3632" i="2"/>
  <c r="A3634" i="2" l="1"/>
  <c r="D3633" i="2"/>
  <c r="C3633" i="2"/>
  <c r="A3635" i="2" l="1"/>
  <c r="C3634" i="2"/>
  <c r="D3634" i="2"/>
  <c r="A3636" i="2" l="1"/>
  <c r="D3635" i="2"/>
  <c r="C3635" i="2"/>
  <c r="A3637" i="2" l="1"/>
  <c r="C3636" i="2"/>
  <c r="D3636" i="2"/>
  <c r="A3638" i="2" l="1"/>
  <c r="D3637" i="2"/>
  <c r="C3637" i="2"/>
  <c r="A3639" i="2" l="1"/>
  <c r="C3638" i="2"/>
  <c r="D3638" i="2"/>
  <c r="A3640" i="2" l="1"/>
  <c r="D3639" i="2"/>
  <c r="C3639" i="2"/>
  <c r="A3641" i="2" l="1"/>
  <c r="C3640" i="2"/>
  <c r="D3640" i="2"/>
  <c r="A3642" i="2" l="1"/>
  <c r="D3641" i="2"/>
  <c r="C3641" i="2"/>
  <c r="A3643" i="2" l="1"/>
  <c r="C3642" i="2"/>
  <c r="D3642" i="2"/>
  <c r="A3644" i="2" l="1"/>
  <c r="D3643" i="2"/>
  <c r="C3643" i="2"/>
  <c r="A3645" i="2" l="1"/>
  <c r="C3644" i="2"/>
  <c r="D3644" i="2"/>
  <c r="A3646" i="2" l="1"/>
  <c r="D3645" i="2"/>
  <c r="C3645" i="2"/>
  <c r="A3647" i="2" l="1"/>
  <c r="C3646" i="2"/>
  <c r="D3646" i="2"/>
  <c r="A3648" i="2" l="1"/>
  <c r="D3647" i="2"/>
  <c r="C3647" i="2"/>
  <c r="A3649" i="2" l="1"/>
  <c r="C3648" i="2"/>
  <c r="D3648" i="2"/>
  <c r="A3650" i="2" l="1"/>
  <c r="D3649" i="2"/>
  <c r="C3649" i="2"/>
  <c r="A3651" i="2" l="1"/>
  <c r="C3650" i="2"/>
  <c r="D3650" i="2"/>
  <c r="A3652" i="2" l="1"/>
  <c r="D3651" i="2"/>
  <c r="C3651" i="2"/>
  <c r="A3653" i="2" l="1"/>
  <c r="C3652" i="2"/>
  <c r="D3652" i="2"/>
  <c r="A3654" i="2" l="1"/>
  <c r="D3653" i="2"/>
  <c r="C3653" i="2"/>
  <c r="A3655" i="2" l="1"/>
  <c r="C3654" i="2"/>
  <c r="D3654" i="2"/>
  <c r="A3656" i="2" l="1"/>
  <c r="D3655" i="2"/>
  <c r="C3655" i="2"/>
  <c r="A3657" i="2" l="1"/>
  <c r="C3656" i="2"/>
  <c r="D3656" i="2"/>
  <c r="A3658" i="2" l="1"/>
  <c r="D3657" i="2"/>
  <c r="C3657" i="2"/>
  <c r="A3659" i="2" l="1"/>
  <c r="C3658" i="2"/>
  <c r="D3658" i="2"/>
  <c r="A3660" i="2" l="1"/>
  <c r="D3659" i="2"/>
  <c r="C3659" i="2"/>
  <c r="A3661" i="2" l="1"/>
  <c r="C3660" i="2"/>
  <c r="D3660" i="2"/>
  <c r="A3662" i="2" l="1"/>
  <c r="D3661" i="2"/>
  <c r="C3661" i="2"/>
  <c r="A3663" i="2" l="1"/>
  <c r="C3662" i="2"/>
  <c r="D3662" i="2"/>
  <c r="A3664" i="2" l="1"/>
  <c r="D3663" i="2"/>
  <c r="C3663" i="2"/>
  <c r="A3665" i="2" l="1"/>
  <c r="C3664" i="2"/>
  <c r="D3664" i="2"/>
  <c r="A3666" i="2" l="1"/>
  <c r="D3665" i="2"/>
  <c r="C3665" i="2"/>
  <c r="A3667" i="2" l="1"/>
  <c r="C3666" i="2"/>
  <c r="D3666" i="2"/>
  <c r="A3668" i="2" l="1"/>
  <c r="D3667" i="2"/>
  <c r="C3667" i="2"/>
  <c r="A3669" i="2" l="1"/>
  <c r="C3668" i="2"/>
  <c r="D3668" i="2"/>
  <c r="A3670" i="2" l="1"/>
  <c r="D3669" i="2"/>
  <c r="C3669" i="2"/>
  <c r="A3671" i="2" l="1"/>
  <c r="C3670" i="2"/>
  <c r="D3670" i="2"/>
  <c r="A3672" i="2" l="1"/>
  <c r="D3671" i="2"/>
  <c r="C3671" i="2"/>
  <c r="A3673" i="2" l="1"/>
  <c r="C3672" i="2"/>
  <c r="D3672" i="2"/>
  <c r="A3674" i="2" l="1"/>
  <c r="D3673" i="2"/>
  <c r="C3673" i="2"/>
  <c r="A3675" i="2" l="1"/>
  <c r="C3674" i="2"/>
  <c r="D3674" i="2"/>
  <c r="A3676" i="2" l="1"/>
  <c r="D3675" i="2"/>
  <c r="C3675" i="2"/>
  <c r="A3677" i="2" l="1"/>
  <c r="C3676" i="2"/>
  <c r="D3676" i="2"/>
  <c r="A3678" i="2" l="1"/>
  <c r="D3677" i="2"/>
  <c r="C3677" i="2"/>
  <c r="A3679" i="2" l="1"/>
  <c r="C3678" i="2"/>
  <c r="D3678" i="2"/>
  <c r="A3680" i="2" l="1"/>
  <c r="D3679" i="2"/>
  <c r="C3679" i="2"/>
  <c r="A3681" i="2" l="1"/>
  <c r="C3680" i="2"/>
  <c r="D3680" i="2"/>
  <c r="A3682" i="2" l="1"/>
  <c r="D3681" i="2"/>
  <c r="C3681" i="2"/>
  <c r="A3683" i="2" l="1"/>
  <c r="C3682" i="2"/>
  <c r="D3682" i="2"/>
  <c r="A3684" i="2" l="1"/>
  <c r="D3683" i="2"/>
  <c r="C3683" i="2"/>
  <c r="A3685" i="2" l="1"/>
  <c r="C3684" i="2"/>
  <c r="D3684" i="2"/>
  <c r="A3686" i="2" l="1"/>
  <c r="D3685" i="2"/>
  <c r="C3685" i="2"/>
  <c r="A3687" i="2" l="1"/>
  <c r="C3686" i="2"/>
  <c r="D3686" i="2"/>
  <c r="A3688" i="2" l="1"/>
  <c r="D3687" i="2"/>
  <c r="C3687" i="2"/>
  <c r="A3689" i="2" l="1"/>
  <c r="C3688" i="2"/>
  <c r="D3688" i="2"/>
  <c r="A3690" i="2" l="1"/>
  <c r="D3689" i="2"/>
  <c r="C3689" i="2"/>
  <c r="A3691" i="2" l="1"/>
  <c r="C3690" i="2"/>
  <c r="D3690" i="2"/>
  <c r="A3692" i="2" l="1"/>
  <c r="D3691" i="2"/>
  <c r="C3691" i="2"/>
  <c r="A3693" i="2" l="1"/>
  <c r="C3692" i="2"/>
  <c r="D3692" i="2"/>
  <c r="A3694" i="2" l="1"/>
  <c r="D3693" i="2"/>
  <c r="C3693" i="2"/>
  <c r="A3695" i="2" l="1"/>
  <c r="C3694" i="2"/>
  <c r="D3694" i="2"/>
  <c r="A3696" i="2" l="1"/>
  <c r="D3695" i="2"/>
  <c r="C3695" i="2"/>
  <c r="A3697" i="2" l="1"/>
  <c r="C3696" i="2"/>
  <c r="D3696" i="2"/>
  <c r="A3698" i="2" l="1"/>
  <c r="D3697" i="2"/>
  <c r="C3697" i="2"/>
  <c r="A3699" i="2" l="1"/>
  <c r="C3698" i="2"/>
  <c r="D3698" i="2"/>
  <c r="A3700" i="2" l="1"/>
  <c r="D3699" i="2"/>
  <c r="C3699" i="2"/>
  <c r="A3701" i="2" l="1"/>
  <c r="C3700" i="2"/>
  <c r="D3700" i="2"/>
  <c r="A3702" i="2" l="1"/>
  <c r="D3701" i="2"/>
  <c r="C3701" i="2"/>
  <c r="A3703" i="2" l="1"/>
  <c r="C3702" i="2"/>
  <c r="D3702" i="2"/>
  <c r="A3704" i="2" l="1"/>
  <c r="D3703" i="2"/>
  <c r="C3703" i="2"/>
  <c r="A3705" i="2" l="1"/>
  <c r="C3704" i="2"/>
  <c r="D3704" i="2"/>
  <c r="A3706" i="2" l="1"/>
  <c r="D3705" i="2"/>
  <c r="C3705" i="2"/>
  <c r="A3707" i="2" l="1"/>
  <c r="C3706" i="2"/>
  <c r="D3706" i="2"/>
  <c r="A3708" i="2" l="1"/>
  <c r="D3707" i="2"/>
  <c r="C3707" i="2"/>
  <c r="A3709" i="2" l="1"/>
  <c r="C3708" i="2"/>
  <c r="D3708" i="2"/>
  <c r="A3710" i="2" l="1"/>
  <c r="D3709" i="2"/>
  <c r="C3709" i="2"/>
  <c r="A3711" i="2" l="1"/>
  <c r="C3710" i="2"/>
  <c r="D3710" i="2"/>
  <c r="A3712" i="2" l="1"/>
  <c r="D3711" i="2"/>
  <c r="C3711" i="2"/>
  <c r="A3713" i="2" l="1"/>
  <c r="C3712" i="2"/>
  <c r="D3712" i="2"/>
  <c r="A3714" i="2" l="1"/>
  <c r="D3713" i="2"/>
  <c r="C3713" i="2"/>
  <c r="A3715" i="2" l="1"/>
  <c r="C3714" i="2"/>
  <c r="D3714" i="2"/>
  <c r="A3716" i="2" l="1"/>
  <c r="D3715" i="2"/>
  <c r="C3715" i="2"/>
  <c r="A3717" i="2" l="1"/>
  <c r="C3716" i="2"/>
  <c r="D3716" i="2"/>
  <c r="A3718" i="2" l="1"/>
  <c r="D3717" i="2"/>
  <c r="C3717" i="2"/>
  <c r="A3719" i="2" l="1"/>
  <c r="C3718" i="2"/>
  <c r="D3718" i="2"/>
  <c r="A3720" i="2" l="1"/>
  <c r="D3719" i="2"/>
  <c r="C3719" i="2"/>
  <c r="A3721" i="2" l="1"/>
  <c r="C3720" i="2"/>
  <c r="D3720" i="2"/>
  <c r="A3722" i="2" l="1"/>
  <c r="D3721" i="2"/>
  <c r="C3721" i="2"/>
  <c r="A3723" i="2" l="1"/>
  <c r="C3722" i="2"/>
  <c r="D3722" i="2"/>
  <c r="A3724" i="2" l="1"/>
  <c r="D3723" i="2"/>
  <c r="C3723" i="2"/>
  <c r="A3725" i="2" l="1"/>
  <c r="C3724" i="2"/>
  <c r="D3724" i="2"/>
  <c r="A3726" i="2" l="1"/>
  <c r="D3725" i="2"/>
  <c r="C3725" i="2"/>
  <c r="A3727" i="2" l="1"/>
  <c r="C3726" i="2"/>
  <c r="D3726" i="2"/>
  <c r="A3728" i="2" l="1"/>
  <c r="D3727" i="2"/>
  <c r="C3727" i="2"/>
  <c r="A3729" i="2" l="1"/>
  <c r="C3728" i="2"/>
  <c r="D3728" i="2"/>
  <c r="A3730" i="2" l="1"/>
  <c r="D3729" i="2"/>
  <c r="C3729" i="2"/>
  <c r="A3731" i="2" l="1"/>
  <c r="C3730" i="2"/>
  <c r="D3730" i="2"/>
  <c r="A3732" i="2" l="1"/>
  <c r="D3731" i="2"/>
  <c r="C3731" i="2"/>
  <c r="A3733" i="2" l="1"/>
  <c r="C3732" i="2"/>
  <c r="D3732" i="2"/>
  <c r="A3734" i="2" l="1"/>
  <c r="D3733" i="2"/>
  <c r="C3733" i="2"/>
  <c r="A3735" i="2" l="1"/>
  <c r="C3734" i="2"/>
  <c r="D3734" i="2"/>
  <c r="A3736" i="2" l="1"/>
  <c r="D3735" i="2"/>
  <c r="C3735" i="2"/>
  <c r="A3737" i="2" l="1"/>
  <c r="C3736" i="2"/>
  <c r="D3736" i="2"/>
  <c r="A3738" i="2" l="1"/>
  <c r="D3737" i="2"/>
  <c r="C3737" i="2"/>
  <c r="A3739" i="2" l="1"/>
  <c r="C3738" i="2"/>
  <c r="D3738" i="2"/>
  <c r="A3740" i="2" l="1"/>
  <c r="D3739" i="2"/>
  <c r="C3739" i="2"/>
  <c r="A3741" i="2" l="1"/>
  <c r="C3740" i="2"/>
  <c r="D3740" i="2"/>
  <c r="A3742" i="2" l="1"/>
  <c r="D3741" i="2"/>
  <c r="C3741" i="2"/>
  <c r="A3743" i="2" l="1"/>
  <c r="C3742" i="2"/>
  <c r="D3742" i="2"/>
  <c r="A3744" i="2" l="1"/>
  <c r="D3743" i="2"/>
  <c r="C3743" i="2"/>
  <c r="A3745" i="2" l="1"/>
  <c r="C3744" i="2"/>
  <c r="D3744" i="2"/>
  <c r="A3746" i="2" l="1"/>
  <c r="D3745" i="2"/>
  <c r="C3745" i="2"/>
  <c r="A3747" i="2" l="1"/>
  <c r="C3746" i="2"/>
  <c r="D3746" i="2"/>
  <c r="A3748" i="2" l="1"/>
  <c r="D3747" i="2"/>
  <c r="C3747" i="2"/>
  <c r="A3749" i="2" l="1"/>
  <c r="C3748" i="2"/>
  <c r="D3748" i="2"/>
  <c r="A3750" i="2" l="1"/>
  <c r="D3749" i="2"/>
  <c r="C3749" i="2"/>
  <c r="A3751" i="2" l="1"/>
  <c r="C3750" i="2"/>
  <c r="D3750" i="2"/>
  <c r="A3752" i="2" l="1"/>
  <c r="D3751" i="2"/>
  <c r="C3751" i="2"/>
  <c r="A3753" i="2" l="1"/>
  <c r="C3752" i="2"/>
  <c r="D3752" i="2"/>
  <c r="A3754" i="2" l="1"/>
  <c r="D3753" i="2"/>
  <c r="C3753" i="2"/>
  <c r="A3755" i="2" l="1"/>
  <c r="C3754" i="2"/>
  <c r="D3754" i="2"/>
  <c r="A3756" i="2" l="1"/>
  <c r="D3755" i="2"/>
  <c r="C3755" i="2"/>
  <c r="A3757" i="2" l="1"/>
  <c r="C3756" i="2"/>
  <c r="D3756" i="2"/>
  <c r="A3758" i="2" l="1"/>
  <c r="D3757" i="2"/>
  <c r="C3757" i="2"/>
  <c r="A3759" i="2" l="1"/>
  <c r="C3758" i="2"/>
  <c r="D3758" i="2"/>
  <c r="A3760" i="2" l="1"/>
  <c r="D3759" i="2"/>
  <c r="C3759" i="2"/>
  <c r="A3761" i="2" l="1"/>
  <c r="C3760" i="2"/>
  <c r="D3760" i="2"/>
  <c r="A3762" i="2" l="1"/>
  <c r="D3761" i="2"/>
  <c r="C3761" i="2"/>
  <c r="A3763" i="2" l="1"/>
  <c r="C3762" i="2"/>
  <c r="D3762" i="2"/>
  <c r="A3764" i="2" l="1"/>
  <c r="D3763" i="2"/>
  <c r="C3763" i="2"/>
  <c r="A3765" i="2" l="1"/>
  <c r="C3764" i="2"/>
  <c r="D3764" i="2"/>
  <c r="A3766" i="2" l="1"/>
  <c r="D3765" i="2"/>
  <c r="C3765" i="2"/>
  <c r="A3767" i="2" l="1"/>
  <c r="C3766" i="2"/>
  <c r="D3766" i="2"/>
  <c r="A3768" i="2" l="1"/>
  <c r="D3767" i="2"/>
  <c r="C3767" i="2"/>
  <c r="A3769" i="2" l="1"/>
  <c r="C3768" i="2"/>
  <c r="D3768" i="2"/>
  <c r="A3770" i="2" l="1"/>
  <c r="D3769" i="2"/>
  <c r="C3769" i="2"/>
  <c r="A3771" i="2" l="1"/>
  <c r="C3770" i="2"/>
  <c r="D3770" i="2"/>
  <c r="A3772" i="2" l="1"/>
  <c r="D3771" i="2"/>
  <c r="C3771" i="2"/>
  <c r="A3773" i="2" l="1"/>
  <c r="C3772" i="2"/>
  <c r="D3772" i="2"/>
  <c r="A3774" i="2" l="1"/>
  <c r="D3773" i="2"/>
  <c r="C3773" i="2"/>
  <c r="A3775" i="2" l="1"/>
  <c r="C3774" i="2"/>
  <c r="D3774" i="2"/>
  <c r="A3776" i="2" l="1"/>
  <c r="D3775" i="2"/>
  <c r="C3775" i="2"/>
  <c r="A3777" i="2" l="1"/>
  <c r="C3776" i="2"/>
  <c r="D3776" i="2"/>
  <c r="A3778" i="2" l="1"/>
  <c r="D3777" i="2"/>
  <c r="C3777" i="2"/>
  <c r="A3779" i="2" l="1"/>
  <c r="C3778" i="2"/>
  <c r="D3778" i="2"/>
  <c r="A3780" i="2" l="1"/>
  <c r="D3779" i="2"/>
  <c r="C3779" i="2"/>
  <c r="A3781" i="2" l="1"/>
  <c r="C3780" i="2"/>
  <c r="D3780" i="2"/>
  <c r="A3782" i="2" l="1"/>
  <c r="D3781" i="2"/>
  <c r="C3781" i="2"/>
  <c r="A3783" i="2" l="1"/>
  <c r="C3782" i="2"/>
  <c r="D3782" i="2"/>
  <c r="A3784" i="2" l="1"/>
  <c r="D3783" i="2"/>
  <c r="C3783" i="2"/>
  <c r="A3785" i="2" l="1"/>
  <c r="C3784" i="2"/>
  <c r="D3784" i="2"/>
  <c r="A3786" i="2" l="1"/>
  <c r="D3785" i="2"/>
  <c r="C3785" i="2"/>
  <c r="A3787" i="2" l="1"/>
  <c r="C3786" i="2"/>
  <c r="D3786" i="2"/>
  <c r="A3788" i="2" l="1"/>
  <c r="D3787" i="2"/>
  <c r="C3787" i="2"/>
  <c r="A3789" i="2" l="1"/>
  <c r="C3788" i="2"/>
  <c r="D3788" i="2"/>
  <c r="A3790" i="2" l="1"/>
  <c r="D3789" i="2"/>
  <c r="C3789" i="2"/>
  <c r="A3791" i="2" l="1"/>
  <c r="C3790" i="2"/>
  <c r="D3790" i="2"/>
  <c r="A3792" i="2" l="1"/>
  <c r="D3791" i="2"/>
  <c r="C3791" i="2"/>
  <c r="A3793" i="2" l="1"/>
  <c r="C3792" i="2"/>
  <c r="D3792" i="2"/>
  <c r="A3794" i="2" l="1"/>
  <c r="D3793" i="2"/>
  <c r="C3793" i="2"/>
  <c r="A3795" i="2" l="1"/>
  <c r="C3794" i="2"/>
  <c r="D3794" i="2"/>
  <c r="A3796" i="2" l="1"/>
  <c r="D3795" i="2"/>
  <c r="C3795" i="2"/>
  <c r="A3797" i="2" l="1"/>
  <c r="C3796" i="2"/>
  <c r="D3796" i="2"/>
  <c r="A3798" i="2" l="1"/>
  <c r="D3797" i="2"/>
  <c r="C3797" i="2"/>
  <c r="A3799" i="2" l="1"/>
  <c r="C3798" i="2"/>
  <c r="D3798" i="2"/>
  <c r="A3800" i="2" l="1"/>
  <c r="D3799" i="2"/>
  <c r="C3799" i="2"/>
  <c r="A3801" i="2" l="1"/>
  <c r="C3800" i="2"/>
  <c r="D3800" i="2"/>
  <c r="A3802" i="2" l="1"/>
  <c r="D3801" i="2"/>
  <c r="C3801" i="2"/>
  <c r="A3803" i="2" l="1"/>
  <c r="C3802" i="2"/>
  <c r="D3802" i="2"/>
  <c r="A3804" i="2" l="1"/>
  <c r="D3803" i="2"/>
  <c r="C3803" i="2"/>
  <c r="A3805" i="2" l="1"/>
  <c r="C3804" i="2"/>
  <c r="D3804" i="2"/>
  <c r="A3806" i="2" l="1"/>
  <c r="D3805" i="2"/>
  <c r="C3805" i="2"/>
  <c r="A3807" i="2" l="1"/>
  <c r="C3806" i="2"/>
  <c r="D3806" i="2"/>
  <c r="A3808" i="2" l="1"/>
  <c r="D3807" i="2"/>
  <c r="C3807" i="2"/>
  <c r="A3809" i="2" l="1"/>
  <c r="C3808" i="2"/>
  <c r="D3808" i="2"/>
  <c r="A3810" i="2" l="1"/>
  <c r="D3809" i="2"/>
  <c r="C3809" i="2"/>
  <c r="A3811" i="2" l="1"/>
  <c r="C3810" i="2"/>
  <c r="D3810" i="2"/>
  <c r="A3812" i="2" l="1"/>
  <c r="D3811" i="2"/>
  <c r="C3811" i="2"/>
  <c r="A3813" i="2" l="1"/>
  <c r="C3812" i="2"/>
  <c r="D3812" i="2"/>
  <c r="A3814" i="2" l="1"/>
  <c r="D3813" i="2"/>
  <c r="C3813" i="2"/>
  <c r="A3815" i="2" l="1"/>
  <c r="C3814" i="2"/>
  <c r="D3814" i="2"/>
  <c r="A3816" i="2" l="1"/>
  <c r="D3815" i="2"/>
  <c r="C3815" i="2"/>
  <c r="A3817" i="2" l="1"/>
  <c r="C3816" i="2"/>
  <c r="D3816" i="2"/>
  <c r="A3818" i="2" l="1"/>
  <c r="D3817" i="2"/>
  <c r="C3817" i="2"/>
  <c r="A3819" i="2" l="1"/>
  <c r="C3818" i="2"/>
  <c r="D3818" i="2"/>
  <c r="A3820" i="2" l="1"/>
  <c r="D3819" i="2"/>
  <c r="C3819" i="2"/>
  <c r="A3821" i="2" l="1"/>
  <c r="C3820" i="2"/>
  <c r="D3820" i="2"/>
  <c r="A3822" i="2" l="1"/>
  <c r="D3821" i="2"/>
  <c r="C3821" i="2"/>
  <c r="A3823" i="2" l="1"/>
  <c r="C3822" i="2"/>
  <c r="D3822" i="2"/>
  <c r="A3824" i="2" l="1"/>
  <c r="D3823" i="2"/>
  <c r="C3823" i="2"/>
  <c r="A3825" i="2" l="1"/>
  <c r="C3824" i="2"/>
  <c r="D3824" i="2"/>
  <c r="A3826" i="2" l="1"/>
  <c r="D3825" i="2"/>
  <c r="C3825" i="2"/>
  <c r="A3827" i="2" l="1"/>
  <c r="C3826" i="2"/>
  <c r="D3826" i="2"/>
  <c r="A3828" i="2" l="1"/>
  <c r="D3827" i="2"/>
  <c r="C3827" i="2"/>
  <c r="A3829" i="2" l="1"/>
  <c r="C3828" i="2"/>
  <c r="D3828" i="2"/>
  <c r="A3830" i="2" l="1"/>
  <c r="D3829" i="2"/>
  <c r="C3829" i="2"/>
  <c r="A3831" i="2" l="1"/>
  <c r="C3830" i="2"/>
  <c r="D3830" i="2"/>
  <c r="A3832" i="2" l="1"/>
  <c r="D3831" i="2"/>
  <c r="C3831" i="2"/>
  <c r="A3833" i="2" l="1"/>
  <c r="C3832" i="2"/>
  <c r="D3832" i="2"/>
  <c r="A3834" i="2" l="1"/>
  <c r="D3833" i="2"/>
  <c r="C3833" i="2"/>
  <c r="A3835" i="2" l="1"/>
  <c r="C3834" i="2"/>
  <c r="D3834" i="2"/>
  <c r="A3836" i="2" l="1"/>
  <c r="D3835" i="2"/>
  <c r="C3835" i="2"/>
  <c r="A3837" i="2" l="1"/>
  <c r="C3836" i="2"/>
  <c r="D3836" i="2"/>
  <c r="A3838" i="2" l="1"/>
  <c r="D3837" i="2"/>
  <c r="C3837" i="2"/>
  <c r="A3839" i="2" l="1"/>
  <c r="C3838" i="2"/>
  <c r="D3838" i="2"/>
  <c r="A3840" i="2" l="1"/>
  <c r="D3839" i="2"/>
  <c r="C3839" i="2"/>
  <c r="A3841" i="2" l="1"/>
  <c r="C3840" i="2"/>
  <c r="D3840" i="2"/>
  <c r="A3842" i="2" l="1"/>
  <c r="D3841" i="2"/>
  <c r="C3841" i="2"/>
  <c r="A3843" i="2" l="1"/>
  <c r="C3842" i="2"/>
  <c r="D3842" i="2"/>
  <c r="A3844" i="2" l="1"/>
  <c r="D3843" i="2"/>
  <c r="C3843" i="2"/>
  <c r="A3845" i="2" l="1"/>
  <c r="C3844" i="2"/>
  <c r="D3844" i="2"/>
  <c r="A3846" i="2" l="1"/>
  <c r="D3845" i="2"/>
  <c r="C3845" i="2"/>
  <c r="A3847" i="2" l="1"/>
  <c r="C3846" i="2"/>
  <c r="D3846" i="2"/>
  <c r="A3848" i="2" l="1"/>
  <c r="D3847" i="2"/>
  <c r="C3847" i="2"/>
  <c r="A3849" i="2" l="1"/>
  <c r="C3848" i="2"/>
  <c r="D3848" i="2"/>
  <c r="A3850" i="2" l="1"/>
  <c r="D3849" i="2"/>
  <c r="C3849" i="2"/>
  <c r="A3851" i="2" l="1"/>
  <c r="C3850" i="2"/>
  <c r="D3850" i="2"/>
  <c r="A3852" i="2" l="1"/>
  <c r="D3851" i="2"/>
  <c r="C3851" i="2"/>
  <c r="A3853" i="2" l="1"/>
  <c r="C3852" i="2"/>
  <c r="D3852" i="2"/>
  <c r="A3854" i="2" l="1"/>
  <c r="D3853" i="2"/>
  <c r="C3853" i="2"/>
  <c r="A3855" i="2" l="1"/>
  <c r="C3854" i="2"/>
  <c r="D3854" i="2"/>
  <c r="A3856" i="2" l="1"/>
  <c r="D3855" i="2"/>
  <c r="C3855" i="2"/>
  <c r="A3857" i="2" l="1"/>
  <c r="C3856" i="2"/>
  <c r="D3856" i="2"/>
  <c r="A3858" i="2" l="1"/>
  <c r="D3857" i="2"/>
  <c r="C3857" i="2"/>
  <c r="A3859" i="2" l="1"/>
  <c r="C3858" i="2"/>
  <c r="D3858" i="2"/>
  <c r="A3860" i="2" l="1"/>
  <c r="D3859" i="2"/>
  <c r="C3859" i="2"/>
  <c r="A3861" i="2" l="1"/>
  <c r="C3860" i="2"/>
  <c r="D3860" i="2"/>
  <c r="A3862" i="2" l="1"/>
  <c r="D3861" i="2"/>
  <c r="C3861" i="2"/>
  <c r="A3863" i="2" l="1"/>
  <c r="C3862" i="2"/>
  <c r="D3862" i="2"/>
  <c r="A3864" i="2" l="1"/>
  <c r="D3863" i="2"/>
  <c r="C3863" i="2"/>
  <c r="A3865" i="2" l="1"/>
  <c r="C3864" i="2"/>
  <c r="D3864" i="2"/>
  <c r="A3866" i="2" l="1"/>
  <c r="D3865" i="2"/>
  <c r="C3865" i="2"/>
  <c r="A3867" i="2" l="1"/>
  <c r="C3866" i="2"/>
  <c r="D3866" i="2"/>
  <c r="A3868" i="2" l="1"/>
  <c r="D3867" i="2"/>
  <c r="C3867" i="2"/>
  <c r="A3869" i="2" l="1"/>
  <c r="C3868" i="2"/>
  <c r="D3868" i="2"/>
  <c r="A3870" i="2" l="1"/>
  <c r="D3869" i="2"/>
  <c r="C3869" i="2"/>
  <c r="A3871" i="2" l="1"/>
  <c r="C3870" i="2"/>
  <c r="D3870" i="2"/>
  <c r="A3872" i="2" l="1"/>
  <c r="D3871" i="2"/>
  <c r="C3871" i="2"/>
  <c r="A3873" i="2" l="1"/>
  <c r="C3872" i="2"/>
  <c r="D3872" i="2"/>
  <c r="A3874" i="2" l="1"/>
  <c r="D3873" i="2"/>
  <c r="C3873" i="2"/>
  <c r="A3875" i="2" l="1"/>
  <c r="C3874" i="2"/>
  <c r="D3874" i="2"/>
  <c r="A3876" i="2" l="1"/>
  <c r="D3875" i="2"/>
  <c r="C3875" i="2"/>
  <c r="A3877" i="2" l="1"/>
  <c r="C3876" i="2"/>
  <c r="D3876" i="2"/>
  <c r="A3878" i="2" l="1"/>
  <c r="D3877" i="2"/>
  <c r="C3877" i="2"/>
  <c r="A3879" i="2" l="1"/>
  <c r="C3878" i="2"/>
  <c r="D3878" i="2"/>
  <c r="A3880" i="2" l="1"/>
  <c r="D3879" i="2"/>
  <c r="C3879" i="2"/>
  <c r="A3881" i="2" l="1"/>
  <c r="C3880" i="2"/>
  <c r="D3880" i="2"/>
  <c r="A3882" i="2" l="1"/>
  <c r="D3881" i="2"/>
  <c r="C3881" i="2"/>
  <c r="A3883" i="2" l="1"/>
  <c r="C3882" i="2"/>
  <c r="D3882" i="2"/>
  <c r="A3884" i="2" l="1"/>
  <c r="D3883" i="2"/>
  <c r="C3883" i="2"/>
  <c r="A3885" i="2" l="1"/>
  <c r="C3884" i="2"/>
  <c r="D3884" i="2"/>
  <c r="A3886" i="2" l="1"/>
  <c r="D3885" i="2"/>
  <c r="C3885" i="2"/>
  <c r="A3887" i="2" l="1"/>
  <c r="C3886" i="2"/>
  <c r="D3886" i="2"/>
  <c r="A3888" i="2" l="1"/>
  <c r="D3887" i="2"/>
  <c r="C3887" i="2"/>
  <c r="A3889" i="2" l="1"/>
  <c r="C3888" i="2"/>
  <c r="D3888" i="2"/>
  <c r="A3890" i="2" l="1"/>
  <c r="D3889" i="2"/>
  <c r="C3889" i="2"/>
  <c r="A3891" i="2" l="1"/>
  <c r="C3890" i="2"/>
  <c r="D3890" i="2"/>
  <c r="A3892" i="2" l="1"/>
  <c r="D3891" i="2"/>
  <c r="C3891" i="2"/>
  <c r="A3893" i="2" l="1"/>
  <c r="C3892" i="2"/>
  <c r="D3892" i="2"/>
  <c r="A3894" i="2" l="1"/>
  <c r="D3893" i="2"/>
  <c r="C3893" i="2"/>
  <c r="A3895" i="2" l="1"/>
  <c r="C3894" i="2"/>
  <c r="D3894" i="2"/>
  <c r="A3896" i="2" l="1"/>
  <c r="D3895" i="2"/>
  <c r="C3895" i="2"/>
  <c r="A3897" i="2" l="1"/>
  <c r="C3896" i="2"/>
  <c r="D3896" i="2"/>
  <c r="A3898" i="2" l="1"/>
  <c r="D3897" i="2"/>
  <c r="C3897" i="2"/>
  <c r="A3899" i="2" l="1"/>
  <c r="C3898" i="2"/>
  <c r="D3898" i="2"/>
  <c r="A3900" i="2" l="1"/>
  <c r="D3899" i="2"/>
  <c r="C3899" i="2"/>
  <c r="A3901" i="2" l="1"/>
  <c r="C3900" i="2"/>
  <c r="D3900" i="2"/>
  <c r="A3902" i="2" l="1"/>
  <c r="D3901" i="2"/>
  <c r="C3901" i="2"/>
  <c r="A3903" i="2" l="1"/>
  <c r="C3902" i="2"/>
  <c r="D3902" i="2"/>
  <c r="A3904" i="2" l="1"/>
  <c r="D3903" i="2"/>
  <c r="C3903" i="2"/>
  <c r="A3905" i="2" l="1"/>
  <c r="C3904" i="2"/>
  <c r="D3904" i="2"/>
  <c r="A3906" i="2" l="1"/>
  <c r="D3905" i="2"/>
  <c r="C3905" i="2"/>
  <c r="A3907" i="2" l="1"/>
  <c r="C3906" i="2"/>
  <c r="D3906" i="2"/>
  <c r="A3908" i="2" l="1"/>
  <c r="D3907" i="2"/>
  <c r="C3907" i="2"/>
  <c r="A3909" i="2" l="1"/>
  <c r="C3908" i="2"/>
  <c r="D3908" i="2"/>
  <c r="A3910" i="2" l="1"/>
  <c r="D3909" i="2"/>
  <c r="C3909" i="2"/>
  <c r="A3911" i="2" l="1"/>
  <c r="C3910" i="2"/>
  <c r="D3910" i="2"/>
  <c r="A3912" i="2" l="1"/>
  <c r="D3911" i="2"/>
  <c r="C3911" i="2"/>
  <c r="A3913" i="2" l="1"/>
  <c r="C3912" i="2"/>
  <c r="D3912" i="2"/>
  <c r="A3914" i="2" l="1"/>
  <c r="D3913" i="2"/>
  <c r="C3913" i="2"/>
  <c r="A3915" i="2" l="1"/>
  <c r="C3914" i="2"/>
  <c r="D3914" i="2"/>
  <c r="A3916" i="2" l="1"/>
  <c r="D3915" i="2"/>
  <c r="C3915" i="2"/>
  <c r="A3917" i="2" l="1"/>
  <c r="C3916" i="2"/>
  <c r="D3916" i="2"/>
  <c r="A3918" i="2" l="1"/>
  <c r="D3917" i="2"/>
  <c r="C3917" i="2"/>
  <c r="A3919" i="2" l="1"/>
  <c r="C3918" i="2"/>
  <c r="D3918" i="2"/>
  <c r="A3920" i="2" l="1"/>
  <c r="D3919" i="2"/>
  <c r="C3919" i="2"/>
  <c r="A3921" i="2" l="1"/>
  <c r="C3920" i="2"/>
  <c r="D3920" i="2"/>
  <c r="A3922" i="2" l="1"/>
  <c r="D3921" i="2"/>
  <c r="C3921" i="2"/>
  <c r="A3923" i="2" l="1"/>
  <c r="C3922" i="2"/>
  <c r="D3922" i="2"/>
  <c r="A3924" i="2" l="1"/>
  <c r="D3923" i="2"/>
  <c r="C3923" i="2"/>
  <c r="A3925" i="2" l="1"/>
  <c r="C3924" i="2"/>
  <c r="D3924" i="2"/>
  <c r="A3926" i="2" l="1"/>
  <c r="D3925" i="2"/>
  <c r="C3925" i="2"/>
  <c r="A3927" i="2" l="1"/>
  <c r="C3926" i="2"/>
  <c r="D3926" i="2"/>
  <c r="A3928" i="2" l="1"/>
  <c r="D3927" i="2"/>
  <c r="C3927" i="2"/>
  <c r="A3929" i="2" l="1"/>
  <c r="C3928" i="2"/>
  <c r="D3928" i="2"/>
  <c r="A3930" i="2" l="1"/>
  <c r="C3929" i="2"/>
  <c r="D3929" i="2"/>
  <c r="A3931" i="2" l="1"/>
  <c r="D3930" i="2"/>
  <c r="C3930" i="2"/>
  <c r="A3932" i="2" l="1"/>
  <c r="C3931" i="2"/>
  <c r="D3931" i="2"/>
  <c r="A3933" i="2" l="1"/>
  <c r="D3932" i="2"/>
  <c r="C3932" i="2"/>
  <c r="A3934" i="2" l="1"/>
  <c r="C3933" i="2"/>
  <c r="D3933" i="2"/>
  <c r="A3935" i="2" l="1"/>
  <c r="D3934" i="2"/>
  <c r="C3934" i="2"/>
  <c r="A3936" i="2" l="1"/>
  <c r="C3935" i="2"/>
  <c r="D3935" i="2"/>
  <c r="A3937" i="2" l="1"/>
  <c r="D3936" i="2"/>
  <c r="C3936" i="2"/>
  <c r="A3938" i="2" l="1"/>
  <c r="C3937" i="2"/>
  <c r="D3937" i="2"/>
  <c r="A3939" i="2" l="1"/>
  <c r="D3938" i="2"/>
  <c r="C3938" i="2"/>
  <c r="A3940" i="2" l="1"/>
  <c r="C3939" i="2"/>
  <c r="D3939" i="2"/>
  <c r="A3941" i="2" l="1"/>
  <c r="D3940" i="2"/>
  <c r="C3940" i="2"/>
  <c r="A3942" i="2" l="1"/>
  <c r="C3941" i="2"/>
  <c r="D3941" i="2"/>
  <c r="A3943" i="2" l="1"/>
  <c r="D3942" i="2"/>
  <c r="C3942" i="2"/>
  <c r="A3944" i="2" l="1"/>
  <c r="C3943" i="2"/>
  <c r="D3943" i="2"/>
  <c r="A3945" i="2" l="1"/>
  <c r="D3944" i="2"/>
  <c r="C3944" i="2"/>
  <c r="A3946" i="2" l="1"/>
  <c r="C3945" i="2"/>
  <c r="D3945" i="2"/>
  <c r="A3947" i="2" l="1"/>
  <c r="D3946" i="2"/>
  <c r="C3946" i="2"/>
  <c r="A3948" i="2" l="1"/>
  <c r="C3947" i="2"/>
  <c r="D3947" i="2"/>
  <c r="A3949" i="2" l="1"/>
  <c r="D3948" i="2"/>
  <c r="C3948" i="2"/>
  <c r="A3950" i="2" l="1"/>
  <c r="C3949" i="2"/>
  <c r="D3949" i="2"/>
  <c r="A3951" i="2" l="1"/>
  <c r="D3950" i="2"/>
  <c r="C3950" i="2"/>
  <c r="A3952" i="2" l="1"/>
  <c r="C3951" i="2"/>
  <c r="D3951" i="2"/>
  <c r="A3953" i="2" l="1"/>
  <c r="D3952" i="2"/>
  <c r="C3952" i="2"/>
  <c r="A3954" i="2" l="1"/>
  <c r="C3953" i="2"/>
  <c r="D3953" i="2"/>
  <c r="A3955" i="2" l="1"/>
  <c r="D3954" i="2"/>
  <c r="C3954" i="2"/>
  <c r="A3956" i="2" l="1"/>
  <c r="C3955" i="2"/>
  <c r="D3955" i="2"/>
  <c r="A3957" i="2" l="1"/>
  <c r="D3956" i="2"/>
  <c r="C3956" i="2"/>
  <c r="A3958" i="2" l="1"/>
  <c r="C3957" i="2"/>
  <c r="D3957" i="2"/>
  <c r="A3959" i="2" l="1"/>
  <c r="D3958" i="2"/>
  <c r="C3958" i="2"/>
  <c r="A3960" i="2" l="1"/>
  <c r="C3959" i="2"/>
  <c r="D3959" i="2"/>
  <c r="A3961" i="2" l="1"/>
  <c r="D3960" i="2"/>
  <c r="C3960" i="2"/>
  <c r="A3962" i="2" l="1"/>
  <c r="C3961" i="2"/>
  <c r="D3961" i="2"/>
  <c r="A3963" i="2" l="1"/>
  <c r="D3962" i="2"/>
  <c r="C3962" i="2"/>
  <c r="A3964" i="2" l="1"/>
  <c r="C3963" i="2"/>
  <c r="D3963" i="2"/>
  <c r="A3965" i="2" l="1"/>
  <c r="D3964" i="2"/>
  <c r="C3964" i="2"/>
  <c r="A3966" i="2" l="1"/>
  <c r="C3965" i="2"/>
  <c r="D3965" i="2"/>
  <c r="A3967" i="2" l="1"/>
  <c r="D3966" i="2"/>
  <c r="C3966" i="2"/>
  <c r="A3968" i="2" l="1"/>
  <c r="C3967" i="2"/>
  <c r="D3967" i="2"/>
  <c r="A3969" i="2" l="1"/>
  <c r="D3968" i="2"/>
  <c r="C3968" i="2"/>
  <c r="A3970" i="2" l="1"/>
  <c r="C3969" i="2"/>
  <c r="D3969" i="2"/>
  <c r="A3971" i="2" l="1"/>
  <c r="D3970" i="2"/>
  <c r="C3970" i="2"/>
  <c r="A3972" i="2" l="1"/>
  <c r="C3971" i="2"/>
  <c r="D3971" i="2"/>
  <c r="A3973" i="2" l="1"/>
  <c r="D3972" i="2"/>
  <c r="C3972" i="2"/>
  <c r="A3974" i="2" l="1"/>
  <c r="C3973" i="2"/>
  <c r="D3973" i="2"/>
  <c r="A3975" i="2" l="1"/>
  <c r="D3974" i="2"/>
  <c r="C3974" i="2"/>
  <c r="A3976" i="2" l="1"/>
  <c r="C3975" i="2"/>
  <c r="D3975" i="2"/>
  <c r="A3977" i="2" l="1"/>
  <c r="D3976" i="2"/>
  <c r="C3976" i="2"/>
  <c r="A3978" i="2" l="1"/>
  <c r="C3977" i="2"/>
  <c r="D3977" i="2"/>
  <c r="A3979" i="2" l="1"/>
  <c r="D3978" i="2"/>
  <c r="C3978" i="2"/>
  <c r="A3980" i="2" l="1"/>
  <c r="C3979" i="2"/>
  <c r="D3979" i="2"/>
  <c r="A3981" i="2" l="1"/>
  <c r="D3980" i="2"/>
  <c r="C3980" i="2"/>
  <c r="A3982" i="2" l="1"/>
  <c r="C3981" i="2"/>
  <c r="D3981" i="2"/>
  <c r="A3983" i="2" l="1"/>
  <c r="D3982" i="2"/>
  <c r="C3982" i="2"/>
  <c r="A3984" i="2" l="1"/>
  <c r="C3983" i="2"/>
  <c r="D3983" i="2"/>
  <c r="A3985" i="2" l="1"/>
  <c r="D3984" i="2"/>
  <c r="C3984" i="2"/>
  <c r="A3986" i="2" l="1"/>
  <c r="C3985" i="2"/>
  <c r="D3985" i="2"/>
  <c r="A3987" i="2" l="1"/>
  <c r="D3986" i="2"/>
  <c r="C3986" i="2"/>
  <c r="A3988" i="2" l="1"/>
  <c r="C3987" i="2"/>
  <c r="D3987" i="2"/>
  <c r="A3989" i="2" l="1"/>
  <c r="D3988" i="2"/>
  <c r="C3988" i="2"/>
  <c r="A3990" i="2" l="1"/>
  <c r="C3989" i="2"/>
  <c r="D3989" i="2"/>
  <c r="A3991" i="2" l="1"/>
  <c r="D3990" i="2"/>
  <c r="C3990" i="2"/>
  <c r="A3992" i="2" l="1"/>
  <c r="C3991" i="2"/>
  <c r="D3991" i="2"/>
  <c r="A3993" i="2" l="1"/>
  <c r="D3992" i="2"/>
  <c r="C3992" i="2"/>
  <c r="A3994" i="2" l="1"/>
  <c r="C3993" i="2"/>
  <c r="D3993" i="2"/>
  <c r="A3995" i="2" l="1"/>
  <c r="D3994" i="2"/>
  <c r="C3994" i="2"/>
  <c r="A3996" i="2" l="1"/>
  <c r="C3995" i="2"/>
  <c r="D3995" i="2"/>
  <c r="A3997" i="2" l="1"/>
  <c r="D3996" i="2"/>
  <c r="C3996" i="2"/>
  <c r="A3998" i="2" l="1"/>
  <c r="C3997" i="2"/>
  <c r="D3997" i="2"/>
  <c r="A3999" i="2" l="1"/>
  <c r="D3998" i="2"/>
  <c r="C3998" i="2"/>
  <c r="A4000" i="2" l="1"/>
  <c r="C3999" i="2"/>
  <c r="D3999" i="2"/>
  <c r="A4001" i="2" l="1"/>
  <c r="D4000" i="2"/>
  <c r="C4000" i="2"/>
  <c r="A4002" i="2" l="1"/>
  <c r="C4001" i="2"/>
  <c r="D4001" i="2"/>
  <c r="A4003" i="2" l="1"/>
  <c r="D4002" i="2"/>
  <c r="C4002" i="2"/>
  <c r="A4004" i="2" l="1"/>
  <c r="C4003" i="2"/>
  <c r="D4003" i="2"/>
  <c r="A4005" i="2" l="1"/>
  <c r="D4004" i="2"/>
  <c r="C4004" i="2"/>
  <c r="A4006" i="2" l="1"/>
  <c r="C4005" i="2"/>
  <c r="D4005" i="2"/>
  <c r="A4007" i="2" l="1"/>
  <c r="D4006" i="2"/>
  <c r="C4006" i="2"/>
  <c r="A4008" i="2" l="1"/>
  <c r="C4007" i="2"/>
  <c r="D4007" i="2"/>
  <c r="A4009" i="2" l="1"/>
  <c r="D4008" i="2"/>
  <c r="C4008" i="2"/>
  <c r="A4010" i="2" l="1"/>
  <c r="C4009" i="2"/>
  <c r="D4009" i="2"/>
  <c r="A4011" i="2" l="1"/>
  <c r="D4010" i="2"/>
  <c r="C4010" i="2"/>
  <c r="A4012" i="2" l="1"/>
  <c r="C4011" i="2"/>
  <c r="D4011" i="2"/>
  <c r="A4013" i="2" l="1"/>
  <c r="D4012" i="2"/>
  <c r="C4012" i="2"/>
  <c r="A4014" i="2" l="1"/>
  <c r="C4013" i="2"/>
  <c r="D4013" i="2"/>
  <c r="A4015" i="2" l="1"/>
  <c r="D4014" i="2"/>
  <c r="C4014" i="2"/>
  <c r="A4016" i="2" l="1"/>
  <c r="C4015" i="2"/>
  <c r="D4015" i="2"/>
  <c r="A4017" i="2" l="1"/>
  <c r="D4016" i="2"/>
  <c r="C4016" i="2"/>
  <c r="A4018" i="2" l="1"/>
  <c r="C4017" i="2"/>
  <c r="D4017" i="2"/>
  <c r="A4019" i="2" l="1"/>
  <c r="D4018" i="2"/>
  <c r="C4018" i="2"/>
  <c r="A4020" i="2" l="1"/>
  <c r="C4019" i="2"/>
  <c r="D4019" i="2"/>
  <c r="A4021" i="2" l="1"/>
  <c r="D4020" i="2"/>
  <c r="C4020" i="2"/>
  <c r="A4022" i="2" l="1"/>
  <c r="C4021" i="2"/>
  <c r="D4021" i="2"/>
  <c r="A4023" i="2" l="1"/>
  <c r="D4022" i="2"/>
  <c r="C4022" i="2"/>
  <c r="A4024" i="2" l="1"/>
  <c r="C4023" i="2"/>
  <c r="D4023" i="2"/>
  <c r="A4025" i="2" l="1"/>
  <c r="D4024" i="2"/>
  <c r="C4024" i="2"/>
  <c r="A4026" i="2" l="1"/>
  <c r="C4025" i="2"/>
  <c r="D4025" i="2"/>
  <c r="A4027" i="2" l="1"/>
  <c r="D4026" i="2"/>
  <c r="C4026" i="2"/>
  <c r="A4028" i="2" l="1"/>
  <c r="C4027" i="2"/>
  <c r="D4027" i="2"/>
  <c r="A4029" i="2" l="1"/>
  <c r="D4028" i="2"/>
  <c r="C4028" i="2"/>
  <c r="A4030" i="2" l="1"/>
  <c r="C4029" i="2"/>
  <c r="D4029" i="2"/>
  <c r="A4031" i="2" l="1"/>
  <c r="D4030" i="2"/>
  <c r="C4030" i="2"/>
  <c r="A4032" i="2" l="1"/>
  <c r="C4031" i="2"/>
  <c r="D4031" i="2"/>
  <c r="A4033" i="2" l="1"/>
  <c r="D4032" i="2"/>
  <c r="C4032" i="2"/>
  <c r="A4034" i="2" l="1"/>
  <c r="C4033" i="2"/>
  <c r="D4033" i="2"/>
  <c r="A4035" i="2" l="1"/>
  <c r="D4034" i="2"/>
  <c r="C4034" i="2"/>
  <c r="A4036" i="2" l="1"/>
  <c r="C4035" i="2"/>
  <c r="D4035" i="2"/>
  <c r="A4037" i="2" l="1"/>
  <c r="D4036" i="2"/>
  <c r="C4036" i="2"/>
  <c r="A4038" i="2" l="1"/>
  <c r="C4037" i="2"/>
  <c r="D4037" i="2"/>
  <c r="A4039" i="2" l="1"/>
  <c r="D4038" i="2"/>
  <c r="C4038" i="2"/>
  <c r="A4040" i="2" l="1"/>
  <c r="C4039" i="2"/>
  <c r="D4039" i="2"/>
  <c r="A4041" i="2" l="1"/>
  <c r="D4040" i="2"/>
  <c r="C4040" i="2"/>
  <c r="A4042" i="2" l="1"/>
  <c r="C4041" i="2"/>
  <c r="D4041" i="2"/>
  <c r="A4043" i="2" l="1"/>
  <c r="D4042" i="2"/>
  <c r="C4042" i="2"/>
  <c r="A4044" i="2" l="1"/>
  <c r="C4043" i="2"/>
  <c r="D4043" i="2"/>
  <c r="A4045" i="2" l="1"/>
  <c r="D4044" i="2"/>
  <c r="C4044" i="2"/>
  <c r="A4046" i="2" l="1"/>
  <c r="C4045" i="2"/>
  <c r="D4045" i="2"/>
  <c r="A4047" i="2" l="1"/>
  <c r="D4046" i="2"/>
  <c r="C4046" i="2"/>
  <c r="A4048" i="2" l="1"/>
  <c r="C4047" i="2"/>
  <c r="D4047" i="2"/>
  <c r="A4049" i="2" l="1"/>
  <c r="D4048" i="2"/>
  <c r="C4048" i="2"/>
  <c r="A4050" i="2" l="1"/>
  <c r="C4049" i="2"/>
  <c r="D4049" i="2"/>
  <c r="A4051" i="2" l="1"/>
  <c r="D4050" i="2"/>
  <c r="C4050" i="2"/>
  <c r="A4052" i="2" l="1"/>
  <c r="C4051" i="2"/>
  <c r="D4051" i="2"/>
  <c r="A4053" i="2" l="1"/>
  <c r="D4052" i="2"/>
  <c r="C4052" i="2"/>
  <c r="A4054" i="2" l="1"/>
  <c r="C4053" i="2"/>
  <c r="D4053" i="2"/>
  <c r="A4055" i="2" l="1"/>
  <c r="D4054" i="2"/>
  <c r="C4054" i="2"/>
  <c r="A4056" i="2" l="1"/>
  <c r="C4055" i="2"/>
  <c r="D4055" i="2"/>
  <c r="A4057" i="2" l="1"/>
  <c r="D4056" i="2"/>
  <c r="C4056" i="2"/>
  <c r="A4058" i="2" l="1"/>
  <c r="C4057" i="2"/>
  <c r="D4057" i="2"/>
  <c r="A4059" i="2" l="1"/>
  <c r="D4058" i="2"/>
  <c r="C4058" i="2"/>
  <c r="A4060" i="2" l="1"/>
  <c r="C4059" i="2"/>
  <c r="D4059" i="2"/>
  <c r="A4061" i="2" l="1"/>
  <c r="D4060" i="2"/>
  <c r="C4060" i="2"/>
  <c r="A4062" i="2" l="1"/>
  <c r="C4061" i="2"/>
  <c r="D4061" i="2"/>
  <c r="A4063" i="2" l="1"/>
  <c r="D4062" i="2"/>
  <c r="C4062" i="2"/>
  <c r="A4064" i="2" l="1"/>
  <c r="C4063" i="2"/>
  <c r="D4063" i="2"/>
  <c r="A4065" i="2" l="1"/>
  <c r="D4064" i="2"/>
  <c r="C4064" i="2"/>
  <c r="A4066" i="2" l="1"/>
  <c r="C4065" i="2"/>
  <c r="D4065" i="2"/>
  <c r="A4067" i="2" l="1"/>
  <c r="D4066" i="2"/>
  <c r="C4066" i="2"/>
  <c r="A4068" i="2" l="1"/>
  <c r="C4067" i="2"/>
  <c r="D4067" i="2"/>
  <c r="A4069" i="2" l="1"/>
  <c r="D4068" i="2"/>
  <c r="C4068" i="2"/>
  <c r="A4070" i="2" l="1"/>
  <c r="C4069" i="2"/>
  <c r="D4069" i="2"/>
  <c r="A4071" i="2" l="1"/>
  <c r="D4070" i="2"/>
  <c r="C4070" i="2"/>
  <c r="A4072" i="2" l="1"/>
  <c r="C4071" i="2"/>
  <c r="D4071" i="2"/>
  <c r="A4073" i="2" l="1"/>
  <c r="D4072" i="2"/>
  <c r="C4072" i="2"/>
  <c r="A4074" i="2" l="1"/>
  <c r="C4073" i="2"/>
  <c r="D4073" i="2"/>
  <c r="A4075" i="2" l="1"/>
  <c r="D4074" i="2"/>
  <c r="C4074" i="2"/>
  <c r="A4076" i="2" l="1"/>
  <c r="C4075" i="2"/>
  <c r="D4075" i="2"/>
  <c r="A4077" i="2" l="1"/>
  <c r="D4076" i="2"/>
  <c r="C4076" i="2"/>
  <c r="A4078" i="2" l="1"/>
  <c r="C4077" i="2"/>
  <c r="D4077" i="2"/>
  <c r="A4079" i="2" l="1"/>
  <c r="D4078" i="2"/>
  <c r="C4078" i="2"/>
  <c r="A4080" i="2" l="1"/>
  <c r="C4079" i="2"/>
  <c r="D4079" i="2"/>
  <c r="A4081" i="2" l="1"/>
  <c r="D4080" i="2"/>
  <c r="C4080" i="2"/>
  <c r="A4082" i="2" l="1"/>
  <c r="C4081" i="2"/>
  <c r="D4081" i="2"/>
  <c r="A4083" i="2" l="1"/>
  <c r="D4082" i="2"/>
  <c r="C4082" i="2"/>
  <c r="A4084" i="2" l="1"/>
  <c r="C4083" i="2"/>
  <c r="D4083" i="2"/>
  <c r="A4085" i="2" l="1"/>
  <c r="D4084" i="2"/>
  <c r="C4084" i="2"/>
  <c r="A4086" i="2" l="1"/>
  <c r="C4085" i="2"/>
  <c r="D4085" i="2"/>
  <c r="A4087" i="2" l="1"/>
  <c r="D4086" i="2"/>
  <c r="C4086" i="2"/>
  <c r="A4088" i="2" l="1"/>
  <c r="C4087" i="2"/>
  <c r="D4087" i="2"/>
  <c r="A4089" i="2" l="1"/>
  <c r="D4088" i="2"/>
  <c r="C4088" i="2"/>
  <c r="A4090" i="2" l="1"/>
  <c r="C4089" i="2"/>
  <c r="D4089" i="2"/>
  <c r="A4091" i="2" l="1"/>
  <c r="D4090" i="2"/>
  <c r="C4090" i="2"/>
  <c r="A4092" i="2" l="1"/>
  <c r="C4091" i="2"/>
  <c r="D4091" i="2"/>
  <c r="A4093" i="2" l="1"/>
  <c r="D4092" i="2"/>
  <c r="C4092" i="2"/>
  <c r="A4094" i="2" l="1"/>
  <c r="C4093" i="2"/>
  <c r="D4093" i="2"/>
  <c r="A4095" i="2" l="1"/>
  <c r="D4094" i="2"/>
  <c r="C4094" i="2"/>
  <c r="A4096" i="2" l="1"/>
  <c r="C4095" i="2"/>
  <c r="D4095" i="2"/>
  <c r="A4097" i="2" l="1"/>
  <c r="D4096" i="2"/>
  <c r="C4096" i="2"/>
  <c r="A4098" i="2" l="1"/>
  <c r="C4097" i="2"/>
  <c r="D4097" i="2"/>
  <c r="A4099" i="2" l="1"/>
  <c r="D4098" i="2"/>
  <c r="C4098" i="2"/>
  <c r="A4100" i="2" l="1"/>
  <c r="C4099" i="2"/>
  <c r="D4099" i="2"/>
  <c r="A4101" i="2" l="1"/>
  <c r="D4100" i="2"/>
  <c r="C4100" i="2"/>
  <c r="A4102" i="2" l="1"/>
  <c r="C4101" i="2"/>
  <c r="D4101" i="2"/>
  <c r="A4103" i="2" l="1"/>
  <c r="D4102" i="2"/>
  <c r="C4102" i="2"/>
  <c r="A4104" i="2" l="1"/>
  <c r="C4103" i="2"/>
  <c r="D4103" i="2"/>
  <c r="A4105" i="2" l="1"/>
  <c r="D4104" i="2"/>
  <c r="C4104" i="2"/>
  <c r="A4106" i="2" l="1"/>
  <c r="C4105" i="2"/>
  <c r="D4105" i="2"/>
  <c r="A4107" i="2" l="1"/>
  <c r="D4106" i="2"/>
  <c r="C4106" i="2"/>
  <c r="A4108" i="2" l="1"/>
  <c r="C4107" i="2"/>
  <c r="D4107" i="2"/>
  <c r="A4109" i="2" l="1"/>
  <c r="D4108" i="2"/>
  <c r="C4108" i="2"/>
  <c r="A4110" i="2" l="1"/>
  <c r="C4109" i="2"/>
  <c r="D4109" i="2"/>
  <c r="A4111" i="2" l="1"/>
  <c r="D4110" i="2"/>
  <c r="C4110" i="2"/>
  <c r="A4112" i="2" l="1"/>
  <c r="C4111" i="2"/>
  <c r="D4111" i="2"/>
  <c r="A4113" i="2" l="1"/>
  <c r="D4112" i="2"/>
  <c r="C4112" i="2"/>
  <c r="A4114" i="2" l="1"/>
  <c r="C4113" i="2"/>
  <c r="D4113" i="2"/>
  <c r="A4115" i="2" l="1"/>
  <c r="D4114" i="2"/>
  <c r="C4114" i="2"/>
  <c r="A4116" i="2" l="1"/>
  <c r="C4115" i="2"/>
  <c r="D4115" i="2"/>
  <c r="A4117" i="2" l="1"/>
  <c r="D4116" i="2"/>
  <c r="C4116" i="2"/>
  <c r="A4118" i="2" l="1"/>
  <c r="C4117" i="2"/>
  <c r="D4117" i="2"/>
  <c r="A4119" i="2" l="1"/>
  <c r="D4118" i="2"/>
  <c r="C4118" i="2"/>
  <c r="A4120" i="2" l="1"/>
  <c r="C4119" i="2"/>
  <c r="D4119" i="2"/>
  <c r="A4121" i="2" l="1"/>
  <c r="D4120" i="2"/>
  <c r="C4120" i="2"/>
  <c r="A4122" i="2" l="1"/>
  <c r="C4121" i="2"/>
  <c r="D4121" i="2"/>
  <c r="A4123" i="2" l="1"/>
  <c r="D4122" i="2"/>
  <c r="C4122" i="2"/>
  <c r="A4124" i="2" l="1"/>
  <c r="C4123" i="2"/>
  <c r="D4123" i="2"/>
  <c r="A4125" i="2" l="1"/>
  <c r="D4124" i="2"/>
  <c r="C4124" i="2"/>
  <c r="A4126" i="2" l="1"/>
  <c r="C4125" i="2"/>
  <c r="D4125" i="2"/>
  <c r="A4127" i="2" l="1"/>
  <c r="D4126" i="2"/>
  <c r="C4126" i="2"/>
  <c r="A4128" i="2" l="1"/>
  <c r="C4127" i="2"/>
  <c r="D4127" i="2"/>
  <c r="A4129" i="2" l="1"/>
  <c r="D4128" i="2"/>
  <c r="C4128" i="2"/>
  <c r="A4130" i="2" l="1"/>
  <c r="C4129" i="2"/>
  <c r="D4129" i="2"/>
  <c r="A4131" i="2" l="1"/>
  <c r="D4130" i="2"/>
  <c r="C4130" i="2"/>
  <c r="A4132" i="2" l="1"/>
  <c r="C4131" i="2"/>
  <c r="D4131" i="2"/>
  <c r="A4133" i="2" l="1"/>
  <c r="D4132" i="2"/>
  <c r="C4132" i="2"/>
  <c r="A4134" i="2" l="1"/>
  <c r="C4133" i="2"/>
  <c r="D4133" i="2"/>
  <c r="A4135" i="2" l="1"/>
  <c r="D4134" i="2"/>
  <c r="C4134" i="2"/>
  <c r="A4136" i="2" l="1"/>
  <c r="C4135" i="2"/>
  <c r="D4135" i="2"/>
  <c r="A4137" i="2" l="1"/>
  <c r="D4136" i="2"/>
  <c r="C4136" i="2"/>
  <c r="A4138" i="2" l="1"/>
  <c r="C4137" i="2"/>
  <c r="D4137" i="2"/>
  <c r="A4139" i="2" l="1"/>
  <c r="D4138" i="2"/>
  <c r="C4138" i="2"/>
  <c r="A4140" i="2" l="1"/>
  <c r="C4139" i="2"/>
  <c r="D4139" i="2"/>
  <c r="A4141" i="2" l="1"/>
  <c r="D4140" i="2"/>
  <c r="C4140" i="2"/>
  <c r="A4142" i="2" l="1"/>
  <c r="C4141" i="2"/>
  <c r="D4141" i="2"/>
  <c r="A4143" i="2" l="1"/>
  <c r="D4142" i="2"/>
  <c r="C4142" i="2"/>
  <c r="A4144" i="2" l="1"/>
  <c r="C4143" i="2"/>
  <c r="D4143" i="2"/>
  <c r="A4145" i="2" l="1"/>
  <c r="D4144" i="2"/>
  <c r="C4144" i="2"/>
  <c r="A4146" i="2" l="1"/>
  <c r="C4145" i="2"/>
  <c r="D4145" i="2"/>
  <c r="A4147" i="2" l="1"/>
  <c r="D4146" i="2"/>
  <c r="C4146" i="2"/>
  <c r="A4148" i="2" l="1"/>
  <c r="C4147" i="2"/>
  <c r="D4147" i="2"/>
  <c r="A4149" i="2" l="1"/>
  <c r="D4148" i="2"/>
  <c r="C4148" i="2"/>
  <c r="A4150" i="2" l="1"/>
  <c r="C4149" i="2"/>
  <c r="D4149" i="2"/>
  <c r="A4151" i="2" l="1"/>
  <c r="D4150" i="2"/>
  <c r="C4150" i="2"/>
  <c r="A4152" i="2" l="1"/>
  <c r="C4151" i="2"/>
  <c r="D4151" i="2"/>
  <c r="A4153" i="2" l="1"/>
  <c r="D4152" i="2"/>
  <c r="C4152" i="2"/>
  <c r="A4154" i="2" l="1"/>
  <c r="C4153" i="2"/>
  <c r="D4153" i="2"/>
  <c r="A4155" i="2" l="1"/>
  <c r="D4154" i="2"/>
  <c r="C4154" i="2"/>
  <c r="A4156" i="2" l="1"/>
  <c r="C4155" i="2"/>
  <c r="D4155" i="2"/>
  <c r="A4157" i="2" l="1"/>
  <c r="D4156" i="2"/>
  <c r="C4156" i="2"/>
  <c r="A4158" i="2" l="1"/>
  <c r="C4157" i="2"/>
  <c r="D4157" i="2"/>
  <c r="A4159" i="2" l="1"/>
  <c r="D4158" i="2"/>
  <c r="C4158" i="2"/>
  <c r="A4160" i="2" l="1"/>
  <c r="C4159" i="2"/>
  <c r="D4159" i="2"/>
  <c r="A4161" i="2" l="1"/>
  <c r="D4160" i="2"/>
  <c r="C4160" i="2"/>
  <c r="A4162" i="2" l="1"/>
  <c r="C4161" i="2"/>
  <c r="D4161" i="2"/>
  <c r="A4163" i="2" l="1"/>
  <c r="D4162" i="2"/>
  <c r="C4162" i="2"/>
  <c r="A4164" i="2" l="1"/>
  <c r="C4163" i="2"/>
  <c r="D4163" i="2"/>
  <c r="A4165" i="2" l="1"/>
  <c r="D4164" i="2"/>
  <c r="C4164" i="2"/>
  <c r="A4166" i="2" l="1"/>
  <c r="C4165" i="2"/>
  <c r="D4165" i="2"/>
  <c r="A4167" i="2" l="1"/>
  <c r="D4166" i="2"/>
  <c r="C4166" i="2"/>
  <c r="A4168" i="2" l="1"/>
  <c r="C4167" i="2"/>
  <c r="D4167" i="2"/>
  <c r="A4169" i="2" l="1"/>
  <c r="D4168" i="2"/>
  <c r="C4168" i="2"/>
  <c r="A4170" i="2" l="1"/>
  <c r="C4169" i="2"/>
  <c r="D4169" i="2"/>
  <c r="A4171" i="2" l="1"/>
  <c r="D4170" i="2"/>
  <c r="C4170" i="2"/>
  <c r="A4172" i="2" l="1"/>
  <c r="C4171" i="2"/>
  <c r="D4171" i="2"/>
  <c r="A4173" i="2" l="1"/>
  <c r="D4172" i="2"/>
  <c r="C4172" i="2"/>
  <c r="A4174" i="2" l="1"/>
  <c r="C4173" i="2"/>
  <c r="D4173" i="2"/>
  <c r="A4175" i="2" l="1"/>
  <c r="D4174" i="2"/>
  <c r="C4174" i="2"/>
  <c r="A4176" i="2" l="1"/>
  <c r="C4175" i="2"/>
  <c r="D4175" i="2"/>
  <c r="A4177" i="2" l="1"/>
  <c r="D4176" i="2"/>
  <c r="C4176" i="2"/>
  <c r="A4178" i="2" l="1"/>
  <c r="C4177" i="2"/>
  <c r="D4177" i="2"/>
  <c r="A4179" i="2" l="1"/>
  <c r="D4178" i="2"/>
  <c r="C4178" i="2"/>
  <c r="A4180" i="2" l="1"/>
  <c r="C4179" i="2"/>
  <c r="D4179" i="2"/>
  <c r="A4181" i="2" l="1"/>
  <c r="D4180" i="2"/>
  <c r="C4180" i="2"/>
  <c r="A4182" i="2" l="1"/>
  <c r="C4181" i="2"/>
  <c r="D4181" i="2"/>
  <c r="A4183" i="2" l="1"/>
  <c r="D4182" i="2"/>
  <c r="C4182" i="2"/>
  <c r="A4184" i="2" l="1"/>
  <c r="C4183" i="2"/>
  <c r="D4183" i="2"/>
  <c r="A4185" i="2" l="1"/>
  <c r="D4184" i="2"/>
  <c r="C4184" i="2"/>
  <c r="A4186" i="2" l="1"/>
  <c r="C4185" i="2"/>
  <c r="D4185" i="2"/>
  <c r="A4187" i="2" l="1"/>
  <c r="D4186" i="2"/>
  <c r="C4186" i="2"/>
  <c r="A4188" i="2" l="1"/>
  <c r="C4187" i="2"/>
  <c r="D4187" i="2"/>
  <c r="A4189" i="2" l="1"/>
  <c r="D4188" i="2"/>
  <c r="C4188" i="2"/>
  <c r="A4190" i="2" l="1"/>
  <c r="C4189" i="2"/>
  <c r="D4189" i="2"/>
  <c r="A4191" i="2" l="1"/>
  <c r="D4190" i="2"/>
  <c r="C4190" i="2"/>
  <c r="A4192" i="2" l="1"/>
  <c r="C4191" i="2"/>
  <c r="D4191" i="2"/>
  <c r="A4193" i="2" l="1"/>
  <c r="D4192" i="2"/>
  <c r="C4192" i="2"/>
  <c r="A4194" i="2" l="1"/>
  <c r="C4193" i="2"/>
  <c r="D4193" i="2"/>
  <c r="A4195" i="2" l="1"/>
  <c r="D4194" i="2"/>
  <c r="C4194" i="2"/>
  <c r="A4196" i="2" l="1"/>
  <c r="C4195" i="2"/>
  <c r="D4195" i="2"/>
  <c r="A4197" i="2" l="1"/>
  <c r="D4196" i="2"/>
  <c r="C4196" i="2"/>
  <c r="A4198" i="2" l="1"/>
  <c r="C4197" i="2"/>
  <c r="D4197" i="2"/>
  <c r="A4199" i="2" l="1"/>
  <c r="D4198" i="2"/>
  <c r="C4198" i="2"/>
  <c r="A4200" i="2" l="1"/>
  <c r="C4199" i="2"/>
  <c r="D4199" i="2"/>
  <c r="A4201" i="2" l="1"/>
  <c r="D4200" i="2"/>
  <c r="C4200" i="2"/>
  <c r="A4202" i="2" l="1"/>
  <c r="C4201" i="2"/>
  <c r="D4201" i="2"/>
  <c r="A4203" i="2" l="1"/>
  <c r="D4202" i="2"/>
  <c r="C4202" i="2"/>
  <c r="A4204" i="2" l="1"/>
  <c r="C4203" i="2"/>
  <c r="D4203" i="2"/>
  <c r="A4205" i="2" l="1"/>
  <c r="D4204" i="2"/>
  <c r="C4204" i="2"/>
  <c r="A4206" i="2" l="1"/>
  <c r="C4205" i="2"/>
  <c r="D4205" i="2"/>
  <c r="A4207" i="2" l="1"/>
  <c r="D4206" i="2"/>
  <c r="C4206" i="2"/>
  <c r="A4208" i="2" l="1"/>
  <c r="C4207" i="2"/>
  <c r="D4207" i="2"/>
  <c r="A4209" i="2" l="1"/>
  <c r="D4208" i="2"/>
  <c r="C4208" i="2"/>
  <c r="A4210" i="2" l="1"/>
  <c r="C4209" i="2"/>
  <c r="D4209" i="2"/>
  <c r="A4211" i="2" l="1"/>
  <c r="D4210" i="2"/>
  <c r="C4210" i="2"/>
  <c r="A4212" i="2" l="1"/>
  <c r="C4211" i="2"/>
  <c r="D4211" i="2"/>
  <c r="A4213" i="2" l="1"/>
  <c r="D4212" i="2"/>
  <c r="C4212" i="2"/>
  <c r="A4214" i="2" l="1"/>
  <c r="C4213" i="2"/>
  <c r="D4213" i="2"/>
  <c r="A4215" i="2" l="1"/>
  <c r="D4214" i="2"/>
  <c r="C4214" i="2"/>
  <c r="A4216" i="2" l="1"/>
  <c r="C4215" i="2"/>
  <c r="D4215" i="2"/>
  <c r="A4217" i="2" l="1"/>
  <c r="D4216" i="2"/>
  <c r="C4216" i="2"/>
  <c r="A4218" i="2" l="1"/>
  <c r="C4217" i="2"/>
  <c r="D4217" i="2"/>
  <c r="A4219" i="2" l="1"/>
  <c r="D4218" i="2"/>
  <c r="C4218" i="2"/>
  <c r="A4220" i="2" l="1"/>
  <c r="C4219" i="2"/>
  <c r="D4219" i="2"/>
  <c r="A4221" i="2" l="1"/>
  <c r="D4220" i="2"/>
  <c r="C4220" i="2"/>
  <c r="A4222" i="2" l="1"/>
  <c r="C4221" i="2"/>
  <c r="D4221" i="2"/>
  <c r="A4223" i="2" l="1"/>
  <c r="D4222" i="2"/>
  <c r="C4222" i="2"/>
  <c r="A4224" i="2" l="1"/>
  <c r="C4223" i="2"/>
  <c r="D4223" i="2"/>
  <c r="A4225" i="2" l="1"/>
  <c r="D4224" i="2"/>
  <c r="C4224" i="2"/>
  <c r="A4226" i="2" l="1"/>
  <c r="C4225" i="2"/>
  <c r="D4225" i="2"/>
  <c r="A4227" i="2" l="1"/>
  <c r="D4226" i="2"/>
  <c r="C4226" i="2"/>
  <c r="A4228" i="2" l="1"/>
  <c r="C4227" i="2"/>
  <c r="D4227" i="2"/>
  <c r="A4229" i="2" l="1"/>
  <c r="D4228" i="2"/>
  <c r="C4228" i="2"/>
  <c r="A4230" i="2" l="1"/>
  <c r="C4229" i="2"/>
  <c r="D4229" i="2"/>
  <c r="A4231" i="2" l="1"/>
  <c r="D4230" i="2"/>
  <c r="C4230" i="2"/>
  <c r="A4232" i="2" l="1"/>
  <c r="C4231" i="2"/>
  <c r="D4231" i="2"/>
  <c r="A4233" i="2" l="1"/>
  <c r="D4232" i="2"/>
  <c r="C4232" i="2"/>
  <c r="A4234" i="2" l="1"/>
  <c r="C4233" i="2"/>
  <c r="D4233" i="2"/>
  <c r="A4235" i="2" l="1"/>
  <c r="D4234" i="2"/>
  <c r="C4234" i="2"/>
  <c r="A4236" i="2" l="1"/>
  <c r="C4235" i="2"/>
  <c r="D4235" i="2"/>
  <c r="A4237" i="2" l="1"/>
  <c r="D4236" i="2"/>
  <c r="C4236" i="2"/>
  <c r="A4238" i="2" l="1"/>
  <c r="C4237" i="2"/>
  <c r="D4237" i="2"/>
  <c r="A4239" i="2" l="1"/>
  <c r="D4238" i="2"/>
  <c r="C4238" i="2"/>
  <c r="A4240" i="2" l="1"/>
  <c r="C4239" i="2"/>
  <c r="D4239" i="2"/>
  <c r="A4241" i="2" l="1"/>
  <c r="D4240" i="2"/>
  <c r="C4240" i="2"/>
  <c r="A4242" i="2" l="1"/>
  <c r="C4241" i="2"/>
  <c r="D4241" i="2"/>
  <c r="A4243" i="2" l="1"/>
  <c r="D4242" i="2"/>
  <c r="C4242" i="2"/>
  <c r="A4244" i="2" l="1"/>
  <c r="C4243" i="2"/>
  <c r="D4243" i="2"/>
  <c r="A4245" i="2" l="1"/>
  <c r="D4244" i="2"/>
  <c r="C4244" i="2"/>
  <c r="A4246" i="2" l="1"/>
  <c r="C4245" i="2"/>
  <c r="D4245" i="2"/>
  <c r="A4247" i="2" l="1"/>
  <c r="D4246" i="2"/>
  <c r="C4246" i="2"/>
  <c r="A4248" i="2" l="1"/>
  <c r="C4247" i="2"/>
  <c r="D4247" i="2"/>
  <c r="A4249" i="2" l="1"/>
  <c r="D4248" i="2"/>
  <c r="C4248" i="2"/>
  <c r="A4250" i="2" l="1"/>
  <c r="C4249" i="2"/>
  <c r="D4249" i="2"/>
  <c r="A4251" i="2" l="1"/>
  <c r="D4250" i="2"/>
  <c r="C4250" i="2"/>
  <c r="A4252" i="2" l="1"/>
  <c r="C4251" i="2"/>
  <c r="D4251" i="2"/>
  <c r="A4253" i="2" l="1"/>
  <c r="D4252" i="2"/>
  <c r="C4252" i="2"/>
  <c r="A4254" i="2" l="1"/>
  <c r="C4253" i="2"/>
  <c r="D4253" i="2"/>
  <c r="A4255" i="2" l="1"/>
  <c r="D4254" i="2"/>
  <c r="C4254" i="2"/>
  <c r="A4256" i="2" l="1"/>
  <c r="C4255" i="2"/>
  <c r="D4255" i="2"/>
  <c r="A4257" i="2" l="1"/>
  <c r="D4256" i="2"/>
  <c r="C4256" i="2"/>
  <c r="A4258" i="2" l="1"/>
  <c r="C4257" i="2"/>
  <c r="D4257" i="2"/>
  <c r="A4259" i="2" l="1"/>
  <c r="D4258" i="2"/>
  <c r="C4258" i="2"/>
  <c r="A4260" i="2" l="1"/>
  <c r="C4259" i="2"/>
  <c r="D4259" i="2"/>
  <c r="A4261" i="2" l="1"/>
  <c r="D4260" i="2"/>
  <c r="C4260" i="2"/>
  <c r="A4262" i="2" l="1"/>
  <c r="C4261" i="2"/>
  <c r="D4261" i="2"/>
  <c r="A4263" i="2" l="1"/>
  <c r="D4262" i="2"/>
  <c r="C4262" i="2"/>
  <c r="A4264" i="2" l="1"/>
  <c r="C4263" i="2"/>
  <c r="D4263" i="2"/>
  <c r="A4265" i="2" l="1"/>
  <c r="D4264" i="2"/>
  <c r="C4264" i="2"/>
  <c r="A4266" i="2" l="1"/>
  <c r="C4265" i="2"/>
  <c r="D4265" i="2"/>
  <c r="A4267" i="2" l="1"/>
  <c r="D4266" i="2"/>
  <c r="C4266" i="2"/>
  <c r="A4268" i="2" l="1"/>
  <c r="C4267" i="2"/>
  <c r="D4267" i="2"/>
  <c r="A4269" i="2" l="1"/>
  <c r="D4268" i="2"/>
  <c r="C4268" i="2"/>
  <c r="A4270" i="2" l="1"/>
  <c r="C4269" i="2"/>
  <c r="D4269" i="2"/>
  <c r="A4271" i="2" l="1"/>
  <c r="D4270" i="2"/>
  <c r="C4270" i="2"/>
  <c r="A4272" i="2" l="1"/>
  <c r="C4271" i="2"/>
  <c r="D4271" i="2"/>
  <c r="A4273" i="2" l="1"/>
  <c r="D4272" i="2"/>
  <c r="C4272" i="2"/>
  <c r="A4274" i="2" l="1"/>
  <c r="C4273" i="2"/>
  <c r="D4273" i="2"/>
  <c r="A4275" i="2" l="1"/>
  <c r="D4274" i="2"/>
  <c r="C4274" i="2"/>
  <c r="A4276" i="2" l="1"/>
  <c r="C4275" i="2"/>
  <c r="D4275" i="2"/>
  <c r="A4277" i="2" l="1"/>
  <c r="D4276" i="2"/>
  <c r="C4276" i="2"/>
  <c r="A4278" i="2" l="1"/>
  <c r="C4277" i="2"/>
  <c r="D4277" i="2"/>
  <c r="A4279" i="2" l="1"/>
  <c r="D4278" i="2"/>
  <c r="C4278" i="2"/>
  <c r="A4280" i="2" l="1"/>
  <c r="C4279" i="2"/>
  <c r="D4279" i="2"/>
  <c r="A4281" i="2" l="1"/>
  <c r="D4280" i="2"/>
  <c r="C4280" i="2"/>
  <c r="A4282" i="2" l="1"/>
  <c r="C4281" i="2"/>
  <c r="D4281" i="2"/>
  <c r="A4283" i="2" l="1"/>
  <c r="D4282" i="2"/>
  <c r="C4282" i="2"/>
  <c r="A4284" i="2" l="1"/>
  <c r="C4283" i="2"/>
  <c r="D4283" i="2"/>
  <c r="A4285" i="2" l="1"/>
  <c r="D4284" i="2"/>
  <c r="C4284" i="2"/>
  <c r="A4286" i="2" l="1"/>
  <c r="C4285" i="2"/>
  <c r="D4285" i="2"/>
  <c r="A4287" i="2" l="1"/>
  <c r="D4286" i="2"/>
  <c r="C4286" i="2"/>
  <c r="A4288" i="2" l="1"/>
  <c r="C4287" i="2"/>
  <c r="D4287" i="2"/>
  <c r="A4289" i="2" l="1"/>
  <c r="D4288" i="2"/>
  <c r="C4288" i="2"/>
  <c r="A4290" i="2" l="1"/>
  <c r="C4289" i="2"/>
  <c r="D4289" i="2"/>
  <c r="A4291" i="2" l="1"/>
  <c r="D4290" i="2"/>
  <c r="C4290" i="2"/>
  <c r="A4292" i="2" l="1"/>
  <c r="C4291" i="2"/>
  <c r="D4291" i="2"/>
  <c r="A4293" i="2" l="1"/>
  <c r="D4292" i="2"/>
  <c r="C4292" i="2"/>
  <c r="A4294" i="2" l="1"/>
  <c r="C4293" i="2"/>
  <c r="D4293" i="2"/>
  <c r="A4295" i="2" l="1"/>
  <c r="D4294" i="2"/>
  <c r="C4294" i="2"/>
  <c r="A4296" i="2" l="1"/>
  <c r="C4295" i="2"/>
  <c r="D4295" i="2"/>
  <c r="A4297" i="2" l="1"/>
  <c r="D4296" i="2"/>
  <c r="C4296" i="2"/>
  <c r="A4298" i="2" l="1"/>
  <c r="C4297" i="2"/>
  <c r="D4297" i="2"/>
  <c r="A4299" i="2" l="1"/>
  <c r="D4298" i="2"/>
  <c r="C4298" i="2"/>
  <c r="A4300" i="2" l="1"/>
  <c r="C4299" i="2"/>
  <c r="D4299" i="2"/>
  <c r="A4301" i="2" l="1"/>
  <c r="D4300" i="2"/>
  <c r="C4300" i="2"/>
  <c r="A4302" i="2" l="1"/>
  <c r="C4301" i="2"/>
  <c r="D4301" i="2"/>
  <c r="A4303" i="2" l="1"/>
  <c r="D4302" i="2"/>
  <c r="C4302" i="2"/>
  <c r="A4304" i="2" l="1"/>
  <c r="C4303" i="2"/>
  <c r="D4303" i="2"/>
  <c r="A4305" i="2" l="1"/>
  <c r="D4304" i="2"/>
  <c r="C4304" i="2"/>
  <c r="A4306" i="2" l="1"/>
  <c r="C4305" i="2"/>
  <c r="D4305" i="2"/>
  <c r="A4307" i="2" l="1"/>
  <c r="D4306" i="2"/>
  <c r="C4306" i="2"/>
  <c r="A4308" i="2" l="1"/>
  <c r="C4307" i="2"/>
  <c r="D4307" i="2"/>
  <c r="A4309" i="2" l="1"/>
  <c r="D4308" i="2"/>
  <c r="C4308" i="2"/>
  <c r="A4310" i="2" l="1"/>
  <c r="C4309" i="2"/>
  <c r="D4309" i="2"/>
  <c r="A4311" i="2" l="1"/>
  <c r="D4310" i="2"/>
  <c r="C4310" i="2"/>
  <c r="A4312" i="2" l="1"/>
  <c r="C4311" i="2"/>
  <c r="D4311" i="2"/>
  <c r="A4313" i="2" l="1"/>
  <c r="D4312" i="2"/>
  <c r="C4312" i="2"/>
  <c r="A4314" i="2" l="1"/>
  <c r="C4313" i="2"/>
  <c r="D4313" i="2"/>
  <c r="A4315" i="2" l="1"/>
  <c r="D4314" i="2"/>
  <c r="C4314" i="2"/>
  <c r="A4316" i="2" l="1"/>
  <c r="C4315" i="2"/>
  <c r="D4315" i="2"/>
  <c r="A4317" i="2" l="1"/>
  <c r="D4316" i="2"/>
  <c r="C4316" i="2"/>
  <c r="A4318" i="2" l="1"/>
  <c r="C4317" i="2"/>
  <c r="D4317" i="2"/>
  <c r="A4319" i="2" l="1"/>
  <c r="D4318" i="2"/>
  <c r="C4318" i="2"/>
  <c r="A4320" i="2" l="1"/>
  <c r="C4319" i="2"/>
  <c r="D4319" i="2"/>
  <c r="A4321" i="2" l="1"/>
  <c r="D4320" i="2"/>
  <c r="C4320" i="2"/>
  <c r="A4322" i="2" l="1"/>
  <c r="C4321" i="2"/>
  <c r="D4321" i="2"/>
  <c r="A4323" i="2" l="1"/>
  <c r="D4322" i="2"/>
  <c r="C4322" i="2"/>
  <c r="A4324" i="2" l="1"/>
  <c r="C4323" i="2"/>
  <c r="D4323" i="2"/>
  <c r="A4325" i="2" l="1"/>
  <c r="D4324" i="2"/>
  <c r="C4324" i="2"/>
  <c r="A4326" i="2" l="1"/>
  <c r="C4325" i="2"/>
  <c r="D4325" i="2"/>
  <c r="A4327" i="2" l="1"/>
  <c r="D4326" i="2"/>
  <c r="C4326" i="2"/>
  <c r="A4328" i="2" l="1"/>
  <c r="C4327" i="2"/>
  <c r="D4327" i="2"/>
  <c r="A4329" i="2" l="1"/>
  <c r="D4328" i="2"/>
  <c r="C4328" i="2"/>
  <c r="A4330" i="2" l="1"/>
  <c r="C4329" i="2"/>
  <c r="D4329" i="2"/>
  <c r="A4331" i="2" l="1"/>
  <c r="D4330" i="2"/>
  <c r="C4330" i="2"/>
  <c r="A4332" i="2" l="1"/>
  <c r="C4331" i="2"/>
  <c r="D4331" i="2"/>
  <c r="A4333" i="2" l="1"/>
  <c r="D4332" i="2"/>
  <c r="C4332" i="2"/>
  <c r="A4334" i="2" l="1"/>
  <c r="C4333" i="2"/>
  <c r="D4333" i="2"/>
  <c r="A4335" i="2" l="1"/>
  <c r="D4334" i="2"/>
  <c r="C4334" i="2"/>
  <c r="A4336" i="2" l="1"/>
  <c r="C4335" i="2"/>
  <c r="D4335" i="2"/>
  <c r="A4337" i="2" l="1"/>
  <c r="D4336" i="2"/>
  <c r="C4336" i="2"/>
  <c r="A4338" i="2" l="1"/>
  <c r="C4337" i="2"/>
  <c r="D4337" i="2"/>
  <c r="A4339" i="2" l="1"/>
  <c r="D4338" i="2"/>
  <c r="C4338" i="2"/>
  <c r="A4340" i="2" l="1"/>
  <c r="C4339" i="2"/>
  <c r="D4339" i="2"/>
  <c r="A4341" i="2" l="1"/>
  <c r="D4340" i="2"/>
  <c r="C4340" i="2"/>
  <c r="A4342" i="2" l="1"/>
  <c r="C4341" i="2"/>
  <c r="D4341" i="2"/>
  <c r="A4343" i="2" l="1"/>
  <c r="D4342" i="2"/>
  <c r="C4342" i="2"/>
  <c r="A4344" i="2" l="1"/>
  <c r="C4343" i="2"/>
  <c r="D4343" i="2"/>
  <c r="A4345" i="2" l="1"/>
  <c r="D4344" i="2"/>
  <c r="C4344" i="2"/>
  <c r="A4346" i="2" l="1"/>
  <c r="C4345" i="2"/>
  <c r="D4345" i="2"/>
  <c r="A4347" i="2" l="1"/>
  <c r="D4346" i="2"/>
  <c r="C4346" i="2"/>
  <c r="A4348" i="2" l="1"/>
  <c r="C4347" i="2"/>
  <c r="D4347" i="2"/>
  <c r="A4349" i="2" l="1"/>
  <c r="D4348" i="2"/>
  <c r="C4348" i="2"/>
  <c r="A4350" i="2" l="1"/>
  <c r="C4349" i="2"/>
  <c r="D4349" i="2"/>
  <c r="A4351" i="2" l="1"/>
  <c r="D4350" i="2"/>
  <c r="C4350" i="2"/>
  <c r="A4352" i="2" l="1"/>
  <c r="C4351" i="2"/>
  <c r="D4351" i="2"/>
  <c r="A4353" i="2" l="1"/>
  <c r="D4352" i="2"/>
  <c r="C4352" i="2"/>
  <c r="A4354" i="2" l="1"/>
  <c r="C4353" i="2"/>
  <c r="D4353" i="2"/>
  <c r="A4355" i="2" l="1"/>
  <c r="D4354" i="2"/>
  <c r="C4354" i="2"/>
  <c r="A4356" i="2" l="1"/>
  <c r="C4355" i="2"/>
  <c r="D4355" i="2"/>
  <c r="A4357" i="2" l="1"/>
  <c r="D4356" i="2"/>
  <c r="C4356" i="2"/>
  <c r="A4358" i="2" l="1"/>
  <c r="C4357" i="2"/>
  <c r="D4357" i="2"/>
  <c r="A4359" i="2" l="1"/>
  <c r="D4358" i="2"/>
  <c r="C4358" i="2"/>
  <c r="A4360" i="2" l="1"/>
  <c r="C4359" i="2"/>
  <c r="D4359" i="2"/>
  <c r="A4361" i="2" l="1"/>
  <c r="D4360" i="2"/>
  <c r="C4360" i="2"/>
  <c r="A4362" i="2" l="1"/>
  <c r="C4361" i="2"/>
  <c r="D4361" i="2"/>
  <c r="A4363" i="2" l="1"/>
  <c r="D4362" i="2"/>
  <c r="C4362" i="2"/>
  <c r="A4364" i="2" l="1"/>
  <c r="C4363" i="2"/>
  <c r="D4363" i="2"/>
  <c r="A4365" i="2" l="1"/>
  <c r="D4364" i="2"/>
  <c r="C4364" i="2"/>
  <c r="A4366" i="2" l="1"/>
  <c r="C4365" i="2"/>
  <c r="D4365" i="2"/>
  <c r="A4367" i="2" l="1"/>
  <c r="D4366" i="2"/>
  <c r="C4366" i="2"/>
  <c r="A4368" i="2" l="1"/>
  <c r="C4367" i="2"/>
  <c r="D4367" i="2"/>
  <c r="A4369" i="2" l="1"/>
  <c r="D4368" i="2"/>
  <c r="C4368" i="2"/>
  <c r="A4370" i="2" l="1"/>
  <c r="C4369" i="2"/>
  <c r="D4369" i="2"/>
  <c r="A4371" i="2" l="1"/>
  <c r="D4370" i="2"/>
  <c r="C4370" i="2"/>
  <c r="A4372" i="2" l="1"/>
  <c r="C4371" i="2"/>
  <c r="D4371" i="2"/>
  <c r="A4373" i="2" l="1"/>
  <c r="D4372" i="2"/>
  <c r="C4372" i="2"/>
  <c r="A4374" i="2" l="1"/>
  <c r="C4373" i="2"/>
  <c r="D4373" i="2"/>
  <c r="A4375" i="2" l="1"/>
  <c r="D4374" i="2"/>
  <c r="C4374" i="2"/>
  <c r="A4376" i="2" l="1"/>
  <c r="C4375" i="2"/>
  <c r="D4375" i="2"/>
  <c r="A4377" i="2" l="1"/>
  <c r="D4376" i="2"/>
  <c r="C4376" i="2"/>
  <c r="A4378" i="2" l="1"/>
  <c r="C4377" i="2"/>
  <c r="D4377" i="2"/>
  <c r="A4379" i="2" l="1"/>
  <c r="D4378" i="2"/>
  <c r="C4378" i="2"/>
  <c r="A4380" i="2" l="1"/>
  <c r="C4379" i="2"/>
  <c r="D4379" i="2"/>
  <c r="A4381" i="2" l="1"/>
  <c r="D4380" i="2"/>
  <c r="C4380" i="2"/>
  <c r="A4382" i="2" l="1"/>
  <c r="C4381" i="2"/>
  <c r="D4381" i="2"/>
  <c r="A4383" i="2" l="1"/>
  <c r="D4382" i="2"/>
  <c r="C4382" i="2"/>
  <c r="A4384" i="2" l="1"/>
  <c r="C4383" i="2"/>
  <c r="D4383" i="2"/>
  <c r="A4385" i="2" l="1"/>
  <c r="D4384" i="2"/>
  <c r="C4384" i="2"/>
  <c r="A4386" i="2" l="1"/>
  <c r="C4385" i="2"/>
  <c r="D4385" i="2"/>
  <c r="A4387" i="2" l="1"/>
  <c r="D4386" i="2"/>
  <c r="C4386" i="2"/>
  <c r="A4388" i="2" l="1"/>
  <c r="C4387" i="2"/>
  <c r="D4387" i="2"/>
  <c r="A4389" i="2" l="1"/>
  <c r="D4388" i="2"/>
  <c r="C4388" i="2"/>
  <c r="A4390" i="2" l="1"/>
  <c r="C4389" i="2"/>
  <c r="D4389" i="2"/>
  <c r="A4391" i="2" l="1"/>
  <c r="D4390" i="2"/>
  <c r="C4390" i="2"/>
  <c r="A4392" i="2" l="1"/>
  <c r="C4391" i="2"/>
  <c r="D4391" i="2"/>
  <c r="A4393" i="2" l="1"/>
  <c r="D4392" i="2"/>
  <c r="C4392" i="2"/>
  <c r="A4394" i="2" l="1"/>
  <c r="C4393" i="2"/>
  <c r="D4393" i="2"/>
  <c r="A4395" i="2" l="1"/>
  <c r="D4394" i="2"/>
  <c r="C4394" i="2"/>
  <c r="A4396" i="2" l="1"/>
  <c r="C4395" i="2"/>
  <c r="D4395" i="2"/>
  <c r="A4397" i="2" l="1"/>
  <c r="D4396" i="2"/>
  <c r="C4396" i="2"/>
  <c r="A4398" i="2" l="1"/>
  <c r="C4397" i="2"/>
  <c r="D4397" i="2"/>
  <c r="A4399" i="2" l="1"/>
  <c r="D4398" i="2"/>
  <c r="C4398" i="2"/>
  <c r="A4400" i="2" l="1"/>
  <c r="C4399" i="2"/>
  <c r="D4399" i="2"/>
  <c r="A4401" i="2" l="1"/>
  <c r="D4400" i="2"/>
  <c r="C4400" i="2"/>
  <c r="A4402" i="2" l="1"/>
  <c r="C4401" i="2"/>
  <c r="D4401" i="2"/>
  <c r="A4403" i="2" l="1"/>
  <c r="D4402" i="2"/>
  <c r="C4402" i="2"/>
  <c r="A4404" i="2" l="1"/>
  <c r="C4403" i="2"/>
  <c r="D4403" i="2"/>
  <c r="A4405" i="2" l="1"/>
  <c r="D4404" i="2"/>
  <c r="C4404" i="2"/>
  <c r="A4406" i="2" l="1"/>
  <c r="C4405" i="2"/>
  <c r="D4405" i="2"/>
  <c r="A4407" i="2" l="1"/>
  <c r="D4406" i="2"/>
  <c r="C4406" i="2"/>
  <c r="A4408" i="2" l="1"/>
  <c r="C4407" i="2"/>
  <c r="D4407" i="2"/>
  <c r="A4409" i="2" l="1"/>
  <c r="D4408" i="2"/>
  <c r="C4408" i="2"/>
  <c r="A4410" i="2" l="1"/>
  <c r="C4409" i="2"/>
  <c r="D4409" i="2"/>
  <c r="A4411" i="2" l="1"/>
  <c r="D4410" i="2"/>
  <c r="C4410" i="2"/>
  <c r="A4412" i="2" l="1"/>
  <c r="C4411" i="2"/>
  <c r="D4411" i="2"/>
  <c r="A4413" i="2" l="1"/>
  <c r="D4412" i="2"/>
  <c r="C4412" i="2"/>
  <c r="A4414" i="2" l="1"/>
  <c r="C4413" i="2"/>
  <c r="D4413" i="2"/>
  <c r="A4415" i="2" l="1"/>
  <c r="D4414" i="2"/>
  <c r="C4414" i="2"/>
  <c r="A4416" i="2" l="1"/>
  <c r="C4415" i="2"/>
  <c r="D4415" i="2"/>
  <c r="A4417" i="2" l="1"/>
  <c r="D4416" i="2"/>
  <c r="C4416" i="2"/>
  <c r="A4418" i="2" l="1"/>
  <c r="C4417" i="2"/>
  <c r="D4417" i="2"/>
  <c r="A4419" i="2" l="1"/>
  <c r="D4418" i="2"/>
  <c r="C4418" i="2"/>
  <c r="A4420" i="2" l="1"/>
  <c r="C4419" i="2"/>
  <c r="D4419" i="2"/>
  <c r="A4421" i="2" l="1"/>
  <c r="D4420" i="2"/>
  <c r="C4420" i="2"/>
  <c r="A4422" i="2" l="1"/>
  <c r="C4421" i="2"/>
  <c r="D4421" i="2"/>
  <c r="A4423" i="2" l="1"/>
  <c r="D4422" i="2"/>
  <c r="C4422" i="2"/>
  <c r="A4424" i="2" l="1"/>
  <c r="C4423" i="2"/>
  <c r="D4423" i="2"/>
  <c r="A4425" i="2" l="1"/>
  <c r="D4424" i="2"/>
  <c r="C4424" i="2"/>
  <c r="A4426" i="2" l="1"/>
  <c r="C4425" i="2"/>
  <c r="D4425" i="2"/>
  <c r="A4427" i="2" l="1"/>
  <c r="D4426" i="2"/>
  <c r="C4426" i="2"/>
  <c r="A4428" i="2" l="1"/>
  <c r="C4427" i="2"/>
  <c r="D4427" i="2"/>
  <c r="A4429" i="2" l="1"/>
  <c r="D4428" i="2"/>
  <c r="C4428" i="2"/>
  <c r="A4430" i="2" l="1"/>
  <c r="C4429" i="2"/>
  <c r="D4429" i="2"/>
  <c r="A4431" i="2" l="1"/>
  <c r="D4430" i="2"/>
  <c r="C4430" i="2"/>
  <c r="A4432" i="2" l="1"/>
  <c r="C4431" i="2"/>
  <c r="D4431" i="2"/>
  <c r="A4433" i="2" l="1"/>
  <c r="D4432" i="2"/>
  <c r="C4432" i="2"/>
  <c r="A4434" i="2" l="1"/>
  <c r="C4433" i="2"/>
  <c r="D4433" i="2"/>
  <c r="A4435" i="2" l="1"/>
  <c r="D4434" i="2"/>
  <c r="C4434" i="2"/>
  <c r="A4436" i="2" l="1"/>
  <c r="C4435" i="2"/>
  <c r="D4435" i="2"/>
  <c r="A4437" i="2" l="1"/>
  <c r="D4436" i="2"/>
  <c r="C4436" i="2"/>
  <c r="A4438" i="2" l="1"/>
  <c r="C4437" i="2"/>
  <c r="D4437" i="2"/>
  <c r="A4439" i="2" l="1"/>
  <c r="D4438" i="2"/>
  <c r="C4438" i="2"/>
  <c r="A4440" i="2" l="1"/>
  <c r="C4439" i="2"/>
  <c r="D4439" i="2"/>
  <c r="A4441" i="2" l="1"/>
  <c r="D4440" i="2"/>
  <c r="C4440" i="2"/>
  <c r="A4442" i="2" l="1"/>
  <c r="C4441" i="2"/>
  <c r="D4441" i="2"/>
  <c r="A4443" i="2" l="1"/>
  <c r="D4442" i="2"/>
  <c r="C4442" i="2"/>
  <c r="A4444" i="2" l="1"/>
  <c r="C4443" i="2"/>
  <c r="D4443" i="2"/>
  <c r="A4445" i="2" l="1"/>
  <c r="D4444" i="2"/>
  <c r="C4444" i="2"/>
  <c r="A4446" i="2" l="1"/>
  <c r="C4445" i="2"/>
  <c r="D4445" i="2"/>
  <c r="A4447" i="2" l="1"/>
  <c r="D4446" i="2"/>
  <c r="C4446" i="2"/>
  <c r="A4448" i="2" l="1"/>
  <c r="C4447" i="2"/>
  <c r="D4447" i="2"/>
  <c r="A4449" i="2" l="1"/>
  <c r="D4448" i="2"/>
  <c r="C4448" i="2"/>
  <c r="A4450" i="2" l="1"/>
  <c r="C4449" i="2"/>
  <c r="D4449" i="2"/>
  <c r="A4451" i="2" l="1"/>
  <c r="D4450" i="2"/>
  <c r="C4450" i="2"/>
  <c r="A4452" i="2" l="1"/>
  <c r="C4451" i="2"/>
  <c r="D4451" i="2"/>
  <c r="A4453" i="2" l="1"/>
  <c r="D4452" i="2"/>
  <c r="C4452" i="2"/>
  <c r="A4454" i="2" l="1"/>
  <c r="C4453" i="2"/>
  <c r="D4453" i="2"/>
  <c r="A4455" i="2" l="1"/>
  <c r="D4454" i="2"/>
  <c r="C4454" i="2"/>
  <c r="A4456" i="2" l="1"/>
  <c r="C4455" i="2"/>
  <c r="D4455" i="2"/>
  <c r="A4457" i="2" l="1"/>
  <c r="D4456" i="2"/>
  <c r="C4456" i="2"/>
  <c r="A4458" i="2" l="1"/>
  <c r="C4457" i="2"/>
  <c r="D4457" i="2"/>
  <c r="A4459" i="2" l="1"/>
  <c r="D4458" i="2"/>
  <c r="C4458" i="2"/>
  <c r="A4460" i="2" l="1"/>
  <c r="C4459" i="2"/>
  <c r="D4459" i="2"/>
  <c r="A4461" i="2" l="1"/>
  <c r="D4460" i="2"/>
  <c r="C4460" i="2"/>
  <c r="A4462" i="2" l="1"/>
  <c r="C4461" i="2"/>
  <c r="D4461" i="2"/>
  <c r="A4463" i="2" l="1"/>
  <c r="D4462" i="2"/>
  <c r="C4462" i="2"/>
  <c r="A4464" i="2" l="1"/>
  <c r="C4463" i="2"/>
  <c r="D4463" i="2"/>
  <c r="A4465" i="2" l="1"/>
  <c r="D4464" i="2"/>
  <c r="C4464" i="2"/>
  <c r="A4466" i="2" l="1"/>
  <c r="C4465" i="2"/>
  <c r="D4465" i="2"/>
  <c r="A4467" i="2" l="1"/>
  <c r="D4466" i="2"/>
  <c r="C4466" i="2"/>
  <c r="A4468" i="2" l="1"/>
  <c r="C4467" i="2"/>
  <c r="D4467" i="2"/>
  <c r="A4469" i="2" l="1"/>
  <c r="D4468" i="2"/>
  <c r="C4468" i="2"/>
  <c r="A4470" i="2" l="1"/>
  <c r="C4469" i="2"/>
  <c r="D4469" i="2"/>
  <c r="A4471" i="2" l="1"/>
  <c r="D4470" i="2"/>
  <c r="C4470" i="2"/>
  <c r="A4472" i="2" l="1"/>
  <c r="C4471" i="2"/>
  <c r="D4471" i="2"/>
  <c r="A4473" i="2" l="1"/>
  <c r="D4472" i="2"/>
  <c r="C4472" i="2"/>
  <c r="A4474" i="2" l="1"/>
  <c r="C4473" i="2"/>
  <c r="D4473" i="2"/>
  <c r="A4475" i="2" l="1"/>
  <c r="D4474" i="2"/>
  <c r="C4474" i="2"/>
  <c r="A4476" i="2" l="1"/>
  <c r="C4475" i="2"/>
  <c r="D4475" i="2"/>
  <c r="A4477" i="2" l="1"/>
  <c r="D4476" i="2"/>
  <c r="C4476" i="2"/>
  <c r="A4478" i="2" l="1"/>
  <c r="C4477" i="2"/>
  <c r="D4477" i="2"/>
  <c r="A4479" i="2" l="1"/>
  <c r="D4478" i="2"/>
  <c r="C4478" i="2"/>
  <c r="A4480" i="2" l="1"/>
  <c r="C4479" i="2"/>
  <c r="D4479" i="2"/>
  <c r="A4481" i="2" l="1"/>
  <c r="D4480" i="2"/>
  <c r="C4480" i="2"/>
  <c r="A4482" i="2" l="1"/>
  <c r="C4481" i="2"/>
  <c r="D4481" i="2"/>
  <c r="A4483" i="2" l="1"/>
  <c r="D4482" i="2"/>
  <c r="C4482" i="2"/>
  <c r="A4484" i="2" l="1"/>
  <c r="C4483" i="2"/>
  <c r="D4483" i="2"/>
  <c r="A4485" i="2" l="1"/>
  <c r="D4484" i="2"/>
  <c r="C4484" i="2"/>
  <c r="A4486" i="2" l="1"/>
  <c r="C4485" i="2"/>
  <c r="D4485" i="2"/>
  <c r="A4487" i="2" l="1"/>
  <c r="D4486" i="2"/>
  <c r="C4486" i="2"/>
  <c r="A4488" i="2" l="1"/>
  <c r="C4487" i="2"/>
  <c r="D4487" i="2"/>
  <c r="A4489" i="2" l="1"/>
  <c r="D4488" i="2"/>
  <c r="C4488" i="2"/>
  <c r="A4490" i="2" l="1"/>
  <c r="C4489" i="2"/>
  <c r="D4489" i="2"/>
  <c r="A4491" i="2" l="1"/>
  <c r="D4490" i="2"/>
  <c r="C4490" i="2"/>
  <c r="A4492" i="2" l="1"/>
  <c r="C4491" i="2"/>
  <c r="D4491" i="2"/>
  <c r="A4493" i="2" l="1"/>
  <c r="D4492" i="2"/>
  <c r="C4492" i="2"/>
  <c r="A4494" i="2" l="1"/>
  <c r="C4493" i="2"/>
  <c r="D4493" i="2"/>
  <c r="A4495" i="2" l="1"/>
  <c r="D4494" i="2"/>
  <c r="C4494" i="2"/>
  <c r="A4496" i="2" l="1"/>
  <c r="C4495" i="2"/>
  <c r="D4495" i="2"/>
  <c r="A4497" i="2" l="1"/>
  <c r="D4496" i="2"/>
  <c r="C4496" i="2"/>
  <c r="A4498" i="2" l="1"/>
  <c r="C4497" i="2"/>
  <c r="D4497" i="2"/>
  <c r="A4499" i="2" l="1"/>
  <c r="D4498" i="2"/>
  <c r="C4498" i="2"/>
  <c r="A4500" i="2" l="1"/>
  <c r="C4499" i="2"/>
  <c r="D4499" i="2"/>
  <c r="A4501" i="2" l="1"/>
  <c r="D4500" i="2"/>
  <c r="C4500" i="2"/>
  <c r="A4502" i="2" l="1"/>
  <c r="C4501" i="2"/>
  <c r="D4501" i="2"/>
  <c r="A4503" i="2" l="1"/>
  <c r="D4502" i="2"/>
  <c r="C4502" i="2"/>
  <c r="A4504" i="2" l="1"/>
  <c r="C4503" i="2"/>
  <c r="D4503" i="2"/>
  <c r="A4505" i="2" l="1"/>
  <c r="D4504" i="2"/>
  <c r="C4504" i="2"/>
  <c r="A4506" i="2" l="1"/>
  <c r="C4505" i="2"/>
  <c r="D4505" i="2"/>
  <c r="A4507" i="2" l="1"/>
  <c r="D4506" i="2"/>
  <c r="C4506" i="2"/>
  <c r="A4508" i="2" l="1"/>
  <c r="C4507" i="2"/>
  <c r="D4507" i="2"/>
  <c r="A4509" i="2" l="1"/>
  <c r="D4508" i="2"/>
  <c r="C4508" i="2"/>
  <c r="A4510" i="2" l="1"/>
  <c r="C4509" i="2"/>
  <c r="D4509" i="2"/>
  <c r="A4511" i="2" l="1"/>
  <c r="D4510" i="2"/>
  <c r="C4510" i="2"/>
  <c r="A4512" i="2" l="1"/>
  <c r="C4511" i="2"/>
  <c r="D4511" i="2"/>
  <c r="A4513" i="2" l="1"/>
  <c r="D4512" i="2"/>
  <c r="C4512" i="2"/>
  <c r="A4514" i="2" l="1"/>
  <c r="C4513" i="2"/>
  <c r="D4513" i="2"/>
  <c r="A4515" i="2" l="1"/>
  <c r="D4514" i="2"/>
  <c r="C4514" i="2"/>
  <c r="A4516" i="2" l="1"/>
  <c r="C4515" i="2"/>
  <c r="D4515" i="2"/>
  <c r="A4517" i="2" l="1"/>
  <c r="D4516" i="2"/>
  <c r="C4516" i="2"/>
  <c r="A4518" i="2" l="1"/>
  <c r="C4517" i="2"/>
  <c r="D4517" i="2"/>
  <c r="A4519" i="2" l="1"/>
  <c r="D4518" i="2"/>
  <c r="C4518" i="2"/>
  <c r="A4520" i="2" l="1"/>
  <c r="C4519" i="2"/>
  <c r="D4519" i="2"/>
  <c r="A4521" i="2" l="1"/>
  <c r="D4520" i="2"/>
  <c r="C4520" i="2"/>
  <c r="A4522" i="2" l="1"/>
  <c r="C4521" i="2"/>
  <c r="D4521" i="2"/>
  <c r="A4523" i="2" l="1"/>
  <c r="D4522" i="2"/>
  <c r="C4522" i="2"/>
  <c r="A4524" i="2" l="1"/>
  <c r="C4523" i="2"/>
  <c r="D4523" i="2"/>
  <c r="A4525" i="2" l="1"/>
  <c r="D4524" i="2"/>
  <c r="C4524" i="2"/>
  <c r="A4526" i="2" l="1"/>
  <c r="C4525" i="2"/>
  <c r="D4525" i="2"/>
  <c r="A4527" i="2" l="1"/>
  <c r="D4526" i="2"/>
  <c r="C4526" i="2"/>
  <c r="A4528" i="2" l="1"/>
  <c r="C4527" i="2"/>
  <c r="D4527" i="2"/>
  <c r="A4529" i="2" l="1"/>
  <c r="D4528" i="2"/>
  <c r="C4528" i="2"/>
  <c r="A4530" i="2" l="1"/>
  <c r="C4529" i="2"/>
  <c r="D4529" i="2"/>
  <c r="A4531" i="2" l="1"/>
  <c r="D4530" i="2"/>
  <c r="C4530" i="2"/>
  <c r="A4532" i="2" l="1"/>
  <c r="C4531" i="2"/>
  <c r="D4531" i="2"/>
  <c r="A4533" i="2" l="1"/>
  <c r="D4532" i="2"/>
  <c r="C4532" i="2"/>
  <c r="A4534" i="2" l="1"/>
  <c r="C4533" i="2"/>
  <c r="D4533" i="2"/>
  <c r="A4535" i="2" l="1"/>
  <c r="D4534" i="2"/>
  <c r="C4534" i="2"/>
  <c r="A4536" i="2" l="1"/>
  <c r="C4535" i="2"/>
  <c r="D4535" i="2"/>
  <c r="A4537" i="2" l="1"/>
  <c r="D4536" i="2"/>
  <c r="C4536" i="2"/>
  <c r="A4538" i="2" l="1"/>
  <c r="C4537" i="2"/>
  <c r="D4537" i="2"/>
  <c r="A4539" i="2" l="1"/>
  <c r="D4538" i="2"/>
  <c r="C4538" i="2"/>
  <c r="A4540" i="2" l="1"/>
  <c r="C4539" i="2"/>
  <c r="D4539" i="2"/>
  <c r="A4541" i="2" l="1"/>
  <c r="D4540" i="2"/>
  <c r="C4540" i="2"/>
  <c r="A4542" i="2" l="1"/>
  <c r="C4541" i="2"/>
  <c r="D4541" i="2"/>
  <c r="A4543" i="2" l="1"/>
  <c r="D4542" i="2"/>
  <c r="C4542" i="2"/>
  <c r="A4544" i="2" l="1"/>
  <c r="C4543" i="2"/>
  <c r="D4543" i="2"/>
  <c r="A4545" i="2" l="1"/>
  <c r="D4544" i="2"/>
  <c r="C4544" i="2"/>
  <c r="A4546" i="2" l="1"/>
  <c r="C4545" i="2"/>
  <c r="D4545" i="2"/>
  <c r="A4547" i="2" l="1"/>
  <c r="D4546" i="2"/>
  <c r="C4546" i="2"/>
  <c r="A4548" i="2" l="1"/>
  <c r="C4547" i="2"/>
  <c r="D4547" i="2"/>
  <c r="A4549" i="2" l="1"/>
  <c r="D4548" i="2"/>
  <c r="C4548" i="2"/>
  <c r="A4550" i="2" l="1"/>
  <c r="C4549" i="2"/>
  <c r="D4549" i="2"/>
  <c r="A4551" i="2" l="1"/>
  <c r="D4550" i="2"/>
  <c r="C4550" i="2"/>
  <c r="A4552" i="2" l="1"/>
  <c r="C4551" i="2"/>
  <c r="D4551" i="2"/>
  <c r="A4553" i="2" l="1"/>
  <c r="D4552" i="2"/>
  <c r="C4552" i="2"/>
  <c r="A4554" i="2" l="1"/>
  <c r="C4553" i="2"/>
  <c r="D4553" i="2"/>
  <c r="A4555" i="2" l="1"/>
  <c r="D4554" i="2"/>
  <c r="C4554" i="2"/>
  <c r="A4556" i="2" l="1"/>
  <c r="C4555" i="2"/>
  <c r="D4555" i="2"/>
  <c r="A4557" i="2" l="1"/>
  <c r="D4556" i="2"/>
  <c r="C4556" i="2"/>
  <c r="A4558" i="2" l="1"/>
  <c r="C4557" i="2"/>
  <c r="D4557" i="2"/>
  <c r="A4559" i="2" l="1"/>
  <c r="D4558" i="2"/>
  <c r="C4558" i="2"/>
  <c r="A4560" i="2" l="1"/>
  <c r="C4559" i="2"/>
  <c r="D4559" i="2"/>
  <c r="A4561" i="2" l="1"/>
  <c r="D4560" i="2"/>
  <c r="C4560" i="2"/>
  <c r="A4562" i="2" l="1"/>
  <c r="C4561" i="2"/>
  <c r="D4561" i="2"/>
  <c r="A4563" i="2" l="1"/>
  <c r="D4562" i="2"/>
  <c r="C4562" i="2"/>
  <c r="A4564" i="2" l="1"/>
  <c r="C4563" i="2"/>
  <c r="D4563" i="2"/>
  <c r="A4565" i="2" l="1"/>
  <c r="D4564" i="2"/>
  <c r="C4564" i="2"/>
  <c r="A4566" i="2" l="1"/>
  <c r="C4565" i="2"/>
  <c r="D4565" i="2"/>
  <c r="A4567" i="2" l="1"/>
  <c r="D4566" i="2"/>
  <c r="C4566" i="2"/>
  <c r="A4568" i="2" l="1"/>
  <c r="C4567" i="2"/>
  <c r="D4567" i="2"/>
  <c r="A4569" i="2" l="1"/>
  <c r="D4568" i="2"/>
  <c r="C4568" i="2"/>
  <c r="A4570" i="2" l="1"/>
  <c r="C4569" i="2"/>
  <c r="D4569" i="2"/>
  <c r="A4571" i="2" l="1"/>
  <c r="D4570" i="2"/>
  <c r="C4570" i="2"/>
  <c r="A4572" i="2" l="1"/>
  <c r="C4571" i="2"/>
  <c r="D4571" i="2"/>
  <c r="A4573" i="2" l="1"/>
  <c r="D4572" i="2"/>
  <c r="C4572" i="2"/>
  <c r="A4574" i="2" l="1"/>
  <c r="C4573" i="2"/>
  <c r="D4573" i="2"/>
  <c r="A4575" i="2" l="1"/>
  <c r="D4574" i="2"/>
  <c r="C4574" i="2"/>
  <c r="A4576" i="2" l="1"/>
  <c r="C4575" i="2"/>
  <c r="D4575" i="2"/>
  <c r="A4577" i="2" l="1"/>
  <c r="D4576" i="2"/>
  <c r="C4576" i="2"/>
  <c r="A4578" i="2" l="1"/>
  <c r="C4577" i="2"/>
  <c r="D4577" i="2"/>
  <c r="A4579" i="2" l="1"/>
  <c r="D4578" i="2"/>
  <c r="C4578" i="2"/>
  <c r="A4580" i="2" l="1"/>
  <c r="C4579" i="2"/>
  <c r="D4579" i="2"/>
  <c r="A4581" i="2" l="1"/>
  <c r="D4580" i="2"/>
  <c r="C4580" i="2"/>
  <c r="A4582" i="2" l="1"/>
  <c r="C4581" i="2"/>
  <c r="D4581" i="2"/>
  <c r="A4583" i="2" l="1"/>
  <c r="D4582" i="2"/>
  <c r="C4582" i="2"/>
  <c r="A4584" i="2" l="1"/>
  <c r="C4583" i="2"/>
  <c r="D4583" i="2"/>
  <c r="A4585" i="2" l="1"/>
  <c r="D4584" i="2"/>
  <c r="C4584" i="2"/>
  <c r="A4586" i="2" l="1"/>
  <c r="C4585" i="2"/>
  <c r="D4585" i="2"/>
  <c r="A4587" i="2" l="1"/>
  <c r="D4586" i="2"/>
  <c r="C4586" i="2"/>
  <c r="A4588" i="2" l="1"/>
  <c r="C4587" i="2"/>
  <c r="D4587" i="2"/>
  <c r="A4589" i="2" l="1"/>
  <c r="D4588" i="2"/>
  <c r="C4588" i="2"/>
  <c r="A4590" i="2" l="1"/>
  <c r="C4589" i="2"/>
  <c r="D4589" i="2"/>
  <c r="A4591" i="2" l="1"/>
  <c r="D4590" i="2"/>
  <c r="C4590" i="2"/>
  <c r="A4592" i="2" l="1"/>
  <c r="C4591" i="2"/>
  <c r="D4591" i="2"/>
  <c r="A4593" i="2" l="1"/>
  <c r="D4592" i="2"/>
  <c r="C4592" i="2"/>
  <c r="A4594" i="2" l="1"/>
  <c r="C4593" i="2"/>
  <c r="D4593" i="2"/>
  <c r="A4595" i="2" l="1"/>
  <c r="D4594" i="2"/>
  <c r="C4594" i="2"/>
  <c r="A4596" i="2" l="1"/>
  <c r="C4595" i="2"/>
  <c r="D4595" i="2"/>
  <c r="A4597" i="2" l="1"/>
  <c r="D4596" i="2"/>
  <c r="C4596" i="2"/>
  <c r="A4598" i="2" l="1"/>
  <c r="C4597" i="2"/>
  <c r="D4597" i="2"/>
  <c r="A4599" i="2" l="1"/>
  <c r="D4598" i="2"/>
  <c r="C4598" i="2"/>
  <c r="A4600" i="2" l="1"/>
  <c r="C4599" i="2"/>
  <c r="D4599" i="2"/>
  <c r="A4601" i="2" l="1"/>
  <c r="D4600" i="2"/>
  <c r="C4600" i="2"/>
  <c r="A4602" i="2" l="1"/>
  <c r="C4601" i="2"/>
  <c r="D4601" i="2"/>
  <c r="A4603" i="2" l="1"/>
  <c r="D4602" i="2"/>
  <c r="C4602" i="2"/>
  <c r="A4604" i="2" l="1"/>
  <c r="C4603" i="2"/>
  <c r="D4603" i="2"/>
  <c r="A4605" i="2" l="1"/>
  <c r="D4604" i="2"/>
  <c r="C4604" i="2"/>
  <c r="A4606" i="2" l="1"/>
  <c r="C4605" i="2"/>
  <c r="D4605" i="2"/>
  <c r="A4607" i="2" l="1"/>
  <c r="D4606" i="2"/>
  <c r="C4606" i="2"/>
  <c r="A4608" i="2" l="1"/>
  <c r="C4607" i="2"/>
  <c r="D4607" i="2"/>
  <c r="A4609" i="2" l="1"/>
  <c r="D4608" i="2"/>
  <c r="C4608" i="2"/>
  <c r="A4610" i="2" l="1"/>
  <c r="C4609" i="2"/>
  <c r="D4609" i="2"/>
  <c r="A4611" i="2" l="1"/>
  <c r="D4610" i="2"/>
  <c r="C4610" i="2"/>
  <c r="A4612" i="2" l="1"/>
  <c r="C4611" i="2"/>
  <c r="D4611" i="2"/>
  <c r="A4613" i="2" l="1"/>
  <c r="D4612" i="2"/>
  <c r="C4612" i="2"/>
  <c r="A4614" i="2" l="1"/>
  <c r="C4613" i="2"/>
  <c r="D4613" i="2"/>
  <c r="A4615" i="2" l="1"/>
  <c r="D4614" i="2"/>
  <c r="C4614" i="2"/>
  <c r="A4616" i="2" l="1"/>
  <c r="C4615" i="2"/>
  <c r="D4615" i="2"/>
  <c r="A4617" i="2" l="1"/>
  <c r="D4616" i="2"/>
  <c r="C4616" i="2"/>
  <c r="A4618" i="2" l="1"/>
  <c r="C4617" i="2"/>
  <c r="D4617" i="2"/>
  <c r="A4619" i="2" l="1"/>
  <c r="D4618" i="2"/>
  <c r="C4618" i="2"/>
  <c r="A4620" i="2" l="1"/>
  <c r="C4619" i="2"/>
  <c r="D4619" i="2"/>
  <c r="A4621" i="2" l="1"/>
  <c r="D4620" i="2"/>
  <c r="C4620" i="2"/>
  <c r="A4622" i="2" l="1"/>
  <c r="C4621" i="2"/>
  <c r="D4621" i="2"/>
  <c r="A4623" i="2" l="1"/>
  <c r="D4622" i="2"/>
  <c r="C4622" i="2"/>
  <c r="A4624" i="2" l="1"/>
  <c r="C4623" i="2"/>
  <c r="D4623" i="2"/>
  <c r="A4625" i="2" l="1"/>
  <c r="D4624" i="2"/>
  <c r="C4624" i="2"/>
  <c r="A4626" i="2" l="1"/>
  <c r="C4625" i="2"/>
  <c r="D4625" i="2"/>
  <c r="A4627" i="2" l="1"/>
  <c r="D4626" i="2"/>
  <c r="C4626" i="2"/>
  <c r="A4628" i="2" l="1"/>
  <c r="C4627" i="2"/>
  <c r="D4627" i="2"/>
  <c r="A4629" i="2" l="1"/>
  <c r="D4628" i="2"/>
  <c r="C4628" i="2"/>
  <c r="A4630" i="2" l="1"/>
  <c r="C4629" i="2"/>
  <c r="D4629" i="2"/>
  <c r="A4631" i="2" l="1"/>
  <c r="D4630" i="2"/>
  <c r="C4630" i="2"/>
  <c r="A4632" i="2" l="1"/>
  <c r="C4631" i="2"/>
  <c r="D4631" i="2"/>
  <c r="A4633" i="2" l="1"/>
  <c r="D4632" i="2"/>
  <c r="C4632" i="2"/>
  <c r="A4634" i="2" l="1"/>
  <c r="C4633" i="2"/>
  <c r="D4633" i="2"/>
  <c r="A4635" i="2" l="1"/>
  <c r="D4634" i="2"/>
  <c r="C4634" i="2"/>
  <c r="A4636" i="2" l="1"/>
  <c r="C4635" i="2"/>
  <c r="D4635" i="2"/>
  <c r="A4637" i="2" l="1"/>
  <c r="D4636" i="2"/>
  <c r="C4636" i="2"/>
  <c r="A4638" i="2" l="1"/>
  <c r="C4637" i="2"/>
  <c r="D4637" i="2"/>
  <c r="A4639" i="2" l="1"/>
  <c r="D4638" i="2"/>
  <c r="C4638" i="2"/>
  <c r="A4640" i="2" l="1"/>
  <c r="C4639" i="2"/>
  <c r="D4639" i="2"/>
  <c r="A4641" i="2" l="1"/>
  <c r="D4640" i="2"/>
  <c r="C4640" i="2"/>
  <c r="A4642" i="2" l="1"/>
  <c r="C4641" i="2"/>
  <c r="D4641" i="2"/>
  <c r="A4643" i="2" l="1"/>
  <c r="D4642" i="2"/>
  <c r="C4642" i="2"/>
  <c r="A4644" i="2" l="1"/>
  <c r="C4643" i="2"/>
  <c r="D4643" i="2"/>
  <c r="A4645" i="2" l="1"/>
  <c r="D4644" i="2"/>
  <c r="C4644" i="2"/>
  <c r="A4646" i="2" l="1"/>
  <c r="C4645" i="2"/>
  <c r="D4645" i="2"/>
  <c r="A4647" i="2" l="1"/>
  <c r="D4646" i="2"/>
  <c r="C4646" i="2"/>
  <c r="A4648" i="2" l="1"/>
  <c r="C4647" i="2"/>
  <c r="D4647" i="2"/>
  <c r="A4649" i="2" l="1"/>
  <c r="D4648" i="2"/>
  <c r="C4648" i="2"/>
  <c r="A4650" i="2" l="1"/>
  <c r="C4649" i="2"/>
  <c r="D4649" i="2"/>
  <c r="A4651" i="2" l="1"/>
  <c r="D4650" i="2"/>
  <c r="C4650" i="2"/>
  <c r="A4652" i="2" l="1"/>
  <c r="C4651" i="2"/>
  <c r="D4651" i="2"/>
  <c r="A4653" i="2" l="1"/>
  <c r="D4652" i="2"/>
  <c r="C4652" i="2"/>
  <c r="A4654" i="2" l="1"/>
  <c r="C4653" i="2"/>
  <c r="D4653" i="2"/>
  <c r="A4655" i="2" l="1"/>
  <c r="D4654" i="2"/>
  <c r="C4654" i="2"/>
  <c r="A4656" i="2" l="1"/>
  <c r="C4655" i="2"/>
  <c r="D4655" i="2"/>
  <c r="A4657" i="2" l="1"/>
  <c r="D4656" i="2"/>
  <c r="C4656" i="2"/>
  <c r="A4658" i="2" l="1"/>
  <c r="C4657" i="2"/>
  <c r="D4657" i="2"/>
  <c r="A4659" i="2" l="1"/>
  <c r="D4658" i="2"/>
  <c r="C4658" i="2"/>
  <c r="A4660" i="2" l="1"/>
  <c r="C4659" i="2"/>
  <c r="D4659" i="2"/>
  <c r="A4661" i="2" l="1"/>
  <c r="D4660" i="2"/>
  <c r="C4660" i="2"/>
  <c r="A4662" i="2" l="1"/>
  <c r="C4661" i="2"/>
  <c r="D4661" i="2"/>
  <c r="A4663" i="2" l="1"/>
  <c r="D4662" i="2"/>
  <c r="C4662" i="2"/>
  <c r="A4664" i="2" l="1"/>
  <c r="C4663" i="2"/>
  <c r="D4663" i="2"/>
  <c r="A4665" i="2" l="1"/>
  <c r="D4664" i="2"/>
  <c r="C4664" i="2"/>
  <c r="A4666" i="2" l="1"/>
  <c r="C4665" i="2"/>
  <c r="D4665" i="2"/>
  <c r="A4667" i="2" l="1"/>
  <c r="D4666" i="2"/>
  <c r="C4666" i="2"/>
  <c r="A4668" i="2" l="1"/>
  <c r="C4667" i="2"/>
  <c r="D4667" i="2"/>
  <c r="A4669" i="2" l="1"/>
  <c r="D4668" i="2"/>
  <c r="C4668" i="2"/>
  <c r="A4670" i="2" l="1"/>
  <c r="C4669" i="2"/>
  <c r="D4669" i="2"/>
  <c r="A4671" i="2" l="1"/>
  <c r="D4670" i="2"/>
  <c r="C4670" i="2"/>
  <c r="A4672" i="2" l="1"/>
  <c r="C4671" i="2"/>
  <c r="D4671" i="2"/>
  <c r="A4673" i="2" l="1"/>
  <c r="D4672" i="2"/>
  <c r="C4672" i="2"/>
  <c r="A4674" i="2" l="1"/>
  <c r="C4673" i="2"/>
  <c r="D4673" i="2"/>
  <c r="A4675" i="2" l="1"/>
  <c r="D4674" i="2"/>
  <c r="C4674" i="2"/>
  <c r="A4676" i="2" l="1"/>
  <c r="C4675" i="2"/>
  <c r="D4675" i="2"/>
  <c r="A4677" i="2" l="1"/>
  <c r="D4676" i="2"/>
  <c r="C4676" i="2"/>
  <c r="A4678" i="2" l="1"/>
  <c r="C4677" i="2"/>
  <c r="D4677" i="2"/>
  <c r="A4679" i="2" l="1"/>
  <c r="D4678" i="2"/>
  <c r="C4678" i="2"/>
  <c r="A4680" i="2" l="1"/>
  <c r="C4679" i="2"/>
  <c r="D4679" i="2"/>
  <c r="A4681" i="2" l="1"/>
  <c r="D4680" i="2"/>
  <c r="C4680" i="2"/>
  <c r="A4682" i="2" l="1"/>
  <c r="C4681" i="2"/>
  <c r="D4681" i="2"/>
  <c r="A4683" i="2" l="1"/>
  <c r="D4682" i="2"/>
  <c r="C4682" i="2"/>
  <c r="A4684" i="2" l="1"/>
  <c r="C4683" i="2"/>
  <c r="D4683" i="2"/>
  <c r="A4685" i="2" l="1"/>
  <c r="D4684" i="2"/>
  <c r="C4684" i="2"/>
  <c r="A4686" i="2" l="1"/>
  <c r="C4685" i="2"/>
  <c r="D4685" i="2"/>
  <c r="A4687" i="2" l="1"/>
  <c r="D4686" i="2"/>
  <c r="C4686" i="2"/>
  <c r="A4688" i="2" l="1"/>
  <c r="C4687" i="2"/>
  <c r="D4687" i="2"/>
  <c r="A4689" i="2" l="1"/>
  <c r="D4688" i="2"/>
  <c r="C4688" i="2"/>
  <c r="A4690" i="2" l="1"/>
  <c r="C4689" i="2"/>
  <c r="D4689" i="2"/>
  <c r="A4691" i="2" l="1"/>
  <c r="D4690" i="2"/>
  <c r="C4690" i="2"/>
  <c r="A4692" i="2" l="1"/>
  <c r="C4691" i="2"/>
  <c r="D4691" i="2"/>
  <c r="A4693" i="2" l="1"/>
  <c r="D4692" i="2"/>
  <c r="C4692" i="2"/>
  <c r="A4694" i="2" l="1"/>
  <c r="C4693" i="2"/>
  <c r="D4693" i="2"/>
  <c r="A4695" i="2" l="1"/>
  <c r="D4694" i="2"/>
  <c r="C4694" i="2"/>
  <c r="A4696" i="2" l="1"/>
  <c r="C4695" i="2"/>
  <c r="D4695" i="2"/>
  <c r="A4697" i="2" l="1"/>
  <c r="D4696" i="2"/>
  <c r="C4696" i="2"/>
  <c r="A4698" i="2" l="1"/>
  <c r="C4697" i="2"/>
  <c r="D4697" i="2"/>
  <c r="A4699" i="2" l="1"/>
  <c r="D4698" i="2"/>
  <c r="C4698" i="2"/>
  <c r="A4700" i="2" l="1"/>
  <c r="C4699" i="2"/>
  <c r="D4699" i="2"/>
  <c r="A4701" i="2" l="1"/>
  <c r="D4700" i="2"/>
  <c r="C4700" i="2"/>
  <c r="A4702" i="2" l="1"/>
  <c r="C4701" i="2"/>
  <c r="D4701" i="2"/>
  <c r="A4703" i="2" l="1"/>
  <c r="D4702" i="2"/>
  <c r="C4702" i="2"/>
  <c r="A4704" i="2" l="1"/>
  <c r="C4703" i="2"/>
  <c r="D4703" i="2"/>
  <c r="A4705" i="2" l="1"/>
  <c r="D4704" i="2"/>
  <c r="C4704" i="2"/>
  <c r="A4706" i="2" l="1"/>
  <c r="C4705" i="2"/>
  <c r="D4705" i="2"/>
  <c r="A4707" i="2" l="1"/>
  <c r="D4706" i="2"/>
  <c r="C4706" i="2"/>
  <c r="A4708" i="2" l="1"/>
  <c r="C4707" i="2"/>
  <c r="D4707" i="2"/>
  <c r="A4709" i="2" l="1"/>
  <c r="D4708" i="2"/>
  <c r="C4708" i="2"/>
  <c r="A4710" i="2" l="1"/>
  <c r="C4709" i="2"/>
  <c r="D4709" i="2"/>
  <c r="A4711" i="2" l="1"/>
  <c r="D4710" i="2"/>
  <c r="C4710" i="2"/>
  <c r="A4712" i="2" l="1"/>
  <c r="C4711" i="2"/>
  <c r="D4711" i="2"/>
  <c r="A4713" i="2" l="1"/>
  <c r="D4712" i="2"/>
  <c r="C4712" i="2"/>
  <c r="A4714" i="2" l="1"/>
  <c r="C4713" i="2"/>
  <c r="D4713" i="2"/>
  <c r="A4715" i="2" l="1"/>
  <c r="D4714" i="2"/>
  <c r="C4714" i="2"/>
  <c r="A4716" i="2" l="1"/>
  <c r="C4715" i="2"/>
  <c r="D4715" i="2"/>
  <c r="A4717" i="2" l="1"/>
  <c r="D4716" i="2"/>
  <c r="C4716" i="2"/>
  <c r="A4718" i="2" l="1"/>
  <c r="C4717" i="2"/>
  <c r="D4717" i="2"/>
  <c r="A4719" i="2" l="1"/>
  <c r="D4718" i="2"/>
  <c r="C4718" i="2"/>
  <c r="A4720" i="2" l="1"/>
  <c r="C4719" i="2"/>
  <c r="D4719" i="2"/>
  <c r="A4721" i="2" l="1"/>
  <c r="D4720" i="2"/>
  <c r="C4720" i="2"/>
  <c r="A4722" i="2" l="1"/>
  <c r="C4721" i="2"/>
  <c r="D4721" i="2"/>
  <c r="A4723" i="2" l="1"/>
  <c r="D4722" i="2"/>
  <c r="C4722" i="2"/>
  <c r="A4724" i="2" l="1"/>
  <c r="C4723" i="2"/>
  <c r="D4723" i="2"/>
  <c r="A4725" i="2" l="1"/>
  <c r="D4724" i="2"/>
  <c r="C4724" i="2"/>
  <c r="A4726" i="2" l="1"/>
  <c r="C4725" i="2"/>
  <c r="D4725" i="2"/>
  <c r="A4727" i="2" l="1"/>
  <c r="D4726" i="2"/>
  <c r="C4726" i="2"/>
  <c r="A4728" i="2" l="1"/>
  <c r="C4727" i="2"/>
  <c r="D4727" i="2"/>
  <c r="A4729" i="2" l="1"/>
  <c r="D4728" i="2"/>
  <c r="C4728" i="2"/>
  <c r="A4730" i="2" l="1"/>
  <c r="C4729" i="2"/>
  <c r="D4729" i="2"/>
  <c r="A4731" i="2" l="1"/>
  <c r="D4730" i="2"/>
  <c r="C4730" i="2"/>
  <c r="A4732" i="2" l="1"/>
  <c r="C4731" i="2"/>
  <c r="D4731" i="2"/>
  <c r="A4733" i="2" l="1"/>
  <c r="D4732" i="2"/>
  <c r="C4732" i="2"/>
  <c r="A4734" i="2" l="1"/>
  <c r="C4733" i="2"/>
  <c r="D4733" i="2"/>
  <c r="A4735" i="2" l="1"/>
  <c r="D4734" i="2"/>
  <c r="C4734" i="2"/>
  <c r="A4736" i="2" l="1"/>
  <c r="C4735" i="2"/>
  <c r="D4735" i="2"/>
  <c r="A4737" i="2" l="1"/>
  <c r="D4736" i="2"/>
  <c r="C4736" i="2"/>
  <c r="A4738" i="2" l="1"/>
  <c r="C4737" i="2"/>
  <c r="D4737" i="2"/>
  <c r="A4739" i="2" l="1"/>
  <c r="D4738" i="2"/>
  <c r="C4738" i="2"/>
  <c r="A4740" i="2" l="1"/>
  <c r="C4739" i="2"/>
  <c r="D4739" i="2"/>
  <c r="A4741" i="2" l="1"/>
  <c r="D4740" i="2"/>
  <c r="C4740" i="2"/>
  <c r="A4742" i="2" l="1"/>
  <c r="C4741" i="2"/>
  <c r="D4741" i="2"/>
  <c r="A4743" i="2" l="1"/>
  <c r="D4742" i="2"/>
  <c r="C4742" i="2"/>
  <c r="A4744" i="2" l="1"/>
  <c r="C4743" i="2"/>
  <c r="D4743" i="2"/>
  <c r="A4745" i="2" l="1"/>
  <c r="D4744" i="2"/>
  <c r="C4744" i="2"/>
  <c r="A4746" i="2" l="1"/>
  <c r="C4745" i="2"/>
  <c r="D4745" i="2"/>
  <c r="A4747" i="2" l="1"/>
  <c r="D4746" i="2"/>
  <c r="C4746" i="2"/>
  <c r="A4748" i="2" l="1"/>
  <c r="C4747" i="2"/>
  <c r="D4747" i="2"/>
  <c r="A4749" i="2" l="1"/>
  <c r="D4748" i="2"/>
  <c r="C4748" i="2"/>
  <c r="A4750" i="2" l="1"/>
  <c r="C4749" i="2"/>
  <c r="D4749" i="2"/>
  <c r="A4751" i="2" l="1"/>
  <c r="D4750" i="2"/>
  <c r="C4750" i="2"/>
  <c r="A4752" i="2" l="1"/>
  <c r="C4751" i="2"/>
  <c r="D4751" i="2"/>
  <c r="A4753" i="2" l="1"/>
  <c r="D4752" i="2"/>
  <c r="C4752" i="2"/>
  <c r="A4754" i="2" l="1"/>
  <c r="C4753" i="2"/>
  <c r="D4753" i="2"/>
  <c r="A4755" i="2" l="1"/>
  <c r="D4754" i="2"/>
  <c r="C4754" i="2"/>
  <c r="A4756" i="2" l="1"/>
  <c r="C4755" i="2"/>
  <c r="D4755" i="2"/>
  <c r="A4757" i="2" l="1"/>
  <c r="D4756" i="2"/>
  <c r="C4756" i="2"/>
  <c r="A4758" i="2" l="1"/>
  <c r="C4757" i="2"/>
  <c r="D4757" i="2"/>
  <c r="A4759" i="2" l="1"/>
  <c r="D4758" i="2"/>
  <c r="C4758" i="2"/>
  <c r="A4760" i="2" l="1"/>
  <c r="C4759" i="2"/>
  <c r="D4759" i="2"/>
  <c r="A4761" i="2" l="1"/>
  <c r="D4760" i="2"/>
  <c r="C4760" i="2"/>
  <c r="A4762" i="2" l="1"/>
  <c r="C4761" i="2"/>
  <c r="D4761" i="2"/>
  <c r="A4763" i="2" l="1"/>
  <c r="D4762" i="2"/>
  <c r="C4762" i="2"/>
  <c r="A4764" i="2" l="1"/>
  <c r="C4763" i="2"/>
  <c r="D4763" i="2"/>
  <c r="A4765" i="2" l="1"/>
  <c r="D4764" i="2"/>
  <c r="C4764" i="2"/>
  <c r="A4766" i="2" l="1"/>
  <c r="C4765" i="2"/>
  <c r="D4765" i="2"/>
  <c r="A4767" i="2" l="1"/>
  <c r="D4766" i="2"/>
  <c r="C4766" i="2"/>
  <c r="A4768" i="2" l="1"/>
  <c r="C4767" i="2"/>
  <c r="D4767" i="2"/>
  <c r="A4769" i="2" l="1"/>
  <c r="D4768" i="2"/>
  <c r="C4768" i="2"/>
  <c r="A4770" i="2" l="1"/>
  <c r="C4769" i="2"/>
  <c r="D4769" i="2"/>
  <c r="A4771" i="2" l="1"/>
  <c r="D4770" i="2"/>
  <c r="C4770" i="2"/>
  <c r="A4772" i="2" l="1"/>
  <c r="C4771" i="2"/>
  <c r="D4771" i="2"/>
  <c r="A4773" i="2" l="1"/>
  <c r="D4772" i="2"/>
  <c r="C4772" i="2"/>
  <c r="A4774" i="2" l="1"/>
  <c r="C4773" i="2"/>
  <c r="D4773" i="2"/>
  <c r="A4775" i="2" l="1"/>
  <c r="D4774" i="2"/>
  <c r="C4774" i="2"/>
  <c r="A4776" i="2" l="1"/>
  <c r="C4775" i="2"/>
  <c r="D4775" i="2"/>
  <c r="A4777" i="2" l="1"/>
  <c r="D4776" i="2"/>
  <c r="C4776" i="2"/>
  <c r="A4778" i="2" l="1"/>
  <c r="C4777" i="2"/>
  <c r="D4777" i="2"/>
  <c r="A4779" i="2" l="1"/>
  <c r="D4778" i="2"/>
  <c r="C4778" i="2"/>
  <c r="A4780" i="2" l="1"/>
  <c r="C4779" i="2"/>
  <c r="D4779" i="2"/>
  <c r="A4781" i="2" l="1"/>
  <c r="D4780" i="2"/>
  <c r="C4780" i="2"/>
  <c r="A4782" i="2" l="1"/>
  <c r="C4781" i="2"/>
  <c r="D4781" i="2"/>
  <c r="A4783" i="2" l="1"/>
  <c r="D4782" i="2"/>
  <c r="C4782" i="2"/>
  <c r="A4784" i="2" l="1"/>
  <c r="C4783" i="2"/>
  <c r="D4783" i="2"/>
  <c r="A4785" i="2" l="1"/>
  <c r="D4784" i="2"/>
  <c r="C4784" i="2"/>
  <c r="A4786" i="2" l="1"/>
  <c r="C4785" i="2"/>
  <c r="D4785" i="2"/>
  <c r="A4787" i="2" l="1"/>
  <c r="D4786" i="2"/>
  <c r="C4786" i="2"/>
  <c r="A4788" i="2" l="1"/>
  <c r="C4787" i="2"/>
  <c r="D4787" i="2"/>
  <c r="A4789" i="2" l="1"/>
  <c r="D4788" i="2"/>
  <c r="C4788" i="2"/>
  <c r="A4790" i="2" l="1"/>
  <c r="C4789" i="2"/>
  <c r="D4789" i="2"/>
  <c r="A4791" i="2" l="1"/>
  <c r="D4790" i="2"/>
  <c r="C4790" i="2"/>
  <c r="A4792" i="2" l="1"/>
  <c r="C4791" i="2"/>
  <c r="D4791" i="2"/>
  <c r="A4793" i="2" l="1"/>
  <c r="D4792" i="2"/>
  <c r="C4792" i="2"/>
  <c r="A4794" i="2" l="1"/>
  <c r="C4793" i="2"/>
  <c r="D4793" i="2"/>
  <c r="A4795" i="2" l="1"/>
  <c r="D4794" i="2"/>
  <c r="C4794" i="2"/>
  <c r="A4796" i="2" l="1"/>
  <c r="C4795" i="2"/>
  <c r="D4795" i="2"/>
  <c r="A4797" i="2" l="1"/>
  <c r="D4796" i="2"/>
  <c r="C4796" i="2"/>
  <c r="A4798" i="2" l="1"/>
  <c r="C4797" i="2"/>
  <c r="D4797" i="2"/>
  <c r="A4799" i="2" l="1"/>
  <c r="D4798" i="2"/>
  <c r="C4798" i="2"/>
  <c r="A4800" i="2" l="1"/>
  <c r="C4799" i="2"/>
  <c r="D4799" i="2"/>
  <c r="A4801" i="2" l="1"/>
  <c r="D4800" i="2"/>
  <c r="C4800" i="2"/>
  <c r="A4802" i="2" l="1"/>
  <c r="C4801" i="2"/>
  <c r="D4801" i="2"/>
  <c r="A4803" i="2" l="1"/>
  <c r="D4802" i="2"/>
  <c r="C4802" i="2"/>
  <c r="A4804" i="2" l="1"/>
  <c r="C4803" i="2"/>
  <c r="D4803" i="2"/>
  <c r="A4805" i="2" l="1"/>
  <c r="D4804" i="2"/>
  <c r="C4804" i="2"/>
  <c r="A4806" i="2" l="1"/>
  <c r="C4805" i="2"/>
  <c r="D4805" i="2"/>
  <c r="A4807" i="2" l="1"/>
  <c r="D4806" i="2"/>
  <c r="C4806" i="2"/>
  <c r="A4808" i="2" l="1"/>
  <c r="C4807" i="2"/>
  <c r="D4807" i="2"/>
  <c r="A4809" i="2" l="1"/>
  <c r="D4808" i="2"/>
  <c r="C4808" i="2"/>
  <c r="A4810" i="2" l="1"/>
  <c r="C4809" i="2"/>
  <c r="D4809" i="2"/>
  <c r="A4811" i="2" l="1"/>
  <c r="D4810" i="2"/>
  <c r="C4810" i="2"/>
  <c r="A4812" i="2" l="1"/>
  <c r="C4811" i="2"/>
  <c r="D4811" i="2"/>
  <c r="A4813" i="2" l="1"/>
  <c r="D4812" i="2"/>
  <c r="C4812" i="2"/>
  <c r="A4814" i="2" l="1"/>
  <c r="C4813" i="2"/>
  <c r="D4813" i="2"/>
  <c r="A4815" i="2" l="1"/>
  <c r="D4814" i="2"/>
  <c r="C4814" i="2"/>
  <c r="A4816" i="2" l="1"/>
  <c r="C4815" i="2"/>
  <c r="D4815" i="2"/>
  <c r="A4817" i="2" l="1"/>
  <c r="D4816" i="2"/>
  <c r="C4816" i="2"/>
  <c r="A4818" i="2" l="1"/>
  <c r="C4817" i="2"/>
  <c r="D4817" i="2"/>
  <c r="A4819" i="2" l="1"/>
  <c r="D4818" i="2"/>
  <c r="C4818" i="2"/>
  <c r="A4820" i="2" l="1"/>
  <c r="C4819" i="2"/>
  <c r="D4819" i="2"/>
  <c r="A4821" i="2" l="1"/>
  <c r="D4820" i="2"/>
  <c r="C4820" i="2"/>
  <c r="A4822" i="2" l="1"/>
  <c r="C4821" i="2"/>
  <c r="D4821" i="2"/>
  <c r="A4823" i="2" l="1"/>
  <c r="D4822" i="2"/>
  <c r="C4822" i="2"/>
  <c r="A4824" i="2" l="1"/>
  <c r="C4823" i="2"/>
  <c r="D4823" i="2"/>
  <c r="A4825" i="2" l="1"/>
  <c r="D4824" i="2"/>
  <c r="C4824" i="2"/>
  <c r="A4826" i="2" l="1"/>
  <c r="C4825" i="2"/>
  <c r="D4825" i="2"/>
  <c r="A4827" i="2" l="1"/>
  <c r="D4826" i="2"/>
  <c r="C4826" i="2"/>
  <c r="A4828" i="2" l="1"/>
  <c r="C4827" i="2"/>
  <c r="D4827" i="2"/>
  <c r="A4829" i="2" l="1"/>
  <c r="D4828" i="2"/>
  <c r="C4828" i="2"/>
  <c r="A4830" i="2" l="1"/>
  <c r="C4829" i="2"/>
  <c r="D4829" i="2"/>
  <c r="A4831" i="2" l="1"/>
  <c r="D4830" i="2"/>
  <c r="C4830" i="2"/>
  <c r="A4832" i="2" l="1"/>
  <c r="C4831" i="2"/>
  <c r="D4831" i="2"/>
  <c r="A4833" i="2" l="1"/>
  <c r="D4832" i="2"/>
  <c r="C4832" i="2"/>
  <c r="A4834" i="2" l="1"/>
  <c r="C4833" i="2"/>
  <c r="D4833" i="2"/>
  <c r="A4835" i="2" l="1"/>
  <c r="D4834" i="2"/>
  <c r="C4834" i="2"/>
  <c r="A4836" i="2" l="1"/>
  <c r="C4835" i="2"/>
  <c r="D4835" i="2"/>
  <c r="A4837" i="2" l="1"/>
  <c r="D4836" i="2"/>
  <c r="C4836" i="2"/>
  <c r="A4838" i="2" l="1"/>
  <c r="C4837" i="2"/>
  <c r="D4837" i="2"/>
  <c r="A4839" i="2" l="1"/>
  <c r="D4838" i="2"/>
  <c r="C4838" i="2"/>
  <c r="A4840" i="2" l="1"/>
  <c r="C4839" i="2"/>
  <c r="D4839" i="2"/>
  <c r="A4841" i="2" l="1"/>
  <c r="D4840" i="2"/>
  <c r="C4840" i="2"/>
  <c r="A4842" i="2" l="1"/>
  <c r="C4841" i="2"/>
  <c r="D4841" i="2"/>
  <c r="A4843" i="2" l="1"/>
  <c r="D4842" i="2"/>
  <c r="C4842" i="2"/>
  <c r="A4844" i="2" l="1"/>
  <c r="C4843" i="2"/>
  <c r="D4843" i="2"/>
  <c r="A4845" i="2" l="1"/>
  <c r="D4844" i="2"/>
  <c r="C4844" i="2"/>
  <c r="A4846" i="2" l="1"/>
  <c r="C4845" i="2"/>
  <c r="D4845" i="2"/>
  <c r="A4847" i="2" l="1"/>
  <c r="D4846" i="2"/>
  <c r="C4846" i="2"/>
  <c r="A4848" i="2" l="1"/>
  <c r="C4847" i="2"/>
  <c r="D4847" i="2"/>
  <c r="A4849" i="2" l="1"/>
  <c r="D4848" i="2"/>
  <c r="C4848" i="2"/>
  <c r="A4850" i="2" l="1"/>
  <c r="C4849" i="2"/>
  <c r="D4849" i="2"/>
  <c r="A4851" i="2" l="1"/>
  <c r="D4850" i="2"/>
  <c r="C4850" i="2"/>
  <c r="A4852" i="2" l="1"/>
  <c r="C4851" i="2"/>
  <c r="D4851" i="2"/>
  <c r="A4853" i="2" l="1"/>
  <c r="D4852" i="2"/>
  <c r="C4852" i="2"/>
  <c r="A4854" i="2" l="1"/>
  <c r="C4853" i="2"/>
  <c r="D4853" i="2"/>
  <c r="A4855" i="2" l="1"/>
  <c r="D4854" i="2"/>
  <c r="C4854" i="2"/>
  <c r="A4856" i="2" l="1"/>
  <c r="C4855" i="2"/>
  <c r="D4855" i="2"/>
  <c r="A4857" i="2" l="1"/>
  <c r="D4856" i="2"/>
  <c r="C4856" i="2"/>
  <c r="A4858" i="2" l="1"/>
  <c r="C4857" i="2"/>
  <c r="D4857" i="2"/>
  <c r="A4859" i="2" l="1"/>
  <c r="D4858" i="2"/>
  <c r="C4858" i="2"/>
  <c r="A4860" i="2" l="1"/>
  <c r="C4859" i="2"/>
  <c r="D4859" i="2"/>
  <c r="A4861" i="2" l="1"/>
  <c r="D4860" i="2"/>
  <c r="C4860" i="2"/>
  <c r="A4862" i="2" l="1"/>
  <c r="C4861" i="2"/>
  <c r="D4861" i="2"/>
  <c r="A4863" i="2" l="1"/>
  <c r="D4862" i="2"/>
  <c r="C4862" i="2"/>
  <c r="A4864" i="2" l="1"/>
  <c r="C4863" i="2"/>
  <c r="D4863" i="2"/>
  <c r="A4865" i="2" l="1"/>
  <c r="D4864" i="2"/>
  <c r="C4864" i="2"/>
  <c r="A4866" i="2" l="1"/>
  <c r="C4865" i="2"/>
  <c r="D4865" i="2"/>
  <c r="A4867" i="2" l="1"/>
  <c r="D4866" i="2"/>
  <c r="C4866" i="2"/>
  <c r="A4868" i="2" l="1"/>
  <c r="C4867" i="2"/>
  <c r="D4867" i="2"/>
  <c r="A4869" i="2" l="1"/>
  <c r="D4868" i="2"/>
  <c r="C4868" i="2"/>
  <c r="A4870" i="2" l="1"/>
  <c r="C4869" i="2"/>
  <c r="D4869" i="2"/>
  <c r="A4871" i="2" l="1"/>
  <c r="D4870" i="2"/>
  <c r="C4870" i="2"/>
  <c r="A4872" i="2" l="1"/>
  <c r="C4871" i="2"/>
  <c r="D4871" i="2"/>
  <c r="A4873" i="2" l="1"/>
  <c r="D4872" i="2"/>
  <c r="C4872" i="2"/>
  <c r="A4874" i="2" l="1"/>
  <c r="C4873" i="2"/>
  <c r="D4873" i="2"/>
  <c r="A4875" i="2" l="1"/>
  <c r="D4874" i="2"/>
  <c r="C4874" i="2"/>
  <c r="A4876" i="2" l="1"/>
  <c r="C4875" i="2"/>
  <c r="D4875" i="2"/>
  <c r="A4877" i="2" l="1"/>
  <c r="D4876" i="2"/>
  <c r="C4876" i="2"/>
  <c r="A4878" i="2" l="1"/>
  <c r="C4877" i="2"/>
  <c r="D4877" i="2"/>
  <c r="A4879" i="2" l="1"/>
  <c r="D4878" i="2"/>
  <c r="C4878" i="2"/>
  <c r="A4880" i="2" l="1"/>
  <c r="C4879" i="2"/>
  <c r="D4879" i="2"/>
  <c r="A4881" i="2" l="1"/>
  <c r="D4880" i="2"/>
  <c r="C4880" i="2"/>
  <c r="A4882" i="2" l="1"/>
  <c r="C4881" i="2"/>
  <c r="D4881" i="2"/>
  <c r="A4883" i="2" l="1"/>
  <c r="D4882" i="2"/>
  <c r="C4882" i="2"/>
  <c r="A4884" i="2" l="1"/>
  <c r="C4883" i="2"/>
  <c r="D4883" i="2"/>
  <c r="A4885" i="2" l="1"/>
  <c r="D4884" i="2"/>
  <c r="C4884" i="2"/>
  <c r="A4886" i="2" l="1"/>
  <c r="C4885" i="2"/>
  <c r="D4885" i="2"/>
  <c r="A4887" i="2" l="1"/>
  <c r="D4886" i="2"/>
  <c r="C4886" i="2"/>
  <c r="A4888" i="2" l="1"/>
  <c r="C4887" i="2"/>
  <c r="D4887" i="2"/>
  <c r="A4889" i="2" l="1"/>
  <c r="D4888" i="2"/>
  <c r="C4888" i="2"/>
  <c r="A4890" i="2" l="1"/>
  <c r="C4889" i="2"/>
  <c r="D4889" i="2"/>
  <c r="A4891" i="2" l="1"/>
  <c r="D4890" i="2"/>
  <c r="C4890" i="2"/>
  <c r="A4892" i="2" l="1"/>
  <c r="C4891" i="2"/>
  <c r="D4891" i="2"/>
  <c r="A4893" i="2" l="1"/>
  <c r="D4892" i="2"/>
  <c r="C4892" i="2"/>
  <c r="A4894" i="2" l="1"/>
  <c r="C4893" i="2"/>
  <c r="D4893" i="2"/>
  <c r="A4895" i="2" l="1"/>
  <c r="D4894" i="2"/>
  <c r="C4894" i="2"/>
  <c r="A4896" i="2" l="1"/>
  <c r="C4895" i="2"/>
  <c r="D4895" i="2"/>
  <c r="A4897" i="2" l="1"/>
  <c r="D4896" i="2"/>
  <c r="C4896" i="2"/>
  <c r="A4898" i="2" l="1"/>
  <c r="C4897" i="2"/>
  <c r="D4897" i="2"/>
  <c r="A4899" i="2" l="1"/>
  <c r="D4898" i="2"/>
  <c r="C4898" i="2"/>
  <c r="A4900" i="2" l="1"/>
  <c r="C4899" i="2"/>
  <c r="D4899" i="2"/>
  <c r="A4901" i="2" l="1"/>
  <c r="D4900" i="2"/>
  <c r="C4900" i="2"/>
  <c r="A4902" i="2" l="1"/>
  <c r="C4901" i="2"/>
  <c r="D4901" i="2"/>
  <c r="A4903" i="2" l="1"/>
  <c r="D4902" i="2"/>
  <c r="C4902" i="2"/>
  <c r="A4904" i="2" l="1"/>
  <c r="C4903" i="2"/>
  <c r="D4903" i="2"/>
  <c r="A4905" i="2" l="1"/>
  <c r="D4904" i="2"/>
  <c r="C4904" i="2"/>
  <c r="A4906" i="2" l="1"/>
  <c r="C4905" i="2"/>
  <c r="D4905" i="2"/>
  <c r="A4907" i="2" l="1"/>
  <c r="D4906" i="2"/>
  <c r="C4906" i="2"/>
  <c r="A4908" i="2" l="1"/>
  <c r="C4907" i="2"/>
  <c r="D4907" i="2"/>
  <c r="A4909" i="2" l="1"/>
  <c r="D4908" i="2"/>
  <c r="C4908" i="2"/>
  <c r="A4910" i="2" l="1"/>
  <c r="C4909" i="2"/>
  <c r="D4909" i="2"/>
  <c r="A4911" i="2" l="1"/>
  <c r="D4910" i="2"/>
  <c r="C4910" i="2"/>
  <c r="A4912" i="2" l="1"/>
  <c r="C4911" i="2"/>
  <c r="D4911" i="2"/>
  <c r="A4913" i="2" l="1"/>
  <c r="D4912" i="2"/>
  <c r="C4912" i="2"/>
  <c r="A4914" i="2" l="1"/>
  <c r="C4913" i="2"/>
  <c r="D4913" i="2"/>
  <c r="A4915" i="2" l="1"/>
  <c r="D4914" i="2"/>
  <c r="C4914" i="2"/>
  <c r="A4916" i="2" l="1"/>
  <c r="C4915" i="2"/>
  <c r="D4915" i="2"/>
  <c r="A4917" i="2" l="1"/>
  <c r="D4916" i="2"/>
  <c r="C4916" i="2"/>
  <c r="A4918" i="2" l="1"/>
  <c r="C4917" i="2"/>
  <c r="D4917" i="2"/>
  <c r="A4919" i="2" l="1"/>
  <c r="D4918" i="2"/>
  <c r="C4918" i="2"/>
  <c r="A4920" i="2" l="1"/>
  <c r="C4919" i="2"/>
  <c r="D4919" i="2"/>
  <c r="A4921" i="2" l="1"/>
  <c r="D4920" i="2"/>
  <c r="C4920" i="2"/>
  <c r="A4922" i="2" l="1"/>
  <c r="C4921" i="2"/>
  <c r="D4921" i="2"/>
  <c r="A4923" i="2" l="1"/>
  <c r="D4922" i="2"/>
  <c r="C4922" i="2"/>
  <c r="A4924" i="2" l="1"/>
  <c r="C4923" i="2"/>
  <c r="D4923" i="2"/>
  <c r="A4925" i="2" l="1"/>
  <c r="D4924" i="2"/>
  <c r="C4924" i="2"/>
  <c r="A4926" i="2" l="1"/>
  <c r="C4925" i="2"/>
  <c r="D4925" i="2"/>
  <c r="A4927" i="2" l="1"/>
  <c r="D4926" i="2"/>
  <c r="C4926" i="2"/>
  <c r="A4928" i="2" l="1"/>
  <c r="C4927" i="2"/>
  <c r="D4927" i="2"/>
  <c r="A4929" i="2" l="1"/>
  <c r="D4928" i="2"/>
  <c r="C4928" i="2"/>
  <c r="A4930" i="2" l="1"/>
  <c r="C4929" i="2"/>
  <c r="D4929" i="2"/>
  <c r="A4931" i="2" l="1"/>
  <c r="D4930" i="2"/>
  <c r="C4930" i="2"/>
  <c r="A4932" i="2" l="1"/>
  <c r="C4931" i="2"/>
  <c r="D4931" i="2"/>
  <c r="A4933" i="2" l="1"/>
  <c r="D4932" i="2"/>
  <c r="C4932" i="2"/>
  <c r="A4934" i="2" l="1"/>
  <c r="C4933" i="2"/>
  <c r="D4933" i="2"/>
  <c r="A4935" i="2" l="1"/>
  <c r="D4934" i="2"/>
  <c r="C4934" i="2"/>
  <c r="A4936" i="2" l="1"/>
  <c r="C4935" i="2"/>
  <c r="D4935" i="2"/>
  <c r="A4937" i="2" l="1"/>
  <c r="D4936" i="2"/>
  <c r="C4936" i="2"/>
  <c r="A4938" i="2" l="1"/>
  <c r="C4937" i="2"/>
  <c r="D4937" i="2"/>
  <c r="A4939" i="2" l="1"/>
  <c r="D4938" i="2"/>
  <c r="C4938" i="2"/>
  <c r="A4940" i="2" l="1"/>
  <c r="C4939" i="2"/>
  <c r="D4939" i="2"/>
  <c r="A4941" i="2" l="1"/>
  <c r="D4940" i="2"/>
  <c r="C4940" i="2"/>
  <c r="A4942" i="2" l="1"/>
  <c r="C4941" i="2"/>
  <c r="D4941" i="2"/>
  <c r="A4943" i="2" l="1"/>
  <c r="D4942" i="2"/>
  <c r="C4942" i="2"/>
  <c r="A4944" i="2" l="1"/>
  <c r="C4943" i="2"/>
  <c r="D4943" i="2"/>
  <c r="A4945" i="2" l="1"/>
  <c r="D4944" i="2"/>
  <c r="C4944" i="2"/>
  <c r="A4946" i="2" l="1"/>
  <c r="C4945" i="2"/>
  <c r="D4945" i="2"/>
  <c r="A4947" i="2" l="1"/>
  <c r="D4946" i="2"/>
  <c r="C4946" i="2"/>
  <c r="A4948" i="2" l="1"/>
  <c r="C4947" i="2"/>
  <c r="D4947" i="2"/>
  <c r="A4949" i="2" l="1"/>
  <c r="D4948" i="2"/>
  <c r="C4948" i="2"/>
  <c r="A4950" i="2" l="1"/>
  <c r="C4949" i="2"/>
  <c r="D4949" i="2"/>
  <c r="A4951" i="2" l="1"/>
  <c r="D4950" i="2"/>
  <c r="C4950" i="2"/>
  <c r="A4952" i="2" l="1"/>
  <c r="C4951" i="2"/>
  <c r="D4951" i="2"/>
  <c r="A4953" i="2" l="1"/>
  <c r="D4952" i="2"/>
  <c r="C4952" i="2"/>
  <c r="A4954" i="2" l="1"/>
  <c r="C4953" i="2"/>
  <c r="D4953" i="2"/>
  <c r="A4955" i="2" l="1"/>
  <c r="C4954" i="2"/>
  <c r="D4954" i="2"/>
  <c r="A4956" i="2" l="1"/>
  <c r="C4955" i="2"/>
  <c r="D4955" i="2"/>
  <c r="A4957" i="2" l="1"/>
  <c r="C4956" i="2"/>
  <c r="D4956" i="2"/>
  <c r="A4958" i="2" l="1"/>
  <c r="C4957" i="2"/>
  <c r="D4957" i="2"/>
  <c r="A4959" i="2" l="1"/>
  <c r="C4958" i="2"/>
  <c r="D4958" i="2"/>
  <c r="A4960" i="2" l="1"/>
  <c r="C4959" i="2"/>
  <c r="D4959" i="2"/>
  <c r="A4961" i="2" l="1"/>
  <c r="C4960" i="2"/>
  <c r="D4960" i="2"/>
  <c r="A4962" i="2" l="1"/>
  <c r="C4961" i="2"/>
  <c r="D4961" i="2"/>
  <c r="A4963" i="2" l="1"/>
  <c r="C4962" i="2"/>
  <c r="D4962" i="2"/>
  <c r="A4964" i="2" l="1"/>
  <c r="C4963" i="2"/>
  <c r="D4963" i="2"/>
  <c r="A4965" i="2" l="1"/>
  <c r="C4964" i="2"/>
  <c r="D4964" i="2"/>
  <c r="A4966" i="2" l="1"/>
  <c r="C4965" i="2"/>
  <c r="D4965" i="2"/>
  <c r="A4967" i="2" l="1"/>
  <c r="C4966" i="2"/>
  <c r="D4966" i="2"/>
  <c r="A4968" i="2" l="1"/>
  <c r="C4967" i="2"/>
  <c r="D4967" i="2"/>
  <c r="A4969" i="2" l="1"/>
  <c r="C4968" i="2"/>
  <c r="D4968" i="2"/>
  <c r="A4970" i="2" l="1"/>
  <c r="C4969" i="2"/>
  <c r="D4969" i="2"/>
  <c r="A4971" i="2" l="1"/>
  <c r="C4970" i="2"/>
  <c r="D4970" i="2"/>
  <c r="A4972" i="2" l="1"/>
  <c r="C4971" i="2"/>
  <c r="D4971" i="2"/>
  <c r="A4973" i="2" l="1"/>
  <c r="C4972" i="2"/>
  <c r="D4972" i="2"/>
  <c r="A4974" i="2" l="1"/>
  <c r="C4973" i="2"/>
  <c r="D4973" i="2"/>
  <c r="A4975" i="2" l="1"/>
  <c r="C4974" i="2"/>
  <c r="D4974" i="2"/>
  <c r="A4976" i="2" l="1"/>
  <c r="C4975" i="2"/>
  <c r="D4975" i="2"/>
  <c r="A4977" i="2" l="1"/>
  <c r="C4976" i="2"/>
  <c r="D4976" i="2"/>
  <c r="A4978" i="2" l="1"/>
  <c r="C4977" i="2"/>
  <c r="D4977" i="2"/>
  <c r="A4979" i="2" l="1"/>
  <c r="C4978" i="2"/>
  <c r="D4978" i="2"/>
  <c r="A4980" i="2" l="1"/>
  <c r="C4979" i="2"/>
  <c r="D4979" i="2"/>
  <c r="A4981" i="2" l="1"/>
  <c r="C4980" i="2"/>
  <c r="D4980" i="2"/>
  <c r="A4982" i="2" l="1"/>
  <c r="C4981" i="2"/>
  <c r="D4981" i="2"/>
  <c r="A4983" i="2" l="1"/>
  <c r="C4982" i="2"/>
  <c r="D4982" i="2"/>
  <c r="A4984" i="2" l="1"/>
  <c r="C4983" i="2"/>
  <c r="D4983" i="2"/>
  <c r="A4985" i="2" l="1"/>
  <c r="C4984" i="2"/>
  <c r="D4984" i="2"/>
  <c r="A4986" i="2" l="1"/>
  <c r="C4985" i="2"/>
  <c r="D4985" i="2"/>
  <c r="A4987" i="2" l="1"/>
  <c r="C4986" i="2"/>
  <c r="D4986" i="2"/>
  <c r="A4988" i="2" l="1"/>
  <c r="C4987" i="2"/>
  <c r="D4987" i="2"/>
  <c r="A4989" i="2" l="1"/>
  <c r="C4988" i="2"/>
  <c r="D4988" i="2"/>
  <c r="A4990" i="2" l="1"/>
  <c r="C4989" i="2"/>
  <c r="D4989" i="2"/>
  <c r="A4991" i="2" l="1"/>
  <c r="C4990" i="2"/>
  <c r="D4990" i="2"/>
  <c r="A4992" i="2" l="1"/>
  <c r="C4991" i="2"/>
  <c r="D4991" i="2"/>
  <c r="A4993" i="2" l="1"/>
  <c r="C4992" i="2"/>
  <c r="D4992" i="2"/>
  <c r="A4994" i="2" l="1"/>
  <c r="C4993" i="2"/>
  <c r="D4993" i="2"/>
  <c r="A4995" i="2" l="1"/>
  <c r="C4994" i="2"/>
  <c r="D4994" i="2"/>
  <c r="A4996" i="2" l="1"/>
  <c r="C4995" i="2"/>
  <c r="D4995" i="2"/>
  <c r="A4997" i="2" l="1"/>
  <c r="C4996" i="2"/>
  <c r="D4996" i="2"/>
  <c r="A4998" i="2" l="1"/>
  <c r="C4997" i="2"/>
  <c r="D4997" i="2"/>
  <c r="A4999" i="2" l="1"/>
  <c r="C4998" i="2"/>
  <c r="D4998" i="2"/>
  <c r="A5000" i="2" l="1"/>
  <c r="C4999" i="2"/>
  <c r="D4999" i="2"/>
  <c r="A5001" i="2" l="1"/>
  <c r="C5000" i="2"/>
  <c r="D5000" i="2"/>
  <c r="A5002" i="2" l="1"/>
  <c r="C5001" i="2"/>
  <c r="D5001" i="2"/>
  <c r="A5003" i="2" l="1"/>
  <c r="C5002" i="2"/>
  <c r="D5002" i="2"/>
  <c r="A5004" i="2" l="1"/>
  <c r="C5003" i="2"/>
  <c r="D5003" i="2"/>
  <c r="A5005" i="2" l="1"/>
  <c r="C5004" i="2"/>
  <c r="D5004" i="2"/>
  <c r="A5006" i="2" l="1"/>
  <c r="C5005" i="2"/>
  <c r="D5005" i="2"/>
  <c r="A5007" i="2" l="1"/>
  <c r="C5006" i="2"/>
  <c r="D5006" i="2"/>
  <c r="A5008" i="2" l="1"/>
  <c r="C5007" i="2"/>
  <c r="D5007" i="2"/>
  <c r="A5009" i="2" l="1"/>
  <c r="C5008" i="2"/>
  <c r="D5008" i="2"/>
  <c r="A5010" i="2" l="1"/>
  <c r="C5009" i="2"/>
  <c r="D5009" i="2"/>
  <c r="A5011" i="2" l="1"/>
  <c r="C5010" i="2"/>
  <c r="D5010" i="2"/>
  <c r="A5012" i="2" l="1"/>
  <c r="C5011" i="2"/>
  <c r="D5011" i="2"/>
  <c r="A5013" i="2" l="1"/>
  <c r="C5012" i="2"/>
  <c r="D5012" i="2"/>
  <c r="A5014" i="2" l="1"/>
  <c r="C5013" i="2"/>
  <c r="D5013" i="2"/>
  <c r="A5015" i="2" l="1"/>
  <c r="C5014" i="2"/>
  <c r="D5014" i="2"/>
  <c r="A5016" i="2" l="1"/>
  <c r="C5015" i="2"/>
  <c r="D5015" i="2"/>
  <c r="A5017" i="2" l="1"/>
  <c r="C5016" i="2"/>
  <c r="D5016" i="2"/>
  <c r="A5018" i="2" l="1"/>
  <c r="C5017" i="2"/>
  <c r="D5017" i="2"/>
  <c r="A5019" i="2" l="1"/>
  <c r="C5018" i="2"/>
  <c r="D5018" i="2"/>
  <c r="A5020" i="2" l="1"/>
  <c r="C5019" i="2"/>
  <c r="D5019" i="2"/>
  <c r="A5021" i="2" l="1"/>
  <c r="C5020" i="2"/>
  <c r="D5020" i="2"/>
  <c r="A5022" i="2" l="1"/>
  <c r="C5021" i="2"/>
  <c r="D5021" i="2"/>
  <c r="A5023" i="2" l="1"/>
  <c r="C5022" i="2"/>
  <c r="D5022" i="2"/>
  <c r="A5024" i="2" l="1"/>
  <c r="C5023" i="2"/>
  <c r="D5023" i="2"/>
  <c r="A5025" i="2" l="1"/>
  <c r="C5024" i="2"/>
  <c r="D5024" i="2"/>
  <c r="A5026" i="2" l="1"/>
  <c r="C5025" i="2"/>
  <c r="D5025" i="2"/>
  <c r="A5027" i="2" l="1"/>
  <c r="C5026" i="2"/>
  <c r="D5026" i="2"/>
  <c r="A5028" i="2" l="1"/>
  <c r="C5027" i="2"/>
  <c r="D5027" i="2"/>
  <c r="A5029" i="2" l="1"/>
  <c r="C5028" i="2"/>
  <c r="D5028" i="2"/>
  <c r="A5030" i="2" l="1"/>
  <c r="C5029" i="2"/>
  <c r="D5029" i="2"/>
  <c r="A5031" i="2" l="1"/>
  <c r="C5030" i="2"/>
  <c r="D5030" i="2"/>
  <c r="A5032" i="2" l="1"/>
  <c r="C5031" i="2"/>
  <c r="D5031" i="2"/>
  <c r="A5033" i="2" l="1"/>
  <c r="C5032" i="2"/>
  <c r="D5032" i="2"/>
  <c r="A5034" i="2" l="1"/>
  <c r="C5033" i="2"/>
  <c r="D5033" i="2"/>
  <c r="A5035" i="2" l="1"/>
  <c r="C5034" i="2"/>
  <c r="D5034" i="2"/>
  <c r="A5036" i="2" l="1"/>
  <c r="C5035" i="2"/>
  <c r="D5035" i="2"/>
  <c r="A5037" i="2" l="1"/>
  <c r="C5036" i="2"/>
  <c r="D5036" i="2"/>
  <c r="A5038" i="2" l="1"/>
  <c r="C5037" i="2"/>
  <c r="D5037" i="2"/>
  <c r="A5039" i="2" l="1"/>
  <c r="C5038" i="2"/>
  <c r="D5038" i="2"/>
  <c r="A5040" i="2" l="1"/>
  <c r="C5039" i="2"/>
  <c r="D5039" i="2"/>
  <c r="A5041" i="2" l="1"/>
  <c r="C5040" i="2"/>
  <c r="D5040" i="2"/>
  <c r="A5042" i="2" l="1"/>
  <c r="C5041" i="2"/>
  <c r="D5041" i="2"/>
  <c r="A5043" i="2" l="1"/>
  <c r="C5042" i="2"/>
  <c r="D5042" i="2"/>
  <c r="A5044" i="2" l="1"/>
  <c r="C5043" i="2"/>
  <c r="D5043" i="2"/>
  <c r="A5045" i="2" l="1"/>
  <c r="C5044" i="2"/>
  <c r="D5044" i="2"/>
  <c r="A5046" i="2" l="1"/>
  <c r="C5045" i="2"/>
  <c r="D5045" i="2"/>
  <c r="A5047" i="2" l="1"/>
  <c r="C5046" i="2"/>
  <c r="D5046" i="2"/>
  <c r="A5048" i="2" l="1"/>
  <c r="C5047" i="2"/>
  <c r="D5047" i="2"/>
  <c r="A5049" i="2" l="1"/>
  <c r="C5048" i="2"/>
  <c r="D5048" i="2"/>
  <c r="A5050" i="2" l="1"/>
  <c r="C5049" i="2"/>
  <c r="D5049" i="2"/>
  <c r="A5051" i="2" l="1"/>
  <c r="C5050" i="2"/>
  <c r="D5050" i="2"/>
  <c r="A5052" i="2" l="1"/>
  <c r="C5051" i="2"/>
  <c r="D5051" i="2"/>
  <c r="A5053" i="2" l="1"/>
  <c r="C5052" i="2"/>
  <c r="D5052" i="2"/>
  <c r="A5054" i="2" l="1"/>
  <c r="C5053" i="2"/>
  <c r="D5053" i="2"/>
  <c r="A5055" i="2" l="1"/>
  <c r="C5054" i="2"/>
  <c r="D5054" i="2"/>
  <c r="A5056" i="2" l="1"/>
  <c r="C5055" i="2"/>
  <c r="D5055" i="2"/>
  <c r="A5057" i="2" l="1"/>
  <c r="C5056" i="2"/>
  <c r="D5056" i="2"/>
  <c r="A5058" i="2" l="1"/>
  <c r="C5057" i="2"/>
  <c r="D5057" i="2"/>
  <c r="A5059" i="2" l="1"/>
  <c r="C5058" i="2"/>
  <c r="D5058" i="2"/>
  <c r="A5060" i="2" l="1"/>
  <c r="C5059" i="2"/>
  <c r="D5059" i="2"/>
  <c r="A5061" i="2" l="1"/>
  <c r="C5060" i="2"/>
  <c r="D5060" i="2"/>
  <c r="A5062" i="2" l="1"/>
  <c r="C5061" i="2"/>
  <c r="D5061" i="2"/>
  <c r="A5063" i="2" l="1"/>
  <c r="C5062" i="2"/>
  <c r="D5062" i="2"/>
  <c r="A5064" i="2" l="1"/>
  <c r="C5063" i="2"/>
  <c r="D5063" i="2"/>
  <c r="A5065" i="2" l="1"/>
  <c r="C5064" i="2"/>
  <c r="D5064" i="2"/>
  <c r="A5066" i="2" l="1"/>
  <c r="C5065" i="2"/>
  <c r="D5065" i="2"/>
  <c r="A5067" i="2" l="1"/>
  <c r="C5066" i="2"/>
  <c r="D5066" i="2"/>
  <c r="A5068" i="2" l="1"/>
  <c r="C5067" i="2"/>
  <c r="D5067" i="2"/>
  <c r="A5069" i="2" l="1"/>
  <c r="C5068" i="2"/>
  <c r="D5068" i="2"/>
  <c r="A5070" i="2" l="1"/>
  <c r="C5069" i="2"/>
  <c r="D5069" i="2"/>
  <c r="A5071" i="2" l="1"/>
  <c r="C5070" i="2"/>
  <c r="D5070" i="2"/>
  <c r="A5072" i="2" l="1"/>
  <c r="C5071" i="2"/>
  <c r="D5071" i="2"/>
  <c r="A5073" i="2" l="1"/>
  <c r="C5072" i="2"/>
  <c r="D5072" i="2"/>
  <c r="A5074" i="2" l="1"/>
  <c r="C5073" i="2"/>
  <c r="D5073" i="2"/>
  <c r="A5075" i="2" l="1"/>
  <c r="C5074" i="2"/>
  <c r="D5074" i="2"/>
  <c r="A5076" i="2" l="1"/>
  <c r="C5075" i="2"/>
  <c r="D5075" i="2"/>
  <c r="A5077" i="2" l="1"/>
  <c r="C5076" i="2"/>
  <c r="D5076" i="2"/>
  <c r="A5078" i="2" l="1"/>
  <c r="C5077" i="2"/>
  <c r="D5077" i="2"/>
  <c r="A5079" i="2" l="1"/>
  <c r="C5078" i="2"/>
  <c r="D5078" i="2"/>
  <c r="A5080" i="2" l="1"/>
  <c r="C5079" i="2"/>
  <c r="D5079" i="2"/>
  <c r="A5081" i="2" l="1"/>
  <c r="C5080" i="2"/>
  <c r="D5080" i="2"/>
  <c r="A5082" i="2" l="1"/>
  <c r="C5081" i="2"/>
  <c r="D5081" i="2"/>
  <c r="A5083" i="2" l="1"/>
  <c r="C5082" i="2"/>
  <c r="D5082" i="2"/>
  <c r="A5084" i="2" l="1"/>
  <c r="C5083" i="2"/>
  <c r="D5083" i="2"/>
  <c r="A5085" i="2" l="1"/>
  <c r="C5084" i="2"/>
  <c r="D5084" i="2"/>
  <c r="A5086" i="2" l="1"/>
  <c r="C5085" i="2"/>
  <c r="D5085" i="2"/>
  <c r="A5087" i="2" l="1"/>
  <c r="C5086" i="2"/>
  <c r="D5086" i="2"/>
  <c r="A5088" i="2" l="1"/>
  <c r="C5087" i="2"/>
  <c r="D5087" i="2"/>
  <c r="A5089" i="2" l="1"/>
  <c r="C5088" i="2"/>
  <c r="D5088" i="2"/>
  <c r="A5090" i="2" l="1"/>
  <c r="C5089" i="2"/>
  <c r="D5089" i="2"/>
  <c r="A5091" i="2" l="1"/>
  <c r="C5090" i="2"/>
  <c r="D5090" i="2"/>
  <c r="A5092" i="2" l="1"/>
  <c r="C5091" i="2"/>
  <c r="D5091" i="2"/>
  <c r="A5093" i="2" l="1"/>
  <c r="C5092" i="2"/>
  <c r="D5092" i="2"/>
  <c r="A5094" i="2" l="1"/>
  <c r="C5093" i="2"/>
  <c r="D5093" i="2"/>
  <c r="A5095" i="2" l="1"/>
  <c r="C5094" i="2"/>
  <c r="D5094" i="2"/>
  <c r="A5096" i="2" l="1"/>
  <c r="C5095" i="2"/>
  <c r="D5095" i="2"/>
  <c r="A5097" i="2" l="1"/>
  <c r="C5096" i="2"/>
  <c r="D5096" i="2"/>
  <c r="A5098" i="2" l="1"/>
  <c r="C5097" i="2"/>
  <c r="D5097" i="2"/>
  <c r="A5099" i="2" l="1"/>
  <c r="C5098" i="2"/>
  <c r="D5098" i="2"/>
  <c r="A5100" i="2" l="1"/>
  <c r="C5099" i="2"/>
  <c r="D5099" i="2"/>
  <c r="A5101" i="2" l="1"/>
  <c r="C5100" i="2"/>
  <c r="D5100" i="2"/>
  <c r="A5102" i="2" l="1"/>
  <c r="C5101" i="2"/>
  <c r="D5101" i="2"/>
  <c r="A5103" i="2" l="1"/>
  <c r="C5102" i="2"/>
  <c r="D5102" i="2"/>
  <c r="A5104" i="2" l="1"/>
  <c r="C5103" i="2"/>
  <c r="D5103" i="2"/>
  <c r="A5105" i="2" l="1"/>
  <c r="C5104" i="2"/>
  <c r="D5104" i="2"/>
  <c r="A5106" i="2" l="1"/>
  <c r="C5105" i="2"/>
  <c r="D5105" i="2"/>
  <c r="A5107" i="2" l="1"/>
  <c r="C5106" i="2"/>
  <c r="D5106" i="2"/>
  <c r="A5108" i="2" l="1"/>
  <c r="C5107" i="2"/>
  <c r="D5107" i="2"/>
  <c r="A5109" i="2" l="1"/>
  <c r="C5108" i="2"/>
  <c r="D5108" i="2"/>
  <c r="A5110" i="2" l="1"/>
  <c r="C5109" i="2"/>
  <c r="D5109" i="2"/>
  <c r="A5111" i="2" l="1"/>
  <c r="C5110" i="2"/>
  <c r="D5110" i="2"/>
  <c r="A5112" i="2" l="1"/>
  <c r="C5111" i="2"/>
  <c r="D5111" i="2"/>
  <c r="A5113" i="2" l="1"/>
  <c r="C5112" i="2"/>
  <c r="D5112" i="2"/>
  <c r="A5114" i="2" l="1"/>
  <c r="C5113" i="2"/>
  <c r="D5113" i="2"/>
  <c r="A5115" i="2" l="1"/>
  <c r="C5114" i="2"/>
  <c r="D5114" i="2"/>
  <c r="A5116" i="2" l="1"/>
  <c r="C5115" i="2"/>
  <c r="D5115" i="2"/>
  <c r="A5117" i="2" l="1"/>
  <c r="C5116" i="2"/>
  <c r="D5116" i="2"/>
  <c r="A5118" i="2" l="1"/>
  <c r="C5117" i="2"/>
  <c r="D5117" i="2"/>
  <c r="A5119" i="2" l="1"/>
  <c r="C5118" i="2"/>
  <c r="D5118" i="2"/>
  <c r="A5120" i="2" l="1"/>
  <c r="C5119" i="2"/>
  <c r="D5119" i="2"/>
  <c r="A5121" i="2" l="1"/>
  <c r="C5120" i="2"/>
  <c r="D5120" i="2"/>
  <c r="A5122" i="2" l="1"/>
  <c r="C5121" i="2"/>
  <c r="D5121" i="2"/>
  <c r="A5123" i="2" l="1"/>
  <c r="C5122" i="2"/>
  <c r="D5122" i="2"/>
  <c r="A5124" i="2" l="1"/>
  <c r="C5123" i="2"/>
  <c r="D5123" i="2"/>
  <c r="A5125" i="2" l="1"/>
  <c r="C5124" i="2"/>
  <c r="D5124" i="2"/>
  <c r="A5126" i="2" l="1"/>
  <c r="C5125" i="2"/>
  <c r="D5125" i="2"/>
  <c r="A5127" i="2" l="1"/>
  <c r="C5126" i="2"/>
  <c r="D5126" i="2"/>
  <c r="A5128" i="2" l="1"/>
  <c r="C5127" i="2"/>
  <c r="D5127" i="2"/>
  <c r="A5129" i="2" l="1"/>
  <c r="C5128" i="2"/>
  <c r="D5128" i="2"/>
  <c r="A5130" i="2" l="1"/>
  <c r="C5129" i="2"/>
  <c r="D5129" i="2"/>
  <c r="A5131" i="2" l="1"/>
  <c r="C5130" i="2"/>
  <c r="D5130" i="2"/>
  <c r="A5132" i="2" l="1"/>
  <c r="C5131" i="2"/>
  <c r="D5131" i="2"/>
  <c r="A5133" i="2" l="1"/>
  <c r="C5132" i="2"/>
  <c r="D5132" i="2"/>
  <c r="A5134" i="2" l="1"/>
  <c r="C5133" i="2"/>
  <c r="D5133" i="2"/>
  <c r="A5135" i="2" l="1"/>
  <c r="C5134" i="2"/>
  <c r="D5134" i="2"/>
  <c r="A5136" i="2" l="1"/>
  <c r="C5135" i="2"/>
  <c r="D5135" i="2"/>
  <c r="A5137" i="2" l="1"/>
  <c r="C5136" i="2"/>
  <c r="D5136" i="2"/>
  <c r="A5138" i="2" l="1"/>
  <c r="C5137" i="2"/>
  <c r="D5137" i="2"/>
  <c r="A5139" i="2" l="1"/>
  <c r="C5138" i="2"/>
  <c r="D5138" i="2"/>
  <c r="A5140" i="2" l="1"/>
  <c r="C5139" i="2"/>
  <c r="D5139" i="2"/>
  <c r="A5141" i="2" l="1"/>
  <c r="C5140" i="2"/>
  <c r="D5140" i="2"/>
  <c r="A5142" i="2" l="1"/>
  <c r="C5141" i="2"/>
  <c r="D5141" i="2"/>
  <c r="A5143" i="2" l="1"/>
  <c r="C5142" i="2"/>
  <c r="D5142" i="2"/>
  <c r="A5144" i="2" l="1"/>
  <c r="C5143" i="2"/>
  <c r="D5143" i="2"/>
  <c r="A5145" i="2" l="1"/>
  <c r="C5144" i="2"/>
  <c r="D5144" i="2"/>
  <c r="A5146" i="2" l="1"/>
  <c r="C5145" i="2"/>
  <c r="D5145" i="2"/>
  <c r="A5147" i="2" l="1"/>
  <c r="C5146" i="2"/>
  <c r="D5146" i="2"/>
  <c r="A5148" i="2" l="1"/>
  <c r="C5147" i="2"/>
  <c r="D5147" i="2"/>
  <c r="A5149" i="2" l="1"/>
  <c r="C5148" i="2"/>
  <c r="D5148" i="2"/>
  <c r="A5150" i="2" l="1"/>
  <c r="C5149" i="2"/>
  <c r="D5149" i="2"/>
  <c r="A5151" i="2" l="1"/>
  <c r="C5150" i="2"/>
  <c r="D5150" i="2"/>
  <c r="A5152" i="2" l="1"/>
  <c r="C5151" i="2"/>
  <c r="D5151" i="2"/>
  <c r="A5153" i="2" l="1"/>
  <c r="C5152" i="2"/>
  <c r="D5152" i="2"/>
  <c r="A5154" i="2" l="1"/>
  <c r="C5153" i="2"/>
  <c r="D5153" i="2"/>
  <c r="A5155" i="2" l="1"/>
  <c r="C5154" i="2"/>
  <c r="D5154" i="2"/>
  <c r="A5156" i="2" l="1"/>
  <c r="C5155" i="2"/>
  <c r="D5155" i="2"/>
  <c r="A5157" i="2" l="1"/>
  <c r="C5156" i="2"/>
  <c r="D5156" i="2"/>
  <c r="A5158" i="2" l="1"/>
  <c r="C5157" i="2"/>
  <c r="D5157" i="2"/>
  <c r="A5159" i="2" l="1"/>
  <c r="C5158" i="2"/>
  <c r="D5158" i="2"/>
  <c r="A5160" i="2" l="1"/>
  <c r="C5159" i="2"/>
  <c r="D5159" i="2"/>
  <c r="A5161" i="2" l="1"/>
  <c r="C5160" i="2"/>
  <c r="D5160" i="2"/>
  <c r="A5162" i="2" l="1"/>
  <c r="C5161" i="2"/>
  <c r="D5161" i="2"/>
  <c r="A5163" i="2" l="1"/>
  <c r="C5162" i="2"/>
  <c r="D5162" i="2"/>
  <c r="A5164" i="2" l="1"/>
  <c r="C5163" i="2"/>
  <c r="D5163" i="2"/>
  <c r="A5165" i="2" l="1"/>
  <c r="C5164" i="2"/>
  <c r="D5164" i="2"/>
  <c r="A5166" i="2" l="1"/>
  <c r="C5165" i="2"/>
  <c r="D5165" i="2"/>
  <c r="A5167" i="2" l="1"/>
  <c r="C5166" i="2"/>
  <c r="D5166" i="2"/>
  <c r="A5168" i="2" l="1"/>
  <c r="C5167" i="2"/>
  <c r="D5167" i="2"/>
  <c r="A5169" i="2" l="1"/>
  <c r="C5168" i="2"/>
  <c r="D5168" i="2"/>
  <c r="A5170" i="2" l="1"/>
  <c r="C5169" i="2"/>
  <c r="D5169" i="2"/>
  <c r="A5171" i="2" l="1"/>
  <c r="C5170" i="2"/>
  <c r="D5170" i="2"/>
  <c r="A5172" i="2" l="1"/>
  <c r="C5171" i="2"/>
  <c r="D5171" i="2"/>
  <c r="A5173" i="2" l="1"/>
  <c r="C5172" i="2"/>
  <c r="D5172" i="2"/>
  <c r="A5174" i="2" l="1"/>
  <c r="C5173" i="2"/>
  <c r="D5173" i="2"/>
  <c r="A5175" i="2" l="1"/>
  <c r="C5174" i="2"/>
  <c r="D5174" i="2"/>
  <c r="A5176" i="2" l="1"/>
  <c r="C5175" i="2"/>
  <c r="D5175" i="2"/>
  <c r="A5177" i="2" l="1"/>
  <c r="C5176" i="2"/>
  <c r="D5176" i="2"/>
  <c r="A5178" i="2" l="1"/>
  <c r="C5177" i="2"/>
  <c r="D5177" i="2"/>
  <c r="A5179" i="2" l="1"/>
  <c r="C5178" i="2"/>
  <c r="D5178" i="2"/>
  <c r="A5180" i="2" l="1"/>
  <c r="C5179" i="2"/>
  <c r="D5179" i="2"/>
  <c r="A5181" i="2" l="1"/>
  <c r="C5180" i="2"/>
  <c r="D5180" i="2"/>
  <c r="A5182" i="2" l="1"/>
  <c r="C5181" i="2"/>
  <c r="D5181" i="2"/>
  <c r="A5183" i="2" l="1"/>
  <c r="C5182" i="2"/>
  <c r="D5182" i="2"/>
  <c r="A5184" i="2" l="1"/>
  <c r="C5183" i="2"/>
  <c r="D5183" i="2"/>
  <c r="A5185" i="2" l="1"/>
  <c r="C5184" i="2"/>
  <c r="D5184" i="2"/>
  <c r="A5186" i="2" l="1"/>
  <c r="C5185" i="2"/>
  <c r="D5185" i="2"/>
  <c r="A5187" i="2" l="1"/>
  <c r="C5186" i="2"/>
  <c r="D5186" i="2"/>
  <c r="A5188" i="2" l="1"/>
  <c r="C5187" i="2"/>
  <c r="D5187" i="2"/>
  <c r="A5189" i="2" l="1"/>
  <c r="C5188" i="2"/>
  <c r="D5188" i="2"/>
  <c r="A5190" i="2" l="1"/>
  <c r="C5189" i="2"/>
  <c r="D5189" i="2"/>
  <c r="A5191" i="2" l="1"/>
  <c r="C5190" i="2"/>
  <c r="D5190" i="2"/>
  <c r="A5192" i="2" l="1"/>
  <c r="C5191" i="2"/>
  <c r="D5191" i="2"/>
  <c r="A5193" i="2" l="1"/>
  <c r="C5192" i="2"/>
  <c r="D5192" i="2"/>
  <c r="A5194" i="2" l="1"/>
  <c r="C5193" i="2"/>
  <c r="D5193" i="2"/>
  <c r="A5195" i="2" l="1"/>
  <c r="C5194" i="2"/>
  <c r="D5194" i="2"/>
  <c r="A5196" i="2" l="1"/>
  <c r="C5195" i="2"/>
  <c r="D5195" i="2"/>
  <c r="A5197" i="2" l="1"/>
  <c r="C5196" i="2"/>
  <c r="D5196" i="2"/>
  <c r="A5198" i="2" l="1"/>
  <c r="C5197" i="2"/>
  <c r="D5197" i="2"/>
  <c r="A5199" i="2" l="1"/>
  <c r="C5198" i="2"/>
  <c r="D5198" i="2"/>
  <c r="A5200" i="2" l="1"/>
  <c r="C5199" i="2"/>
  <c r="D5199" i="2"/>
  <c r="A5201" i="2" l="1"/>
  <c r="C5200" i="2"/>
  <c r="D5200" i="2"/>
  <c r="A5202" i="2" l="1"/>
  <c r="C5201" i="2"/>
  <c r="D5201" i="2"/>
  <c r="A5203" i="2" l="1"/>
  <c r="C5202" i="2"/>
  <c r="D5202" i="2"/>
  <c r="A5204" i="2" l="1"/>
  <c r="C5203" i="2"/>
  <c r="D5203" i="2"/>
  <c r="A5205" i="2" l="1"/>
  <c r="C5204" i="2"/>
  <c r="D5204" i="2"/>
  <c r="A5206" i="2" l="1"/>
  <c r="C5205" i="2"/>
  <c r="D5205" i="2"/>
  <c r="A5207" i="2" l="1"/>
  <c r="C5206" i="2"/>
  <c r="D5206" i="2"/>
  <c r="A5208" i="2" l="1"/>
  <c r="C5207" i="2"/>
  <c r="D5207" i="2"/>
  <c r="A5209" i="2" l="1"/>
  <c r="C5208" i="2"/>
  <c r="D5208" i="2"/>
  <c r="A5210" i="2" l="1"/>
  <c r="C5209" i="2"/>
  <c r="D5209" i="2"/>
  <c r="A5211" i="2" l="1"/>
  <c r="C5210" i="2"/>
  <c r="D5210" i="2"/>
  <c r="A5212" i="2" l="1"/>
  <c r="C5211" i="2"/>
  <c r="D5211" i="2"/>
  <c r="A5213" i="2" l="1"/>
  <c r="C5212" i="2"/>
  <c r="D5212" i="2"/>
  <c r="A5214" i="2" l="1"/>
  <c r="C5213" i="2"/>
  <c r="D5213" i="2"/>
  <c r="A5215" i="2" l="1"/>
  <c r="C5214" i="2"/>
  <c r="D5214" i="2"/>
  <c r="A5216" i="2" l="1"/>
  <c r="C5215" i="2"/>
  <c r="D5215" i="2"/>
  <c r="A5217" i="2" l="1"/>
  <c r="C5216" i="2"/>
  <c r="D5216" i="2"/>
  <c r="A5218" i="2" l="1"/>
  <c r="C5217" i="2"/>
  <c r="D5217" i="2"/>
  <c r="A5219" i="2" l="1"/>
  <c r="C5218" i="2"/>
  <c r="D5218" i="2"/>
  <c r="A5220" i="2" l="1"/>
  <c r="C5219" i="2"/>
  <c r="D5219" i="2"/>
  <c r="A5221" i="2" l="1"/>
  <c r="C5220" i="2"/>
  <c r="D5220" i="2"/>
  <c r="A5222" i="2" l="1"/>
  <c r="C5221" i="2"/>
  <c r="D5221" i="2"/>
  <c r="A5223" i="2" l="1"/>
  <c r="C5222" i="2"/>
  <c r="D5222" i="2"/>
  <c r="A5224" i="2" l="1"/>
  <c r="C5223" i="2"/>
  <c r="D5223" i="2"/>
  <c r="A5225" i="2" l="1"/>
  <c r="C5224" i="2"/>
  <c r="D5224" i="2"/>
  <c r="A5226" i="2" l="1"/>
  <c r="C5225" i="2"/>
  <c r="D5225" i="2"/>
  <c r="A5227" i="2" l="1"/>
  <c r="C5226" i="2"/>
  <c r="D5226" i="2"/>
  <c r="A5228" i="2" l="1"/>
  <c r="C5227" i="2"/>
  <c r="D5227" i="2"/>
  <c r="A5229" i="2" l="1"/>
  <c r="C5228" i="2"/>
  <c r="D5228" i="2"/>
  <c r="A5230" i="2" l="1"/>
  <c r="C5229" i="2"/>
  <c r="D5229" i="2"/>
  <c r="A5231" i="2" l="1"/>
  <c r="C5230" i="2"/>
  <c r="D5230" i="2"/>
  <c r="A5232" i="2" l="1"/>
  <c r="C5231" i="2"/>
  <c r="D5231" i="2"/>
  <c r="A5233" i="2" l="1"/>
  <c r="C5232" i="2"/>
  <c r="D5232" i="2"/>
  <c r="A5234" i="2" l="1"/>
  <c r="C5233" i="2"/>
  <c r="D5233" i="2"/>
  <c r="A5235" i="2" l="1"/>
  <c r="C5234" i="2"/>
  <c r="D5234" i="2"/>
  <c r="A5236" i="2" l="1"/>
  <c r="C5235" i="2"/>
  <c r="D5235" i="2"/>
  <c r="A5237" i="2" l="1"/>
  <c r="C5236" i="2"/>
  <c r="D5236" i="2"/>
  <c r="A5238" i="2" l="1"/>
  <c r="C5237" i="2"/>
  <c r="D5237" i="2"/>
  <c r="A5239" i="2" l="1"/>
  <c r="C5238" i="2"/>
  <c r="D5238" i="2"/>
  <c r="A5240" i="2" l="1"/>
  <c r="C5239" i="2"/>
  <c r="D5239" i="2"/>
  <c r="A5241" i="2" l="1"/>
  <c r="C5240" i="2"/>
  <c r="D5240" i="2"/>
  <c r="A5242" i="2" l="1"/>
  <c r="C5241" i="2"/>
  <c r="D5241" i="2"/>
  <c r="A5243" i="2" l="1"/>
  <c r="C5242" i="2"/>
  <c r="D5242" i="2"/>
  <c r="A5244" i="2" l="1"/>
  <c r="C5243" i="2"/>
  <c r="D5243" i="2"/>
  <c r="A5245" i="2" l="1"/>
  <c r="C5244" i="2"/>
  <c r="D5244" i="2"/>
  <c r="A5246" i="2" l="1"/>
  <c r="C5245" i="2"/>
  <c r="D5245" i="2"/>
  <c r="A5247" i="2" l="1"/>
  <c r="C5246" i="2"/>
  <c r="D5246" i="2"/>
  <c r="A5248" i="2" l="1"/>
  <c r="C5247" i="2"/>
  <c r="D5247" i="2"/>
  <c r="A5249" i="2" l="1"/>
  <c r="C5248" i="2"/>
  <c r="D5248" i="2"/>
  <c r="A5250" i="2" l="1"/>
  <c r="C5249" i="2"/>
  <c r="D5249" i="2"/>
  <c r="A5251" i="2" l="1"/>
  <c r="C5250" i="2"/>
  <c r="D5250" i="2"/>
  <c r="A5252" i="2" l="1"/>
  <c r="C5251" i="2"/>
  <c r="D5251" i="2"/>
  <c r="A5253" i="2" l="1"/>
  <c r="C5252" i="2"/>
  <c r="D5252" i="2"/>
  <c r="A5254" i="2" l="1"/>
  <c r="C5253" i="2"/>
  <c r="D5253" i="2"/>
  <c r="A5255" i="2" l="1"/>
  <c r="C5254" i="2"/>
  <c r="D5254" i="2"/>
  <c r="A5256" i="2" l="1"/>
  <c r="C5255" i="2"/>
  <c r="D5255" i="2"/>
  <c r="A5257" i="2" l="1"/>
  <c r="C5256" i="2"/>
  <c r="D5256" i="2"/>
  <c r="A5258" i="2" l="1"/>
  <c r="C5257" i="2"/>
  <c r="D5257" i="2"/>
  <c r="A5259" i="2" l="1"/>
  <c r="C5258" i="2"/>
  <c r="D5258" i="2"/>
  <c r="A5260" i="2" l="1"/>
  <c r="C5259" i="2"/>
  <c r="D5259" i="2"/>
  <c r="A5261" i="2" l="1"/>
  <c r="C5260" i="2"/>
  <c r="D5260" i="2"/>
  <c r="A5262" i="2" l="1"/>
  <c r="C5261" i="2"/>
  <c r="D5261" i="2"/>
  <c r="A5263" i="2" l="1"/>
  <c r="C5262" i="2"/>
  <c r="D5262" i="2"/>
  <c r="A5264" i="2" l="1"/>
  <c r="C5263" i="2"/>
  <c r="D5263" i="2"/>
  <c r="A5265" i="2" l="1"/>
  <c r="C5264" i="2"/>
  <c r="D5264" i="2"/>
  <c r="A5266" i="2" l="1"/>
  <c r="C5265" i="2"/>
  <c r="D5265" i="2"/>
  <c r="A5267" i="2" l="1"/>
  <c r="C5266" i="2"/>
  <c r="D5266" i="2"/>
  <c r="A5268" i="2" l="1"/>
  <c r="C5267" i="2"/>
  <c r="D5267" i="2"/>
  <c r="A5269" i="2" l="1"/>
  <c r="C5268" i="2"/>
  <c r="D5268" i="2"/>
  <c r="A5270" i="2" l="1"/>
  <c r="C5269" i="2"/>
  <c r="D5269" i="2"/>
  <c r="A5271" i="2" l="1"/>
  <c r="C5270" i="2"/>
  <c r="D5270" i="2"/>
  <c r="A5272" i="2" l="1"/>
  <c r="C5271" i="2"/>
  <c r="D5271" i="2"/>
  <c r="A5273" i="2" l="1"/>
  <c r="C5272" i="2"/>
  <c r="D5272" i="2"/>
  <c r="A5274" i="2" l="1"/>
  <c r="C5273" i="2"/>
  <c r="D5273" i="2"/>
  <c r="A5275" i="2" l="1"/>
  <c r="C5274" i="2"/>
  <c r="D5274" i="2"/>
  <c r="A5276" i="2" l="1"/>
  <c r="C5275" i="2"/>
  <c r="D5275" i="2"/>
  <c r="A5277" i="2" l="1"/>
  <c r="C5276" i="2"/>
  <c r="D5276" i="2"/>
  <c r="A5278" i="2" l="1"/>
  <c r="C5277" i="2"/>
  <c r="D5277" i="2"/>
  <c r="A5279" i="2" l="1"/>
  <c r="C5278" i="2"/>
  <c r="D5278" i="2"/>
  <c r="A5280" i="2" l="1"/>
  <c r="C5279" i="2"/>
  <c r="D5279" i="2"/>
  <c r="A5281" i="2" l="1"/>
  <c r="C5280" i="2"/>
  <c r="D5280" i="2"/>
  <c r="A5282" i="2" l="1"/>
  <c r="C5281" i="2"/>
  <c r="D5281" i="2"/>
  <c r="A5283" i="2" l="1"/>
  <c r="C5282" i="2"/>
  <c r="D5282" i="2"/>
  <c r="A5284" i="2" l="1"/>
  <c r="C5283" i="2"/>
  <c r="D5283" i="2"/>
  <c r="A5285" i="2" l="1"/>
  <c r="C5284" i="2"/>
  <c r="D5284" i="2"/>
  <c r="A5286" i="2" l="1"/>
  <c r="C5285" i="2"/>
  <c r="D5285" i="2"/>
  <c r="A5287" i="2" l="1"/>
  <c r="C5286" i="2"/>
  <c r="D5286" i="2"/>
  <c r="A5288" i="2" l="1"/>
  <c r="C5287" i="2"/>
  <c r="D5287" i="2"/>
  <c r="A5289" i="2" l="1"/>
  <c r="C5288" i="2"/>
  <c r="D5288" i="2"/>
  <c r="A5290" i="2" l="1"/>
  <c r="C5289" i="2"/>
  <c r="D5289" i="2"/>
  <c r="A5291" i="2" l="1"/>
  <c r="C5290" i="2"/>
  <c r="D5290" i="2"/>
  <c r="A5292" i="2" l="1"/>
  <c r="C5291" i="2"/>
  <c r="D5291" i="2"/>
  <c r="A5293" i="2" l="1"/>
  <c r="C5292" i="2"/>
  <c r="D5292" i="2"/>
  <c r="A5294" i="2" l="1"/>
  <c r="C5293" i="2"/>
  <c r="D5293" i="2"/>
  <c r="A5295" i="2" l="1"/>
  <c r="C5294" i="2"/>
  <c r="D5294" i="2"/>
  <c r="A5296" i="2" l="1"/>
  <c r="C5295" i="2"/>
  <c r="D5295" i="2"/>
  <c r="A5297" i="2" l="1"/>
  <c r="C5296" i="2"/>
  <c r="D5296" i="2"/>
  <c r="A5298" i="2" l="1"/>
  <c r="C5297" i="2"/>
  <c r="D5297" i="2"/>
  <c r="A5299" i="2" l="1"/>
  <c r="C5298" i="2"/>
  <c r="D5298" i="2"/>
  <c r="A5300" i="2" l="1"/>
  <c r="C5299" i="2"/>
  <c r="D5299" i="2"/>
  <c r="A5301" i="2" l="1"/>
  <c r="C5300" i="2"/>
  <c r="D5300" i="2"/>
  <c r="A5302" i="2" l="1"/>
  <c r="C5301" i="2"/>
  <c r="D5301" i="2"/>
  <c r="A5303" i="2" l="1"/>
  <c r="C5302" i="2"/>
  <c r="D5302" i="2"/>
  <c r="A5304" i="2" l="1"/>
  <c r="C5303" i="2"/>
  <c r="D5303" i="2"/>
  <c r="A5305" i="2" l="1"/>
  <c r="C5304" i="2"/>
  <c r="D5304" i="2"/>
  <c r="A5306" i="2" l="1"/>
  <c r="C5305" i="2"/>
  <c r="D5305" i="2"/>
  <c r="A5307" i="2" l="1"/>
  <c r="C5306" i="2"/>
  <c r="D5306" i="2"/>
  <c r="A5308" i="2" l="1"/>
  <c r="C5307" i="2"/>
  <c r="D5307" i="2"/>
  <c r="A5309" i="2" l="1"/>
  <c r="C5308" i="2"/>
  <c r="D5308" i="2"/>
  <c r="A5310" i="2" l="1"/>
  <c r="C5309" i="2"/>
  <c r="D5309" i="2"/>
  <c r="A5311" i="2" l="1"/>
  <c r="C5310" i="2"/>
  <c r="D5310" i="2"/>
  <c r="A5312" i="2" l="1"/>
  <c r="C5311" i="2"/>
  <c r="D5311" i="2"/>
  <c r="A5313" i="2" l="1"/>
  <c r="C5312" i="2"/>
  <c r="D5312" i="2"/>
  <c r="A5314" i="2" l="1"/>
  <c r="C5313" i="2"/>
  <c r="D5313" i="2"/>
  <c r="A5315" i="2" l="1"/>
  <c r="C5314" i="2"/>
  <c r="D5314" i="2"/>
  <c r="A5316" i="2" l="1"/>
  <c r="C5315" i="2"/>
  <c r="D5315" i="2"/>
  <c r="A5317" i="2" l="1"/>
  <c r="C5316" i="2"/>
  <c r="D5316" i="2"/>
  <c r="A5318" i="2" l="1"/>
  <c r="C5317" i="2"/>
  <c r="D5317" i="2"/>
  <c r="A5319" i="2" l="1"/>
  <c r="C5318" i="2"/>
  <c r="D5318" i="2"/>
  <c r="A5320" i="2" l="1"/>
  <c r="C5319" i="2"/>
  <c r="D5319" i="2"/>
  <c r="A5321" i="2" l="1"/>
  <c r="C5320" i="2"/>
  <c r="D5320" i="2"/>
  <c r="A5322" i="2" l="1"/>
  <c r="C5321" i="2"/>
  <c r="D5321" i="2"/>
  <c r="A5323" i="2" l="1"/>
  <c r="C5322" i="2"/>
  <c r="D5322" i="2"/>
  <c r="A5324" i="2" l="1"/>
  <c r="C5323" i="2"/>
  <c r="D5323" i="2"/>
  <c r="A5325" i="2" l="1"/>
  <c r="C5324" i="2"/>
  <c r="D5324" i="2"/>
  <c r="A5326" i="2" l="1"/>
  <c r="C5325" i="2"/>
  <c r="D5325" i="2"/>
  <c r="A5327" i="2" l="1"/>
  <c r="C5326" i="2"/>
  <c r="D5326" i="2"/>
  <c r="A5328" i="2" l="1"/>
  <c r="C5327" i="2"/>
  <c r="D5327" i="2"/>
  <c r="A5329" i="2" l="1"/>
  <c r="C5328" i="2"/>
  <c r="D5328" i="2"/>
  <c r="A5330" i="2" l="1"/>
  <c r="C5329" i="2"/>
  <c r="D5329" i="2"/>
  <c r="A5331" i="2" l="1"/>
  <c r="C5330" i="2"/>
  <c r="D5330" i="2"/>
  <c r="A5332" i="2" l="1"/>
  <c r="C5331" i="2"/>
  <c r="D5331" i="2"/>
  <c r="A5333" i="2" l="1"/>
  <c r="C5332" i="2"/>
  <c r="D5332" i="2"/>
  <c r="A5334" i="2" l="1"/>
  <c r="C5333" i="2"/>
  <c r="D5333" i="2"/>
  <c r="A5335" i="2" l="1"/>
  <c r="C5334" i="2"/>
  <c r="D5334" i="2"/>
  <c r="A5336" i="2" l="1"/>
  <c r="C5335" i="2"/>
  <c r="D5335" i="2"/>
  <c r="A5337" i="2" l="1"/>
  <c r="C5336" i="2"/>
  <c r="D5336" i="2"/>
  <c r="A5338" i="2" l="1"/>
  <c r="C5337" i="2"/>
  <c r="D5337" i="2"/>
  <c r="A5339" i="2" l="1"/>
  <c r="C5338" i="2"/>
  <c r="D5338" i="2"/>
  <c r="A5340" i="2" l="1"/>
  <c r="C5339" i="2"/>
  <c r="D5339" i="2"/>
  <c r="A5341" i="2" l="1"/>
  <c r="C5340" i="2"/>
  <c r="D5340" i="2"/>
  <c r="A5342" i="2" l="1"/>
  <c r="C5341" i="2"/>
  <c r="D5341" i="2"/>
  <c r="A5343" i="2" l="1"/>
  <c r="C5342" i="2"/>
  <c r="D5342" i="2"/>
  <c r="A5344" i="2" l="1"/>
  <c r="C5343" i="2"/>
  <c r="D5343" i="2"/>
  <c r="A5345" i="2" l="1"/>
  <c r="C5344" i="2"/>
  <c r="D5344" i="2"/>
  <c r="A5346" i="2" l="1"/>
  <c r="C5345" i="2"/>
  <c r="D5345" i="2"/>
  <c r="A5347" i="2" l="1"/>
  <c r="C5346" i="2"/>
  <c r="D5346" i="2"/>
  <c r="A5348" i="2" l="1"/>
  <c r="C5347" i="2"/>
  <c r="D5347" i="2"/>
  <c r="A5349" i="2" l="1"/>
  <c r="C5348" i="2"/>
  <c r="D5348" i="2"/>
  <c r="A5350" i="2" l="1"/>
  <c r="C5349" i="2"/>
  <c r="D5349" i="2"/>
  <c r="A5351" i="2" l="1"/>
  <c r="C5350" i="2"/>
  <c r="D5350" i="2"/>
  <c r="A5352" i="2" l="1"/>
  <c r="C5351" i="2"/>
  <c r="D5351" i="2"/>
  <c r="A5353" i="2" l="1"/>
  <c r="C5352" i="2"/>
  <c r="D5352" i="2"/>
  <c r="A5354" i="2" l="1"/>
  <c r="C5353" i="2"/>
  <c r="D5353" i="2"/>
  <c r="A5355" i="2" l="1"/>
  <c r="C5354" i="2"/>
  <c r="D5354" i="2"/>
  <c r="A5356" i="2" l="1"/>
  <c r="C5355" i="2"/>
  <c r="D5355" i="2"/>
  <c r="A5357" i="2" l="1"/>
  <c r="C5356" i="2"/>
  <c r="D5356" i="2"/>
  <c r="A5358" i="2" l="1"/>
  <c r="C5357" i="2"/>
  <c r="D5357" i="2"/>
  <c r="A5359" i="2" l="1"/>
  <c r="C5358" i="2"/>
  <c r="D5358" i="2"/>
  <c r="A5360" i="2" l="1"/>
  <c r="C5359" i="2"/>
  <c r="D5359" i="2"/>
  <c r="A5361" i="2" l="1"/>
  <c r="C5360" i="2"/>
  <c r="D5360" i="2"/>
  <c r="A5362" i="2" l="1"/>
  <c r="C5361" i="2"/>
  <c r="D5361" i="2"/>
  <c r="A5363" i="2" l="1"/>
  <c r="C5362" i="2"/>
  <c r="D5362" i="2"/>
  <c r="A5364" i="2" l="1"/>
  <c r="C5363" i="2"/>
  <c r="D5363" i="2"/>
  <c r="A5365" i="2" l="1"/>
  <c r="C5364" i="2"/>
  <c r="D5364" i="2"/>
  <c r="A5366" i="2" l="1"/>
  <c r="C5365" i="2"/>
  <c r="D5365" i="2"/>
  <c r="A5367" i="2" l="1"/>
  <c r="C5366" i="2"/>
  <c r="D5366" i="2"/>
  <c r="A5368" i="2" l="1"/>
  <c r="C5367" i="2"/>
  <c r="D5367" i="2"/>
  <c r="A5369" i="2" l="1"/>
  <c r="C5368" i="2"/>
  <c r="D5368" i="2"/>
  <c r="A5370" i="2" l="1"/>
  <c r="C5369" i="2"/>
  <c r="D5369" i="2"/>
  <c r="A5371" i="2" l="1"/>
  <c r="C5370" i="2"/>
  <c r="D5370" i="2"/>
  <c r="A5372" i="2" l="1"/>
  <c r="C5371" i="2"/>
  <c r="D5371" i="2"/>
  <c r="A5373" i="2" l="1"/>
  <c r="C5372" i="2"/>
  <c r="D5372" i="2"/>
  <c r="A5374" i="2" l="1"/>
  <c r="C5373" i="2"/>
  <c r="D5373" i="2"/>
  <c r="A5375" i="2" l="1"/>
  <c r="C5374" i="2"/>
  <c r="D5374" i="2"/>
  <c r="A5376" i="2" l="1"/>
  <c r="C5375" i="2"/>
  <c r="D5375" i="2"/>
  <c r="A5377" i="2" l="1"/>
  <c r="C5376" i="2"/>
  <c r="D5376" i="2"/>
  <c r="A5378" i="2" l="1"/>
  <c r="C5377" i="2"/>
  <c r="D5377" i="2"/>
  <c r="A5379" i="2" l="1"/>
  <c r="C5378" i="2"/>
  <c r="D5378" i="2"/>
  <c r="A5380" i="2" l="1"/>
  <c r="C5379" i="2"/>
  <c r="D5379" i="2"/>
  <c r="A5381" i="2" l="1"/>
  <c r="C5380" i="2"/>
  <c r="D5380" i="2"/>
  <c r="A5382" i="2" l="1"/>
  <c r="C5381" i="2"/>
  <c r="D5381" i="2"/>
  <c r="A5383" i="2" l="1"/>
  <c r="C5382" i="2"/>
  <c r="D5382" i="2"/>
  <c r="A5384" i="2" l="1"/>
  <c r="C5383" i="2"/>
  <c r="D5383" i="2"/>
  <c r="A5385" i="2" l="1"/>
  <c r="C5384" i="2"/>
  <c r="D5384" i="2"/>
  <c r="A5386" i="2" l="1"/>
  <c r="C5385" i="2"/>
  <c r="D5385" i="2"/>
  <c r="A5387" i="2" l="1"/>
  <c r="C5386" i="2"/>
  <c r="D5386" i="2"/>
  <c r="A5388" i="2" l="1"/>
  <c r="C5387" i="2"/>
  <c r="D5387" i="2"/>
  <c r="A5389" i="2" l="1"/>
  <c r="C5388" i="2"/>
  <c r="D5388" i="2"/>
  <c r="A5390" i="2" l="1"/>
  <c r="C5389" i="2"/>
  <c r="D5389" i="2"/>
  <c r="A5391" i="2" l="1"/>
  <c r="C5390" i="2"/>
  <c r="D5390" i="2"/>
  <c r="A5392" i="2" l="1"/>
  <c r="C5391" i="2"/>
  <c r="D5391" i="2"/>
  <c r="A5393" i="2" l="1"/>
  <c r="C5392" i="2"/>
  <c r="D5392" i="2"/>
  <c r="A5394" i="2" l="1"/>
  <c r="C5393" i="2"/>
  <c r="D5393" i="2"/>
  <c r="A5395" i="2" l="1"/>
  <c r="C5394" i="2"/>
  <c r="D5394" i="2"/>
  <c r="A5396" i="2" l="1"/>
  <c r="C5395" i="2"/>
  <c r="D5395" i="2"/>
  <c r="A5397" i="2" l="1"/>
  <c r="C5396" i="2"/>
  <c r="D5396" i="2"/>
  <c r="A5398" i="2" l="1"/>
  <c r="C5397" i="2"/>
  <c r="D5397" i="2"/>
  <c r="A5399" i="2" l="1"/>
  <c r="C5398" i="2"/>
  <c r="D5398" i="2"/>
  <c r="A5400" i="2" l="1"/>
  <c r="C5399" i="2"/>
  <c r="D5399" i="2"/>
  <c r="A5401" i="2" l="1"/>
  <c r="C5400" i="2"/>
  <c r="D5400" i="2"/>
  <c r="A5402" i="2" l="1"/>
  <c r="C5401" i="2"/>
  <c r="D5401" i="2"/>
  <c r="A5403" i="2" l="1"/>
  <c r="C5402" i="2"/>
  <c r="D5402" i="2"/>
  <c r="A5404" i="2" l="1"/>
  <c r="C5403" i="2"/>
  <c r="D5403" i="2"/>
  <c r="A5405" i="2" l="1"/>
  <c r="C5404" i="2"/>
  <c r="D5404" i="2"/>
  <c r="A5406" i="2" l="1"/>
  <c r="C5405" i="2"/>
  <c r="D5405" i="2"/>
  <c r="A5407" i="2" l="1"/>
  <c r="C5406" i="2"/>
  <c r="D5406" i="2"/>
  <c r="A5408" i="2" l="1"/>
  <c r="C5407" i="2"/>
  <c r="D5407" i="2"/>
  <c r="A5409" i="2" l="1"/>
  <c r="C5408" i="2"/>
  <c r="D5408" i="2"/>
  <c r="A5410" i="2" l="1"/>
  <c r="C5409" i="2"/>
  <c r="D5409" i="2"/>
  <c r="A5411" i="2" l="1"/>
  <c r="C5410" i="2"/>
  <c r="D5410" i="2"/>
  <c r="A5412" i="2" l="1"/>
  <c r="C5411" i="2"/>
  <c r="D5411" i="2"/>
  <c r="A5413" i="2" l="1"/>
  <c r="C5412" i="2"/>
  <c r="D5412" i="2"/>
  <c r="A5414" i="2" l="1"/>
  <c r="C5413" i="2"/>
  <c r="D5413" i="2"/>
  <c r="A5415" i="2" l="1"/>
  <c r="C5414" i="2"/>
  <c r="D5414" i="2"/>
  <c r="A5416" i="2" l="1"/>
  <c r="C5415" i="2"/>
  <c r="D5415" i="2"/>
  <c r="A5417" i="2" l="1"/>
  <c r="C5416" i="2"/>
  <c r="D5416" i="2"/>
  <c r="A5418" i="2" l="1"/>
  <c r="C5417" i="2"/>
  <c r="D5417" i="2"/>
  <c r="A5419" i="2" l="1"/>
  <c r="C5418" i="2"/>
  <c r="D5418" i="2"/>
  <c r="A5420" i="2" l="1"/>
  <c r="C5419" i="2"/>
  <c r="D5419" i="2"/>
  <c r="A5421" i="2" l="1"/>
  <c r="C5420" i="2"/>
  <c r="D5420" i="2"/>
  <c r="A5422" i="2" l="1"/>
  <c r="C5421" i="2"/>
  <c r="D5421" i="2"/>
  <c r="A5423" i="2" l="1"/>
  <c r="C5422" i="2"/>
  <c r="D5422" i="2"/>
  <c r="A5424" i="2" l="1"/>
  <c r="C5423" i="2"/>
  <c r="D5423" i="2"/>
  <c r="A5425" i="2" l="1"/>
  <c r="C5424" i="2"/>
  <c r="D5424" i="2"/>
  <c r="A5426" i="2" l="1"/>
  <c r="C5425" i="2"/>
  <c r="D5425" i="2"/>
  <c r="A5427" i="2" l="1"/>
  <c r="C5426" i="2"/>
  <c r="D5426" i="2"/>
  <c r="A5428" i="2" l="1"/>
  <c r="C5427" i="2"/>
  <c r="D5427" i="2"/>
  <c r="A5429" i="2" l="1"/>
  <c r="C5428" i="2"/>
  <c r="D5428" i="2"/>
  <c r="A5430" i="2" l="1"/>
  <c r="C5429" i="2"/>
  <c r="D5429" i="2"/>
  <c r="A5431" i="2" l="1"/>
  <c r="C5430" i="2"/>
  <c r="D5430" i="2"/>
  <c r="A5432" i="2" l="1"/>
  <c r="C5431" i="2"/>
  <c r="D5431" i="2"/>
  <c r="A5433" i="2" l="1"/>
  <c r="C5432" i="2"/>
  <c r="D5432" i="2"/>
  <c r="A5434" i="2" l="1"/>
  <c r="C5433" i="2"/>
  <c r="D5433" i="2"/>
  <c r="A5435" i="2" l="1"/>
  <c r="C5434" i="2"/>
  <c r="D5434" i="2"/>
  <c r="A5436" i="2" l="1"/>
  <c r="C5435" i="2"/>
  <c r="D5435" i="2"/>
  <c r="A5437" i="2" l="1"/>
  <c r="C5436" i="2"/>
  <c r="D5436" i="2"/>
  <c r="A5438" i="2" l="1"/>
  <c r="C5437" i="2"/>
  <c r="D5437" i="2"/>
  <c r="A5439" i="2" l="1"/>
  <c r="C5438" i="2"/>
  <c r="D5438" i="2"/>
  <c r="A5440" i="2" l="1"/>
  <c r="C5439" i="2"/>
  <c r="D5439" i="2"/>
  <c r="A5441" i="2" l="1"/>
  <c r="C5440" i="2"/>
  <c r="D5440" i="2"/>
  <c r="A5442" i="2" l="1"/>
  <c r="C5441" i="2"/>
  <c r="D5441" i="2"/>
  <c r="A5443" i="2" l="1"/>
  <c r="C5442" i="2"/>
  <c r="D5442" i="2"/>
  <c r="A5444" i="2" l="1"/>
  <c r="C5443" i="2"/>
  <c r="D5443" i="2"/>
  <c r="A5445" i="2" l="1"/>
  <c r="C5444" i="2"/>
  <c r="D5444" i="2"/>
  <c r="A5446" i="2" l="1"/>
  <c r="C5445" i="2"/>
  <c r="D5445" i="2"/>
  <c r="A5447" i="2" l="1"/>
  <c r="C5446" i="2"/>
  <c r="D5446" i="2"/>
  <c r="A5448" i="2" l="1"/>
  <c r="C5447" i="2"/>
  <c r="D5447" i="2"/>
  <c r="A5449" i="2" l="1"/>
  <c r="C5448" i="2"/>
  <c r="D5448" i="2"/>
  <c r="A5450" i="2" l="1"/>
  <c r="C5449" i="2"/>
  <c r="D5449" i="2"/>
  <c r="A5451" i="2" l="1"/>
  <c r="C5450" i="2"/>
  <c r="D5450" i="2"/>
  <c r="A5452" i="2" l="1"/>
  <c r="C5451" i="2"/>
  <c r="D5451" i="2"/>
  <c r="A5453" i="2" l="1"/>
  <c r="C5452" i="2"/>
  <c r="D5452" i="2"/>
  <c r="A5454" i="2" l="1"/>
  <c r="C5453" i="2"/>
  <c r="D5453" i="2"/>
  <c r="A5455" i="2" l="1"/>
  <c r="C5454" i="2"/>
  <c r="D5454" i="2"/>
  <c r="A5456" i="2" l="1"/>
  <c r="C5455" i="2"/>
  <c r="D5455" i="2"/>
  <c r="A5457" i="2" l="1"/>
  <c r="C5456" i="2"/>
  <c r="D5456" i="2"/>
  <c r="A5458" i="2" l="1"/>
  <c r="C5457" i="2"/>
  <c r="D5457" i="2"/>
  <c r="A5459" i="2" l="1"/>
  <c r="C5458" i="2"/>
  <c r="D5458" i="2"/>
  <c r="A5460" i="2" l="1"/>
  <c r="C5459" i="2"/>
  <c r="D5459" i="2"/>
  <c r="A5461" i="2" l="1"/>
  <c r="C5460" i="2"/>
  <c r="D5460" i="2"/>
  <c r="A5462" i="2" l="1"/>
  <c r="C5461" i="2"/>
  <c r="D5461" i="2"/>
  <c r="A5463" i="2" l="1"/>
  <c r="C5462" i="2"/>
  <c r="D5462" i="2"/>
  <c r="A5464" i="2" l="1"/>
  <c r="C5463" i="2"/>
  <c r="D5463" i="2"/>
  <c r="A5465" i="2" l="1"/>
  <c r="C5464" i="2"/>
  <c r="D5464" i="2"/>
  <c r="A5466" i="2" l="1"/>
  <c r="C5465" i="2"/>
  <c r="D5465" i="2"/>
  <c r="A5467" i="2" l="1"/>
  <c r="C5466" i="2"/>
  <c r="D5466" i="2"/>
  <c r="A5468" i="2" l="1"/>
  <c r="C5467" i="2"/>
  <c r="D5467" i="2"/>
  <c r="A5469" i="2" l="1"/>
  <c r="C5468" i="2"/>
  <c r="D5468" i="2"/>
  <c r="A5470" i="2" l="1"/>
  <c r="C5469" i="2"/>
  <c r="D5469" i="2"/>
  <c r="A5471" i="2" l="1"/>
  <c r="C5470" i="2"/>
  <c r="D5470" i="2"/>
  <c r="A5472" i="2" l="1"/>
  <c r="C5471" i="2"/>
  <c r="D5471" i="2"/>
  <c r="A5473" i="2" l="1"/>
  <c r="C5472" i="2"/>
  <c r="D5472" i="2"/>
  <c r="A5474" i="2" l="1"/>
  <c r="C5473" i="2"/>
  <c r="D5473" i="2"/>
  <c r="A5475" i="2" l="1"/>
  <c r="C5474" i="2"/>
  <c r="D5474" i="2"/>
  <c r="A5476" i="2" l="1"/>
  <c r="C5475" i="2"/>
  <c r="D5475" i="2"/>
  <c r="A5477" i="2" l="1"/>
  <c r="C5476" i="2"/>
  <c r="D5476" i="2"/>
  <c r="A5478" i="2" l="1"/>
  <c r="C5477" i="2"/>
  <c r="D5477" i="2"/>
  <c r="A5479" i="2" l="1"/>
  <c r="C5478" i="2"/>
  <c r="D5478" i="2"/>
  <c r="A5480" i="2" l="1"/>
  <c r="C5479" i="2"/>
  <c r="D5479" i="2"/>
  <c r="A5481" i="2" l="1"/>
  <c r="C5480" i="2"/>
  <c r="D5480" i="2"/>
  <c r="A5482" i="2" l="1"/>
  <c r="C5481" i="2"/>
  <c r="D5481" i="2"/>
  <c r="A5483" i="2" l="1"/>
  <c r="C5482" i="2"/>
  <c r="D5482" i="2"/>
  <c r="A5484" i="2" l="1"/>
  <c r="C5483" i="2"/>
  <c r="D5483" i="2"/>
  <c r="A5485" i="2" l="1"/>
  <c r="C5484" i="2"/>
  <c r="D5484" i="2"/>
  <c r="A5486" i="2" l="1"/>
  <c r="C5485" i="2"/>
  <c r="D5485" i="2"/>
  <c r="A5487" i="2" l="1"/>
  <c r="C5486" i="2"/>
  <c r="D5486" i="2"/>
  <c r="A5488" i="2" l="1"/>
  <c r="C5487" i="2"/>
  <c r="D5487" i="2"/>
  <c r="A5489" i="2" l="1"/>
  <c r="C5488" i="2"/>
  <c r="D5488" i="2"/>
  <c r="A5490" i="2" l="1"/>
  <c r="C5489" i="2"/>
  <c r="D5489" i="2"/>
  <c r="A5491" i="2" l="1"/>
  <c r="C5490" i="2"/>
  <c r="D5490" i="2"/>
  <c r="A5492" i="2" l="1"/>
  <c r="C5491" i="2"/>
  <c r="D5491" i="2"/>
  <c r="A5493" i="2" l="1"/>
  <c r="C5492" i="2"/>
  <c r="D5492" i="2"/>
  <c r="A5494" i="2" l="1"/>
  <c r="C5493" i="2"/>
  <c r="D5493" i="2"/>
  <c r="A5495" i="2" l="1"/>
  <c r="C5494" i="2"/>
  <c r="D5494" i="2"/>
  <c r="A5496" i="2" l="1"/>
  <c r="C5495" i="2"/>
  <c r="D5495" i="2"/>
  <c r="A5497" i="2" l="1"/>
  <c r="C5496" i="2"/>
  <c r="D5496" i="2"/>
  <c r="A5498" i="2" l="1"/>
  <c r="C5497" i="2"/>
  <c r="D5497" i="2"/>
  <c r="A5499" i="2" l="1"/>
  <c r="C5498" i="2"/>
  <c r="D5498" i="2"/>
  <c r="A5500" i="2" l="1"/>
  <c r="C5499" i="2"/>
  <c r="D5499" i="2"/>
  <c r="A5501" i="2" l="1"/>
  <c r="C5500" i="2"/>
  <c r="D5500" i="2"/>
  <c r="A5502" i="2" l="1"/>
  <c r="C5501" i="2"/>
  <c r="D5501" i="2"/>
  <c r="A5503" i="2" l="1"/>
  <c r="C5502" i="2"/>
  <c r="D5502" i="2"/>
  <c r="A5504" i="2" l="1"/>
  <c r="C5503" i="2"/>
  <c r="D5503" i="2"/>
  <c r="A5505" i="2" l="1"/>
  <c r="C5504" i="2"/>
  <c r="D5504" i="2"/>
  <c r="A5506" i="2" l="1"/>
  <c r="C5505" i="2"/>
  <c r="D5505" i="2"/>
  <c r="A5507" i="2" l="1"/>
  <c r="C5506" i="2"/>
  <c r="D5506" i="2"/>
  <c r="A5508" i="2" l="1"/>
  <c r="C5507" i="2"/>
  <c r="D5507" i="2"/>
  <c r="A5509" i="2" l="1"/>
  <c r="C5508" i="2"/>
  <c r="D5508" i="2"/>
  <c r="A5510" i="2" l="1"/>
  <c r="C5509" i="2"/>
  <c r="D5509" i="2"/>
  <c r="A5511" i="2" l="1"/>
  <c r="C5510" i="2"/>
  <c r="D5510" i="2"/>
  <c r="A5512" i="2" l="1"/>
  <c r="C5511" i="2"/>
  <c r="D5511" i="2"/>
  <c r="A5513" i="2" l="1"/>
  <c r="C5512" i="2"/>
  <c r="D5512" i="2"/>
  <c r="A5514" i="2" l="1"/>
  <c r="C5513" i="2"/>
  <c r="D5513" i="2"/>
  <c r="A5515" i="2" l="1"/>
  <c r="C5514" i="2"/>
  <c r="D5514" i="2"/>
  <c r="A5516" i="2" l="1"/>
  <c r="C5515" i="2"/>
  <c r="D5515" i="2"/>
  <c r="A5517" i="2" l="1"/>
  <c r="C5516" i="2"/>
  <c r="D5516" i="2"/>
  <c r="A5518" i="2" l="1"/>
  <c r="C5517" i="2"/>
  <c r="D5517" i="2"/>
  <c r="A5519" i="2" l="1"/>
  <c r="C5518" i="2"/>
  <c r="D5518" i="2"/>
  <c r="A5520" i="2" l="1"/>
  <c r="C5519" i="2"/>
  <c r="D5519" i="2"/>
  <c r="A5521" i="2" l="1"/>
  <c r="C5520" i="2"/>
  <c r="D5520" i="2"/>
  <c r="A5522" i="2" l="1"/>
  <c r="C5521" i="2"/>
  <c r="D5521" i="2"/>
  <c r="A5523" i="2" l="1"/>
  <c r="C5522" i="2"/>
  <c r="D5522" i="2"/>
  <c r="A5524" i="2" l="1"/>
  <c r="C5523" i="2"/>
  <c r="D5523" i="2"/>
  <c r="A5525" i="2" l="1"/>
  <c r="C5524" i="2"/>
  <c r="D5524" i="2"/>
  <c r="A5526" i="2" l="1"/>
  <c r="C5525" i="2"/>
  <c r="D5525" i="2"/>
  <c r="A5527" i="2" l="1"/>
  <c r="C5526" i="2"/>
  <c r="D5526" i="2"/>
  <c r="A5528" i="2" l="1"/>
  <c r="C5527" i="2"/>
  <c r="D5527" i="2"/>
  <c r="A5529" i="2" l="1"/>
  <c r="C5528" i="2"/>
  <c r="D5528" i="2"/>
  <c r="A5530" i="2" l="1"/>
  <c r="C5529" i="2"/>
  <c r="D5529" i="2"/>
  <c r="A5531" i="2" l="1"/>
  <c r="C5530" i="2"/>
  <c r="D5530" i="2"/>
  <c r="A5532" i="2" l="1"/>
  <c r="C5531" i="2"/>
  <c r="D5531" i="2"/>
  <c r="A5533" i="2" l="1"/>
  <c r="C5532" i="2"/>
  <c r="D5532" i="2"/>
  <c r="A5534" i="2" l="1"/>
  <c r="C5533" i="2"/>
  <c r="D5533" i="2"/>
  <c r="A5535" i="2" l="1"/>
  <c r="C5534" i="2"/>
  <c r="D5534" i="2"/>
  <c r="A5536" i="2" l="1"/>
  <c r="C5535" i="2"/>
  <c r="D5535" i="2"/>
  <c r="A5537" i="2" l="1"/>
  <c r="C5536" i="2"/>
  <c r="D5536" i="2"/>
  <c r="A5538" i="2" l="1"/>
  <c r="C5537" i="2"/>
  <c r="D5537" i="2"/>
  <c r="A5539" i="2" l="1"/>
  <c r="C5538" i="2"/>
  <c r="D5538" i="2"/>
  <c r="A5540" i="2" l="1"/>
  <c r="C5539" i="2"/>
  <c r="D5539" i="2"/>
  <c r="A5541" i="2" l="1"/>
  <c r="C5540" i="2"/>
  <c r="D5540" i="2"/>
  <c r="A5542" i="2" l="1"/>
  <c r="C5541" i="2"/>
  <c r="D5541" i="2"/>
  <c r="A5543" i="2" l="1"/>
  <c r="C5542" i="2"/>
  <c r="D5542" i="2"/>
  <c r="A5544" i="2" l="1"/>
  <c r="C5543" i="2"/>
  <c r="D5543" i="2"/>
  <c r="A5545" i="2" l="1"/>
  <c r="C5544" i="2"/>
  <c r="D5544" i="2"/>
  <c r="A5546" i="2" l="1"/>
  <c r="C5545" i="2"/>
  <c r="D5545" i="2"/>
  <c r="A5547" i="2" l="1"/>
  <c r="C5546" i="2"/>
  <c r="D5546" i="2"/>
  <c r="A5548" i="2" l="1"/>
  <c r="C5547" i="2"/>
  <c r="D5547" i="2"/>
  <c r="A5549" i="2" l="1"/>
  <c r="C5548" i="2"/>
  <c r="D5548" i="2"/>
  <c r="A5550" i="2" l="1"/>
  <c r="C5549" i="2"/>
  <c r="D5549" i="2"/>
  <c r="A5551" i="2" l="1"/>
  <c r="C5550" i="2"/>
  <c r="D5550" i="2"/>
  <c r="A5552" i="2" l="1"/>
  <c r="C5551" i="2"/>
  <c r="D5551" i="2"/>
  <c r="A5553" i="2" l="1"/>
  <c r="C5552" i="2"/>
  <c r="D5552" i="2"/>
  <c r="A5554" i="2" l="1"/>
  <c r="C5553" i="2"/>
  <c r="D5553" i="2"/>
  <c r="A5555" i="2" l="1"/>
  <c r="C5554" i="2"/>
  <c r="D5554" i="2"/>
  <c r="A5556" i="2" l="1"/>
  <c r="C5555" i="2"/>
  <c r="D5555" i="2"/>
  <c r="A5557" i="2" l="1"/>
  <c r="C5556" i="2"/>
  <c r="D5556" i="2"/>
  <c r="A5558" i="2" l="1"/>
  <c r="C5557" i="2"/>
  <c r="D5557" i="2"/>
  <c r="A5559" i="2" l="1"/>
  <c r="C5558" i="2"/>
  <c r="D5558" i="2"/>
  <c r="A5560" i="2" l="1"/>
  <c r="C5559" i="2"/>
  <c r="D5559" i="2"/>
  <c r="A5561" i="2" l="1"/>
  <c r="C5560" i="2"/>
  <c r="D5560" i="2"/>
  <c r="A5562" i="2" l="1"/>
  <c r="C5561" i="2"/>
  <c r="D5561" i="2"/>
  <c r="A5563" i="2" l="1"/>
  <c r="C5562" i="2"/>
  <c r="D5562" i="2"/>
  <c r="A5564" i="2" l="1"/>
  <c r="C5563" i="2"/>
  <c r="D5563" i="2"/>
  <c r="A5565" i="2" l="1"/>
  <c r="C5564" i="2"/>
  <c r="D5564" i="2"/>
  <c r="A5566" i="2" l="1"/>
  <c r="C5565" i="2"/>
  <c r="D5565" i="2"/>
  <c r="A5567" i="2" l="1"/>
  <c r="C5566" i="2"/>
  <c r="D5566" i="2"/>
  <c r="A5568" i="2" l="1"/>
  <c r="C5567" i="2"/>
  <c r="D5567" i="2"/>
  <c r="A5569" i="2" l="1"/>
  <c r="C5568" i="2"/>
  <c r="D5568" i="2"/>
  <c r="A5570" i="2" l="1"/>
  <c r="C5569" i="2"/>
  <c r="D5569" i="2"/>
  <c r="A5571" i="2" l="1"/>
  <c r="C5570" i="2"/>
  <c r="D5570" i="2"/>
  <c r="A5572" i="2" l="1"/>
  <c r="C5571" i="2"/>
  <c r="D5571" i="2"/>
  <c r="A5573" i="2" l="1"/>
  <c r="C5572" i="2"/>
  <c r="D5572" i="2"/>
  <c r="A5574" i="2" l="1"/>
  <c r="C5573" i="2"/>
  <c r="D5573" i="2"/>
  <c r="A5575" i="2" l="1"/>
  <c r="C5574" i="2"/>
  <c r="D5574" i="2"/>
  <c r="A5576" i="2" l="1"/>
  <c r="C5575" i="2"/>
  <c r="D5575" i="2"/>
  <c r="A5577" i="2" l="1"/>
  <c r="C5576" i="2"/>
  <c r="D5576" i="2"/>
  <c r="A5578" i="2" l="1"/>
  <c r="C5577" i="2"/>
  <c r="D5577" i="2"/>
  <c r="A5579" i="2" l="1"/>
  <c r="C5578" i="2"/>
  <c r="D5578" i="2"/>
  <c r="A5580" i="2" l="1"/>
  <c r="C5579" i="2"/>
  <c r="D5579" i="2"/>
  <c r="A5581" i="2" l="1"/>
  <c r="C5580" i="2"/>
  <c r="D5580" i="2"/>
  <c r="A5582" i="2" l="1"/>
  <c r="C5581" i="2"/>
  <c r="D5581" i="2"/>
  <c r="A5583" i="2" l="1"/>
  <c r="C5582" i="2"/>
  <c r="D5582" i="2"/>
  <c r="A5584" i="2" l="1"/>
  <c r="C5583" i="2"/>
  <c r="D5583" i="2"/>
  <c r="A5585" i="2" l="1"/>
  <c r="C5584" i="2"/>
  <c r="D5584" i="2"/>
  <c r="A5586" i="2" l="1"/>
  <c r="C5585" i="2"/>
  <c r="D5585" i="2"/>
  <c r="A5587" i="2" l="1"/>
  <c r="C5586" i="2"/>
  <c r="D5586" i="2"/>
  <c r="A5588" i="2" l="1"/>
  <c r="C5587" i="2"/>
  <c r="D5587" i="2"/>
  <c r="A5589" i="2" l="1"/>
  <c r="C5588" i="2"/>
  <c r="D5588" i="2"/>
  <c r="A5590" i="2" l="1"/>
  <c r="C5589" i="2"/>
  <c r="D5589" i="2"/>
  <c r="A5591" i="2" l="1"/>
  <c r="C5590" i="2"/>
  <c r="D5590" i="2"/>
  <c r="A5592" i="2" l="1"/>
  <c r="C5591" i="2"/>
  <c r="D5591" i="2"/>
  <c r="A5593" i="2" l="1"/>
  <c r="C5592" i="2"/>
  <c r="D5592" i="2"/>
  <c r="A5594" i="2" l="1"/>
  <c r="C5593" i="2"/>
  <c r="D5593" i="2"/>
  <c r="A5595" i="2" l="1"/>
  <c r="C5594" i="2"/>
  <c r="D5594" i="2"/>
  <c r="A5596" i="2" l="1"/>
  <c r="C5595" i="2"/>
  <c r="D5595" i="2"/>
  <c r="A5597" i="2" l="1"/>
  <c r="C5596" i="2"/>
  <c r="D5596" i="2"/>
  <c r="A5598" i="2" l="1"/>
  <c r="C5597" i="2"/>
  <c r="D5597" i="2"/>
  <c r="A5599" i="2" l="1"/>
  <c r="C5598" i="2"/>
  <c r="D5598" i="2"/>
  <c r="A5600" i="2" l="1"/>
  <c r="C5599" i="2"/>
  <c r="D5599" i="2"/>
  <c r="A5601" i="2" l="1"/>
  <c r="C5600" i="2"/>
  <c r="D5600" i="2"/>
  <c r="A5602" i="2" l="1"/>
  <c r="C5601" i="2"/>
  <c r="D5601" i="2"/>
  <c r="A5603" i="2" l="1"/>
  <c r="C5602" i="2"/>
  <c r="D5602" i="2"/>
  <c r="A5604" i="2" l="1"/>
  <c r="C5603" i="2"/>
  <c r="D5603" i="2"/>
  <c r="A5605" i="2" l="1"/>
  <c r="C5604" i="2"/>
  <c r="D5604" i="2"/>
  <c r="A5606" i="2" l="1"/>
  <c r="C5605" i="2"/>
  <c r="D5605" i="2"/>
  <c r="A5607" i="2" l="1"/>
  <c r="C5606" i="2"/>
  <c r="D5606" i="2"/>
  <c r="A5608" i="2" l="1"/>
  <c r="C5607" i="2"/>
  <c r="D5607" i="2"/>
  <c r="A5609" i="2" l="1"/>
  <c r="C5608" i="2"/>
  <c r="D5608" i="2"/>
  <c r="A5610" i="2" l="1"/>
  <c r="C5609" i="2"/>
  <c r="D5609" i="2"/>
  <c r="A5611" i="2" l="1"/>
  <c r="C5610" i="2"/>
  <c r="D5610" i="2"/>
  <c r="A5612" i="2" l="1"/>
  <c r="C5611" i="2"/>
  <c r="D5611" i="2"/>
  <c r="A5613" i="2" l="1"/>
  <c r="C5612" i="2"/>
  <c r="D5612" i="2"/>
  <c r="A5614" i="2" l="1"/>
  <c r="C5613" i="2"/>
  <c r="D5613" i="2"/>
  <c r="A5615" i="2" l="1"/>
  <c r="C5614" i="2"/>
  <c r="D5614" i="2"/>
  <c r="A5616" i="2" l="1"/>
  <c r="C5615" i="2"/>
  <c r="D5615" i="2"/>
  <c r="A5617" i="2" l="1"/>
  <c r="C5616" i="2"/>
  <c r="D5616" i="2"/>
  <c r="A5618" i="2" l="1"/>
  <c r="C5617" i="2"/>
  <c r="D5617" i="2"/>
  <c r="A5619" i="2" l="1"/>
  <c r="C5618" i="2"/>
  <c r="D5618" i="2"/>
  <c r="A5620" i="2" l="1"/>
  <c r="C5619" i="2"/>
  <c r="D5619" i="2"/>
  <c r="A5621" i="2" l="1"/>
  <c r="C5620" i="2"/>
  <c r="D5620" i="2"/>
  <c r="A5622" i="2" l="1"/>
  <c r="C5621" i="2"/>
  <c r="D5621" i="2"/>
  <c r="A5623" i="2" l="1"/>
  <c r="C5622" i="2"/>
  <c r="D5622" i="2"/>
  <c r="A5624" i="2" l="1"/>
  <c r="C5623" i="2"/>
  <c r="D5623" i="2"/>
  <c r="A5625" i="2" l="1"/>
  <c r="C5624" i="2"/>
  <c r="D5624" i="2"/>
  <c r="A5626" i="2" l="1"/>
  <c r="C5625" i="2"/>
  <c r="D5625" i="2"/>
  <c r="A5627" i="2" l="1"/>
  <c r="C5626" i="2"/>
  <c r="D5626" i="2"/>
  <c r="A5628" i="2" l="1"/>
  <c r="C5627" i="2"/>
  <c r="D5627" i="2"/>
  <c r="A5629" i="2" l="1"/>
  <c r="C5628" i="2"/>
  <c r="D5628" i="2"/>
  <c r="A5630" i="2" l="1"/>
  <c r="C5629" i="2"/>
  <c r="D5629" i="2"/>
  <c r="A5631" i="2" l="1"/>
  <c r="C5630" i="2"/>
  <c r="D5630" i="2"/>
  <c r="A5632" i="2" l="1"/>
  <c r="C5631" i="2"/>
  <c r="D5631" i="2"/>
  <c r="A5633" i="2" l="1"/>
  <c r="C5632" i="2"/>
  <c r="D5632" i="2"/>
  <c r="A5634" i="2" l="1"/>
  <c r="C5633" i="2"/>
  <c r="D5633" i="2"/>
  <c r="A5635" i="2" l="1"/>
  <c r="C5634" i="2"/>
  <c r="D5634" i="2"/>
  <c r="A5636" i="2" l="1"/>
  <c r="C5635" i="2"/>
  <c r="D5635" i="2"/>
  <c r="A5637" i="2" l="1"/>
  <c r="C5636" i="2"/>
  <c r="D5636" i="2"/>
  <c r="A5638" i="2" l="1"/>
  <c r="C5637" i="2"/>
  <c r="D5637" i="2"/>
  <c r="A5639" i="2" l="1"/>
  <c r="C5638" i="2"/>
  <c r="D5638" i="2"/>
  <c r="A5640" i="2" l="1"/>
  <c r="C5639" i="2"/>
  <c r="D5639" i="2"/>
  <c r="A5641" i="2" l="1"/>
  <c r="C5640" i="2"/>
  <c r="D5640" i="2"/>
  <c r="A5642" i="2" l="1"/>
  <c r="C5641" i="2"/>
  <c r="D5641" i="2"/>
  <c r="A5643" i="2" l="1"/>
  <c r="C5642" i="2"/>
  <c r="D5642" i="2"/>
  <c r="A5644" i="2" l="1"/>
  <c r="C5643" i="2"/>
  <c r="D5643" i="2"/>
  <c r="A5645" i="2" l="1"/>
  <c r="C5644" i="2"/>
  <c r="D5644" i="2"/>
  <c r="A5646" i="2" l="1"/>
  <c r="C5645" i="2"/>
  <c r="D5645" i="2"/>
  <c r="A5647" i="2" l="1"/>
  <c r="C5646" i="2"/>
  <c r="D5646" i="2"/>
  <c r="A5648" i="2" l="1"/>
  <c r="C5647" i="2"/>
  <c r="D5647" i="2"/>
  <c r="A5649" i="2" l="1"/>
  <c r="C5648" i="2"/>
  <c r="D5648" i="2"/>
  <c r="A5650" i="2" l="1"/>
  <c r="C5649" i="2"/>
  <c r="D5649" i="2"/>
  <c r="A5651" i="2" l="1"/>
  <c r="C5650" i="2"/>
  <c r="D5650" i="2"/>
  <c r="A5652" i="2" l="1"/>
  <c r="C5651" i="2"/>
  <c r="D5651" i="2"/>
  <c r="A5653" i="2" l="1"/>
  <c r="C5652" i="2"/>
  <c r="D5652" i="2"/>
  <c r="A5654" i="2" l="1"/>
  <c r="C5653" i="2"/>
  <c r="D5653" i="2"/>
  <c r="A5655" i="2" l="1"/>
  <c r="C5654" i="2"/>
  <c r="D5654" i="2"/>
  <c r="A5656" i="2" l="1"/>
  <c r="C5655" i="2"/>
  <c r="D5655" i="2"/>
  <c r="A5657" i="2" l="1"/>
  <c r="C5656" i="2"/>
  <c r="D5656" i="2"/>
  <c r="A5658" i="2" l="1"/>
  <c r="C5657" i="2"/>
  <c r="D5657" i="2"/>
  <c r="A5659" i="2" l="1"/>
  <c r="C5658" i="2"/>
  <c r="D5658" i="2"/>
  <c r="A5660" i="2" l="1"/>
  <c r="C5659" i="2"/>
  <c r="D5659" i="2"/>
  <c r="A5661" i="2" l="1"/>
  <c r="C5660" i="2"/>
  <c r="D5660" i="2"/>
  <c r="A5662" i="2" l="1"/>
  <c r="C5661" i="2"/>
  <c r="D5661" i="2"/>
  <c r="A5663" i="2" l="1"/>
  <c r="C5662" i="2"/>
  <c r="D5662" i="2"/>
  <c r="A5664" i="2" l="1"/>
  <c r="C5663" i="2"/>
  <c r="D5663" i="2"/>
  <c r="A5665" i="2" l="1"/>
  <c r="C5664" i="2"/>
  <c r="D5664" i="2"/>
  <c r="A5666" i="2" l="1"/>
  <c r="C5665" i="2"/>
  <c r="D5665" i="2"/>
  <c r="A5667" i="2" l="1"/>
  <c r="C5666" i="2"/>
  <c r="D5666" i="2"/>
  <c r="A5668" i="2" l="1"/>
  <c r="C5667" i="2"/>
  <c r="D5667" i="2"/>
  <c r="A5669" i="2" l="1"/>
  <c r="C5668" i="2"/>
  <c r="D5668" i="2"/>
  <c r="A5670" i="2" l="1"/>
  <c r="C5669" i="2"/>
  <c r="D5669" i="2"/>
  <c r="A5671" i="2" l="1"/>
  <c r="C5670" i="2"/>
  <c r="D5670" i="2"/>
  <c r="A5672" i="2" l="1"/>
  <c r="C5671" i="2"/>
  <c r="D5671" i="2"/>
  <c r="A5673" i="2" l="1"/>
  <c r="C5672" i="2"/>
  <c r="D5672" i="2"/>
  <c r="A5674" i="2" l="1"/>
  <c r="C5673" i="2"/>
  <c r="D5673" i="2"/>
  <c r="A5675" i="2" l="1"/>
  <c r="C5674" i="2"/>
  <c r="D5674" i="2"/>
  <c r="A5676" i="2" l="1"/>
  <c r="C5675" i="2"/>
  <c r="D5675" i="2"/>
  <c r="A5677" i="2" l="1"/>
  <c r="C5676" i="2"/>
  <c r="D5676" i="2"/>
  <c r="A5678" i="2" l="1"/>
  <c r="C5677" i="2"/>
  <c r="D5677" i="2"/>
  <c r="A5679" i="2" l="1"/>
  <c r="C5678" i="2"/>
  <c r="D5678" i="2"/>
  <c r="A5680" i="2" l="1"/>
  <c r="C5679" i="2"/>
  <c r="D5679" i="2"/>
  <c r="A5681" i="2" l="1"/>
  <c r="C5680" i="2"/>
  <c r="D5680" i="2"/>
  <c r="A5682" i="2" l="1"/>
  <c r="C5681" i="2"/>
  <c r="D5681" i="2"/>
  <c r="A5683" i="2" l="1"/>
  <c r="C5682" i="2"/>
  <c r="D5682" i="2"/>
  <c r="A5684" i="2" l="1"/>
  <c r="C5683" i="2"/>
  <c r="D5683" i="2"/>
  <c r="A5685" i="2" l="1"/>
  <c r="C5684" i="2"/>
  <c r="D5684" i="2"/>
  <c r="A5686" i="2" l="1"/>
  <c r="C5685" i="2"/>
  <c r="D5685" i="2"/>
  <c r="A5687" i="2" l="1"/>
  <c r="C5686" i="2"/>
  <c r="D5686" i="2"/>
  <c r="A5688" i="2" l="1"/>
  <c r="C5687" i="2"/>
  <c r="D5687" i="2"/>
  <c r="A5689" i="2" l="1"/>
  <c r="C5688" i="2"/>
  <c r="D5688" i="2"/>
  <c r="A5690" i="2" l="1"/>
  <c r="C5689" i="2"/>
  <c r="D5689" i="2"/>
  <c r="A5691" i="2" l="1"/>
  <c r="C5690" i="2"/>
  <c r="D5690" i="2"/>
  <c r="A5692" i="2" l="1"/>
  <c r="C5691" i="2"/>
  <c r="D5691" i="2"/>
  <c r="A5693" i="2" l="1"/>
  <c r="C5692" i="2"/>
  <c r="D5692" i="2"/>
  <c r="A5694" i="2" l="1"/>
  <c r="C5693" i="2"/>
  <c r="D5693" i="2"/>
  <c r="A5695" i="2" l="1"/>
  <c r="C5694" i="2"/>
  <c r="D5694" i="2"/>
  <c r="A5696" i="2" l="1"/>
  <c r="C5695" i="2"/>
  <c r="D5695" i="2"/>
  <c r="A5697" i="2" l="1"/>
  <c r="C5696" i="2"/>
  <c r="D5696" i="2"/>
  <c r="A5698" i="2" l="1"/>
  <c r="C5697" i="2"/>
  <c r="D5697" i="2"/>
  <c r="A5699" i="2" l="1"/>
  <c r="C5698" i="2"/>
  <c r="D5698" i="2"/>
  <c r="A5700" i="2" l="1"/>
  <c r="C5699" i="2"/>
  <c r="D5699" i="2"/>
  <c r="A5701" i="2" l="1"/>
  <c r="C5700" i="2"/>
  <c r="D5700" i="2"/>
  <c r="A5702" i="2" l="1"/>
  <c r="C5701" i="2"/>
  <c r="D5701" i="2"/>
  <c r="A5703" i="2" l="1"/>
  <c r="C5702" i="2"/>
  <c r="D5702" i="2"/>
  <c r="A5704" i="2" l="1"/>
  <c r="C5703" i="2"/>
  <c r="D5703" i="2"/>
  <c r="A5705" i="2" l="1"/>
  <c r="C5704" i="2"/>
  <c r="D5704" i="2"/>
  <c r="A5706" i="2" l="1"/>
  <c r="C5705" i="2"/>
  <c r="D5705" i="2"/>
  <c r="A5707" i="2" l="1"/>
  <c r="C5706" i="2"/>
  <c r="D5706" i="2"/>
  <c r="A5708" i="2" l="1"/>
  <c r="C5707" i="2"/>
  <c r="D5707" i="2"/>
  <c r="A5709" i="2" l="1"/>
  <c r="C5708" i="2"/>
  <c r="D5708" i="2"/>
  <c r="A5710" i="2" l="1"/>
  <c r="C5709" i="2"/>
  <c r="D5709" i="2"/>
  <c r="A5711" i="2" l="1"/>
  <c r="C5710" i="2"/>
  <c r="D5710" i="2"/>
  <c r="A5712" i="2" l="1"/>
  <c r="C5711" i="2"/>
  <c r="D5711" i="2"/>
  <c r="A5713" i="2" l="1"/>
  <c r="C5712" i="2"/>
  <c r="D5712" i="2"/>
  <c r="A5714" i="2" l="1"/>
  <c r="C5713" i="2"/>
  <c r="D5713" i="2"/>
  <c r="A5715" i="2" l="1"/>
  <c r="C5714" i="2"/>
  <c r="D5714" i="2"/>
  <c r="A5716" i="2" l="1"/>
  <c r="C5715" i="2"/>
  <c r="D5715" i="2"/>
  <c r="A5717" i="2" l="1"/>
  <c r="C5716" i="2"/>
  <c r="D5716" i="2"/>
  <c r="A5718" i="2" l="1"/>
  <c r="C5717" i="2"/>
  <c r="D5717" i="2"/>
  <c r="A5719" i="2" l="1"/>
  <c r="C5718" i="2"/>
  <c r="D5718" i="2"/>
  <c r="A5720" i="2" l="1"/>
  <c r="C5719" i="2"/>
  <c r="D5719" i="2"/>
  <c r="A5721" i="2" l="1"/>
  <c r="C5720" i="2"/>
  <c r="D5720" i="2"/>
  <c r="A5722" i="2" l="1"/>
  <c r="C5721" i="2"/>
  <c r="D5721" i="2"/>
  <c r="A5723" i="2" l="1"/>
  <c r="C5722" i="2"/>
  <c r="D5722" i="2"/>
  <c r="A5724" i="2" l="1"/>
  <c r="C5723" i="2"/>
  <c r="D5723" i="2"/>
  <c r="A5725" i="2" l="1"/>
  <c r="C5724" i="2"/>
  <c r="D5724" i="2"/>
  <c r="A5726" i="2" l="1"/>
  <c r="C5725" i="2"/>
  <c r="D5725" i="2"/>
  <c r="A5727" i="2" l="1"/>
  <c r="C5726" i="2"/>
  <c r="D5726" i="2"/>
  <c r="A5728" i="2" l="1"/>
  <c r="C5727" i="2"/>
  <c r="D5727" i="2"/>
  <c r="A5729" i="2" l="1"/>
  <c r="C5728" i="2"/>
  <c r="D5728" i="2"/>
  <c r="A5730" i="2" l="1"/>
  <c r="C5729" i="2"/>
  <c r="D5729" i="2"/>
  <c r="A5731" i="2" l="1"/>
  <c r="C5730" i="2"/>
  <c r="D5730" i="2"/>
  <c r="A5732" i="2" l="1"/>
  <c r="C5731" i="2"/>
  <c r="D5731" i="2"/>
  <c r="A5733" i="2" l="1"/>
  <c r="C5732" i="2"/>
  <c r="D5732" i="2"/>
  <c r="A5734" i="2" l="1"/>
  <c r="C5733" i="2"/>
  <c r="D5733" i="2"/>
  <c r="A5735" i="2" l="1"/>
  <c r="C5734" i="2"/>
  <c r="D5734" i="2"/>
  <c r="A5736" i="2" l="1"/>
  <c r="C5735" i="2"/>
  <c r="D5735" i="2"/>
  <c r="A5737" i="2" l="1"/>
  <c r="C5736" i="2"/>
  <c r="D5736" i="2"/>
  <c r="A5738" i="2" l="1"/>
  <c r="C5737" i="2"/>
  <c r="D5737" i="2"/>
  <c r="A5739" i="2" l="1"/>
  <c r="C5738" i="2"/>
  <c r="D5738" i="2"/>
  <c r="A5740" i="2" l="1"/>
  <c r="C5739" i="2"/>
  <c r="D5739" i="2"/>
  <c r="A5741" i="2" l="1"/>
  <c r="C5740" i="2"/>
  <c r="D5740" i="2"/>
  <c r="A5742" i="2" l="1"/>
  <c r="C5741" i="2"/>
  <c r="D5741" i="2"/>
  <c r="A5743" i="2" l="1"/>
  <c r="C5742" i="2"/>
  <c r="D5742" i="2"/>
  <c r="A5744" i="2" l="1"/>
  <c r="C5743" i="2"/>
  <c r="D5743" i="2"/>
  <c r="A5745" i="2" l="1"/>
  <c r="C5744" i="2"/>
  <c r="D5744" i="2"/>
  <c r="A5746" i="2" l="1"/>
  <c r="C5745" i="2"/>
  <c r="D5745" i="2"/>
  <c r="A5747" i="2" l="1"/>
  <c r="C5746" i="2"/>
  <c r="D5746" i="2"/>
  <c r="A5748" i="2" l="1"/>
  <c r="C5747" i="2"/>
  <c r="D5747" i="2"/>
  <c r="A5749" i="2" l="1"/>
  <c r="C5748" i="2"/>
  <c r="D5748" i="2"/>
  <c r="A5750" i="2" l="1"/>
  <c r="C5749" i="2"/>
  <c r="D5749" i="2"/>
  <c r="A5751" i="2" l="1"/>
  <c r="C5750" i="2"/>
  <c r="D5750" i="2"/>
  <c r="A5752" i="2" l="1"/>
  <c r="C5751" i="2"/>
  <c r="D5751" i="2"/>
  <c r="A5753" i="2" l="1"/>
  <c r="C5752" i="2"/>
  <c r="D5752" i="2"/>
  <c r="A5754" i="2" l="1"/>
  <c r="C5753" i="2"/>
  <c r="D5753" i="2"/>
  <c r="A5755" i="2" l="1"/>
  <c r="C5754" i="2"/>
  <c r="D5754" i="2"/>
  <c r="A5756" i="2" l="1"/>
  <c r="C5755" i="2"/>
  <c r="D5755" i="2"/>
  <c r="A5757" i="2" l="1"/>
  <c r="C5756" i="2"/>
  <c r="D5756" i="2"/>
  <c r="A5758" i="2" l="1"/>
  <c r="C5757" i="2"/>
  <c r="D5757" i="2"/>
  <c r="A5759" i="2" l="1"/>
  <c r="C5758" i="2"/>
  <c r="D5758" i="2"/>
  <c r="A5760" i="2" l="1"/>
  <c r="C5759" i="2"/>
  <c r="D5759" i="2"/>
  <c r="A5761" i="2" l="1"/>
  <c r="C5760" i="2"/>
  <c r="D5760" i="2"/>
  <c r="A5762" i="2" l="1"/>
  <c r="C5761" i="2"/>
  <c r="D5761" i="2"/>
  <c r="A5763" i="2" l="1"/>
  <c r="C5762" i="2"/>
  <c r="D5762" i="2"/>
  <c r="A5764" i="2" l="1"/>
  <c r="C5763" i="2"/>
  <c r="D5763" i="2"/>
  <c r="A5765" i="2" l="1"/>
  <c r="C5764" i="2"/>
  <c r="D5764" i="2"/>
  <c r="A5766" i="2" l="1"/>
  <c r="C5765" i="2"/>
  <c r="D5765" i="2"/>
  <c r="A5767" i="2" l="1"/>
  <c r="C5766" i="2"/>
  <c r="D5766" i="2"/>
  <c r="A5768" i="2" l="1"/>
  <c r="C5767" i="2"/>
  <c r="D5767" i="2"/>
  <c r="A5769" i="2" l="1"/>
  <c r="C5768" i="2"/>
  <c r="D5768" i="2"/>
  <c r="A5770" i="2" l="1"/>
  <c r="C5769" i="2"/>
  <c r="D5769" i="2"/>
  <c r="A5771" i="2" l="1"/>
  <c r="C5770" i="2"/>
  <c r="D5770" i="2"/>
  <c r="A5772" i="2" l="1"/>
  <c r="C5771" i="2"/>
  <c r="D5771" i="2"/>
  <c r="A5773" i="2" l="1"/>
  <c r="C5772" i="2"/>
  <c r="D5772" i="2"/>
  <c r="A5774" i="2" l="1"/>
  <c r="C5773" i="2"/>
  <c r="D5773" i="2"/>
  <c r="A5775" i="2" l="1"/>
  <c r="C5774" i="2"/>
  <c r="D5774" i="2"/>
  <c r="A5776" i="2" l="1"/>
  <c r="C5775" i="2"/>
  <c r="D5775" i="2"/>
  <c r="A5777" i="2" l="1"/>
  <c r="C5776" i="2"/>
  <c r="D5776" i="2"/>
  <c r="A5778" i="2" l="1"/>
  <c r="C5777" i="2"/>
  <c r="D5777" i="2"/>
  <c r="A5779" i="2" l="1"/>
  <c r="C5778" i="2"/>
  <c r="D5778" i="2"/>
  <c r="A5780" i="2" l="1"/>
  <c r="C5779" i="2"/>
  <c r="D5779" i="2"/>
  <c r="A5781" i="2" l="1"/>
  <c r="C5780" i="2"/>
  <c r="D5780" i="2"/>
  <c r="A5782" i="2" l="1"/>
  <c r="C5781" i="2"/>
  <c r="D5781" i="2"/>
  <c r="A5783" i="2" l="1"/>
  <c r="C5782" i="2"/>
  <c r="D5782" i="2"/>
  <c r="A5784" i="2" l="1"/>
  <c r="C5783" i="2"/>
  <c r="D5783" i="2"/>
  <c r="A5785" i="2" l="1"/>
  <c r="C5784" i="2"/>
  <c r="D5784" i="2"/>
  <c r="A5786" i="2" l="1"/>
  <c r="C5785" i="2"/>
  <c r="D5785" i="2"/>
  <c r="A5787" i="2" l="1"/>
  <c r="C5786" i="2"/>
  <c r="D5786" i="2"/>
  <c r="A5788" i="2" l="1"/>
  <c r="C5787" i="2"/>
  <c r="D5787" i="2"/>
  <c r="A5789" i="2" l="1"/>
  <c r="C5788" i="2"/>
  <c r="D5788" i="2"/>
  <c r="A5790" i="2" l="1"/>
  <c r="C5789" i="2"/>
  <c r="D5789" i="2"/>
  <c r="A5791" i="2" l="1"/>
  <c r="C5790" i="2"/>
  <c r="D5790" i="2"/>
  <c r="A5792" i="2" l="1"/>
  <c r="C5791" i="2"/>
  <c r="D5791" i="2"/>
  <c r="A5793" i="2" l="1"/>
  <c r="C5792" i="2"/>
  <c r="D5792" i="2"/>
  <c r="A5794" i="2" l="1"/>
  <c r="C5793" i="2"/>
  <c r="D5793" i="2"/>
  <c r="A5795" i="2" l="1"/>
  <c r="C5794" i="2"/>
  <c r="D5794" i="2"/>
  <c r="A5796" i="2" l="1"/>
  <c r="C5795" i="2"/>
  <c r="D5795" i="2"/>
  <c r="A5797" i="2" l="1"/>
  <c r="C5796" i="2"/>
  <c r="D5796" i="2"/>
  <c r="A5798" i="2" l="1"/>
  <c r="C5797" i="2"/>
  <c r="D5797" i="2"/>
  <c r="A5799" i="2" l="1"/>
  <c r="C5798" i="2"/>
  <c r="D5798" i="2"/>
  <c r="A5800" i="2" l="1"/>
  <c r="C5799" i="2"/>
  <c r="D5799" i="2"/>
  <c r="A5801" i="2" l="1"/>
  <c r="C5800" i="2"/>
  <c r="D5800" i="2"/>
  <c r="A5802" i="2" l="1"/>
  <c r="C5801" i="2"/>
  <c r="D5801" i="2"/>
  <c r="A5803" i="2" l="1"/>
  <c r="C5802" i="2"/>
  <c r="D5802" i="2"/>
  <c r="A5804" i="2" l="1"/>
  <c r="C5803" i="2"/>
  <c r="D5803" i="2"/>
  <c r="A5805" i="2" l="1"/>
  <c r="C5804" i="2"/>
  <c r="D5804" i="2"/>
  <c r="A5806" i="2" l="1"/>
  <c r="C5805" i="2"/>
  <c r="D5805" i="2"/>
  <c r="A5807" i="2" l="1"/>
  <c r="C5806" i="2"/>
  <c r="D5806" i="2"/>
  <c r="A5808" i="2" l="1"/>
  <c r="C5807" i="2"/>
  <c r="D5807" i="2"/>
  <c r="A5809" i="2" l="1"/>
  <c r="C5808" i="2"/>
  <c r="D5808" i="2"/>
  <c r="A5810" i="2" l="1"/>
  <c r="C5809" i="2"/>
  <c r="D5809" i="2"/>
  <c r="A5811" i="2" l="1"/>
  <c r="C5810" i="2"/>
  <c r="D5810" i="2"/>
  <c r="A5812" i="2" l="1"/>
  <c r="C5811" i="2"/>
  <c r="D5811" i="2"/>
  <c r="A5813" i="2" l="1"/>
  <c r="C5812" i="2"/>
  <c r="D5812" i="2"/>
  <c r="A5814" i="2" l="1"/>
  <c r="C5813" i="2"/>
  <c r="D5813" i="2"/>
  <c r="A5815" i="2" l="1"/>
  <c r="C5814" i="2"/>
  <c r="D5814" i="2"/>
  <c r="A5816" i="2" l="1"/>
  <c r="C5815" i="2"/>
  <c r="D5815" i="2"/>
  <c r="A5817" i="2" l="1"/>
  <c r="C5816" i="2"/>
  <c r="D5816" i="2"/>
  <c r="A5818" i="2" l="1"/>
  <c r="C5817" i="2"/>
  <c r="D5817" i="2"/>
  <c r="A5819" i="2" l="1"/>
  <c r="C5818" i="2"/>
  <c r="D5818" i="2"/>
  <c r="A5820" i="2" l="1"/>
  <c r="C5819" i="2"/>
  <c r="D5819" i="2"/>
  <c r="A5821" i="2" l="1"/>
  <c r="C5820" i="2"/>
  <c r="D5820" i="2"/>
  <c r="A5822" i="2" l="1"/>
  <c r="C5821" i="2"/>
  <c r="D5821" i="2"/>
  <c r="A5823" i="2" l="1"/>
  <c r="C5822" i="2"/>
  <c r="D5822" i="2"/>
  <c r="A5824" i="2" l="1"/>
  <c r="C5823" i="2"/>
  <c r="D5823" i="2"/>
  <c r="A5825" i="2" l="1"/>
  <c r="C5824" i="2"/>
  <c r="D5824" i="2"/>
  <c r="A5826" i="2" l="1"/>
  <c r="C5825" i="2"/>
  <c r="D5825" i="2"/>
  <c r="A5827" i="2" l="1"/>
  <c r="C5826" i="2"/>
  <c r="D5826" i="2"/>
  <c r="A5828" i="2" l="1"/>
  <c r="C5827" i="2"/>
  <c r="D5827" i="2"/>
  <c r="A5829" i="2" l="1"/>
  <c r="C5828" i="2"/>
  <c r="D5828" i="2"/>
  <c r="A5830" i="2" l="1"/>
  <c r="C5829" i="2"/>
  <c r="D5829" i="2"/>
  <c r="A5831" i="2" l="1"/>
  <c r="C5830" i="2"/>
  <c r="D5830" i="2"/>
  <c r="A5832" i="2" l="1"/>
  <c r="C5831" i="2"/>
  <c r="D5831" i="2"/>
  <c r="A5833" i="2" l="1"/>
  <c r="C5832" i="2"/>
  <c r="D5832" i="2"/>
  <c r="A5834" i="2" l="1"/>
  <c r="C5833" i="2"/>
  <c r="D5833" i="2"/>
  <c r="A5835" i="2" l="1"/>
  <c r="C5834" i="2"/>
  <c r="D5834" i="2"/>
  <c r="A5836" i="2" l="1"/>
  <c r="C5835" i="2"/>
  <c r="D5835" i="2"/>
  <c r="A5837" i="2" l="1"/>
  <c r="C5836" i="2"/>
  <c r="D5836" i="2"/>
  <c r="A5838" i="2" l="1"/>
  <c r="C5837" i="2"/>
  <c r="D5837" i="2"/>
  <c r="A5839" i="2" l="1"/>
  <c r="C5838" i="2"/>
  <c r="D5838" i="2"/>
  <c r="A5840" i="2" l="1"/>
  <c r="C5839" i="2"/>
  <c r="D5839" i="2"/>
  <c r="A5841" i="2" l="1"/>
  <c r="C5840" i="2"/>
  <c r="D5840" i="2"/>
  <c r="A5842" i="2" l="1"/>
  <c r="C5841" i="2"/>
  <c r="D5841" i="2"/>
  <c r="A5843" i="2" l="1"/>
  <c r="C5842" i="2"/>
  <c r="D5842" i="2"/>
  <c r="A5844" i="2" l="1"/>
  <c r="C5843" i="2"/>
  <c r="D5843" i="2"/>
  <c r="A5845" i="2" l="1"/>
  <c r="C5844" i="2"/>
  <c r="D5844" i="2"/>
  <c r="A5846" i="2" l="1"/>
  <c r="C5845" i="2"/>
  <c r="D5845" i="2"/>
  <c r="A5847" i="2" l="1"/>
  <c r="C5846" i="2"/>
  <c r="D5846" i="2"/>
  <c r="A5848" i="2" l="1"/>
  <c r="C5847" i="2"/>
  <c r="D5847" i="2"/>
  <c r="A5849" i="2" l="1"/>
  <c r="C5848" i="2"/>
  <c r="D5848" i="2"/>
  <c r="A5850" i="2" l="1"/>
  <c r="C5849" i="2"/>
  <c r="D5849" i="2"/>
  <c r="A5851" i="2" l="1"/>
  <c r="C5850" i="2"/>
  <c r="D5850" i="2"/>
  <c r="A5852" i="2" l="1"/>
  <c r="C5851" i="2"/>
  <c r="D5851" i="2"/>
  <c r="A5853" i="2" l="1"/>
  <c r="C5852" i="2"/>
  <c r="D5852" i="2"/>
  <c r="A5854" i="2" l="1"/>
  <c r="C5853" i="2"/>
  <c r="D5853" i="2"/>
  <c r="A5855" i="2" l="1"/>
  <c r="C5854" i="2"/>
  <c r="D5854" i="2"/>
  <c r="A5856" i="2" l="1"/>
  <c r="C5855" i="2"/>
  <c r="D5855" i="2"/>
  <c r="A5857" i="2" l="1"/>
  <c r="C5856" i="2"/>
  <c r="D5856" i="2"/>
  <c r="A5858" i="2" l="1"/>
  <c r="C5857" i="2"/>
  <c r="D5857" i="2"/>
  <c r="A5859" i="2" l="1"/>
  <c r="C5858" i="2"/>
  <c r="D5858" i="2"/>
  <c r="A5860" i="2" l="1"/>
  <c r="C5859" i="2"/>
  <c r="D5859" i="2"/>
  <c r="A5861" i="2" l="1"/>
  <c r="C5860" i="2"/>
  <c r="D5860" i="2"/>
  <c r="A5862" i="2" l="1"/>
  <c r="C5861" i="2"/>
  <c r="D5861" i="2"/>
  <c r="A5863" i="2" l="1"/>
  <c r="C5862" i="2"/>
  <c r="D5862" i="2"/>
  <c r="A5864" i="2" l="1"/>
  <c r="C5863" i="2"/>
  <c r="D5863" i="2"/>
  <c r="A5865" i="2" l="1"/>
  <c r="C5864" i="2"/>
  <c r="D5864" i="2"/>
  <c r="A5866" i="2" l="1"/>
  <c r="C5865" i="2"/>
  <c r="D5865" i="2"/>
  <c r="A5867" i="2" l="1"/>
  <c r="C5866" i="2"/>
  <c r="D5866" i="2"/>
  <c r="A5868" i="2" l="1"/>
  <c r="C5867" i="2"/>
  <c r="D5867" i="2"/>
  <c r="A5869" i="2" l="1"/>
  <c r="C5868" i="2"/>
  <c r="D5868" i="2"/>
  <c r="A5870" i="2" l="1"/>
  <c r="C5869" i="2"/>
  <c r="D5869" i="2"/>
  <c r="A5871" i="2" l="1"/>
  <c r="C5870" i="2"/>
  <c r="D5870" i="2"/>
  <c r="A5872" i="2" l="1"/>
  <c r="C5871" i="2"/>
  <c r="D5871" i="2"/>
  <c r="A5873" i="2" l="1"/>
  <c r="C5872" i="2"/>
  <c r="D5872" i="2"/>
  <c r="A5874" i="2" l="1"/>
  <c r="C5873" i="2"/>
  <c r="D5873" i="2"/>
  <c r="A5875" i="2" l="1"/>
  <c r="C5874" i="2"/>
  <c r="D5874" i="2"/>
  <c r="A5876" i="2" l="1"/>
  <c r="C5875" i="2"/>
  <c r="D5875" i="2"/>
  <c r="A5877" i="2" l="1"/>
  <c r="C5876" i="2"/>
  <c r="D5876" i="2"/>
  <c r="A5878" i="2" l="1"/>
  <c r="C5877" i="2"/>
  <c r="D5877" i="2"/>
  <c r="A5879" i="2" l="1"/>
  <c r="C5878" i="2"/>
  <c r="D5878" i="2"/>
  <c r="A5880" i="2" l="1"/>
  <c r="C5879" i="2"/>
  <c r="D5879" i="2"/>
  <c r="A5881" i="2" l="1"/>
  <c r="C5880" i="2"/>
  <c r="D5880" i="2"/>
  <c r="A5882" i="2" l="1"/>
  <c r="C5881" i="2"/>
  <c r="D5881" i="2"/>
  <c r="A5883" i="2" l="1"/>
  <c r="C5882" i="2"/>
  <c r="D5882" i="2"/>
  <c r="A5884" i="2" l="1"/>
  <c r="C5883" i="2"/>
  <c r="D5883" i="2"/>
  <c r="A5885" i="2" l="1"/>
  <c r="C5884" i="2"/>
  <c r="D5884" i="2"/>
  <c r="A5886" i="2" l="1"/>
  <c r="C5885" i="2"/>
  <c r="D5885" i="2"/>
  <c r="A5887" i="2" l="1"/>
  <c r="C5886" i="2"/>
  <c r="D5886" i="2"/>
  <c r="A5888" i="2" l="1"/>
  <c r="C5887" i="2"/>
  <c r="D5887" i="2"/>
  <c r="A5889" i="2" l="1"/>
  <c r="C5888" i="2"/>
  <c r="D5888" i="2"/>
  <c r="A5890" i="2" l="1"/>
  <c r="C5889" i="2"/>
  <c r="D5889" i="2"/>
  <c r="A5891" i="2" l="1"/>
  <c r="C5890" i="2"/>
  <c r="D5890" i="2"/>
  <c r="A5892" i="2" l="1"/>
  <c r="C5891" i="2"/>
  <c r="D5891" i="2"/>
  <c r="A5893" i="2" l="1"/>
  <c r="C5892" i="2"/>
  <c r="D5892" i="2"/>
  <c r="A5894" i="2" l="1"/>
  <c r="C5893" i="2"/>
  <c r="D5893" i="2"/>
  <c r="A5895" i="2" l="1"/>
  <c r="C5894" i="2"/>
  <c r="D5894" i="2"/>
  <c r="A5896" i="2" l="1"/>
  <c r="C5895" i="2"/>
  <c r="D5895" i="2"/>
  <c r="A5897" i="2" l="1"/>
  <c r="C5896" i="2"/>
  <c r="D5896" i="2"/>
  <c r="A5898" i="2" l="1"/>
  <c r="C5897" i="2"/>
  <c r="D5897" i="2"/>
  <c r="A5899" i="2" l="1"/>
  <c r="C5898" i="2"/>
  <c r="D5898" i="2"/>
  <c r="A5900" i="2" l="1"/>
  <c r="C5899" i="2"/>
  <c r="D5899" i="2"/>
  <c r="A5901" i="2" l="1"/>
  <c r="C5900" i="2"/>
  <c r="D5900" i="2"/>
  <c r="A5902" i="2" l="1"/>
  <c r="C5901" i="2"/>
  <c r="D5901" i="2"/>
  <c r="A5903" i="2" l="1"/>
  <c r="C5902" i="2"/>
  <c r="D5902" i="2"/>
  <c r="A5904" i="2" l="1"/>
  <c r="C5903" i="2"/>
  <c r="D5903" i="2"/>
  <c r="A5905" i="2" l="1"/>
  <c r="C5904" i="2"/>
  <c r="D5904" i="2"/>
  <c r="A5906" i="2" l="1"/>
  <c r="C5905" i="2"/>
  <c r="D5905" i="2"/>
  <c r="A5907" i="2" l="1"/>
  <c r="C5906" i="2"/>
  <c r="D5906" i="2"/>
  <c r="A5908" i="2" l="1"/>
  <c r="C5907" i="2"/>
  <c r="D5907" i="2"/>
  <c r="A5909" i="2" l="1"/>
  <c r="C5908" i="2"/>
  <c r="D5908" i="2"/>
  <c r="A5910" i="2" l="1"/>
  <c r="C5909" i="2"/>
  <c r="D5909" i="2"/>
  <c r="A5911" i="2" l="1"/>
  <c r="C5910" i="2"/>
  <c r="D5910" i="2"/>
  <c r="A5912" i="2" l="1"/>
  <c r="C5911" i="2"/>
  <c r="D5911" i="2"/>
  <c r="A5913" i="2" l="1"/>
  <c r="C5912" i="2"/>
  <c r="D5912" i="2"/>
  <c r="A5914" i="2" l="1"/>
  <c r="C5913" i="2"/>
  <c r="D5913" i="2"/>
  <c r="A5915" i="2" l="1"/>
  <c r="C5914" i="2"/>
  <c r="D5914" i="2"/>
  <c r="A5916" i="2" l="1"/>
  <c r="C5915" i="2"/>
  <c r="D5915" i="2"/>
  <c r="A5917" i="2" l="1"/>
  <c r="C5916" i="2"/>
  <c r="D5916" i="2"/>
  <c r="A5918" i="2" l="1"/>
  <c r="C5917" i="2"/>
  <c r="D5917" i="2"/>
  <c r="A5919" i="2" l="1"/>
  <c r="C5918" i="2"/>
  <c r="D5918" i="2"/>
  <c r="A5920" i="2" l="1"/>
  <c r="C5919" i="2"/>
  <c r="D5919" i="2"/>
  <c r="A5921" i="2" l="1"/>
  <c r="C5920" i="2"/>
  <c r="D5920" i="2"/>
  <c r="A5922" i="2" l="1"/>
  <c r="C5921" i="2"/>
  <c r="D5921" i="2"/>
  <c r="A5923" i="2" l="1"/>
  <c r="C5922" i="2"/>
  <c r="D5922" i="2"/>
  <c r="A5924" i="2" l="1"/>
  <c r="C5923" i="2"/>
  <c r="D5923" i="2"/>
  <c r="A5925" i="2" l="1"/>
  <c r="C5924" i="2"/>
  <c r="D5924" i="2"/>
  <c r="A5926" i="2" l="1"/>
  <c r="C5925" i="2"/>
  <c r="D5925" i="2"/>
  <c r="A5927" i="2" l="1"/>
  <c r="C5926" i="2"/>
  <c r="D5926" i="2"/>
  <c r="A5928" i="2" l="1"/>
  <c r="C5927" i="2"/>
  <c r="D5927" i="2"/>
  <c r="A5929" i="2" l="1"/>
  <c r="C5928" i="2"/>
  <c r="D5928" i="2"/>
  <c r="A5930" i="2" l="1"/>
  <c r="C5929" i="2"/>
  <c r="D5929" i="2"/>
  <c r="A5931" i="2" l="1"/>
  <c r="C5930" i="2"/>
  <c r="D5930" i="2"/>
  <c r="A5932" i="2" l="1"/>
  <c r="C5931" i="2"/>
  <c r="D5931" i="2"/>
  <c r="A5933" i="2" l="1"/>
  <c r="C5932" i="2"/>
  <c r="D5932" i="2"/>
  <c r="A5934" i="2" l="1"/>
  <c r="C5933" i="2"/>
  <c r="D5933" i="2"/>
  <c r="A5935" i="2" l="1"/>
  <c r="C5934" i="2"/>
  <c r="D5934" i="2"/>
  <c r="A5936" i="2" l="1"/>
  <c r="C5935" i="2"/>
  <c r="D5935" i="2"/>
  <c r="A5937" i="2" l="1"/>
  <c r="C5936" i="2"/>
  <c r="D5936" i="2"/>
  <c r="A5938" i="2" l="1"/>
  <c r="C5937" i="2"/>
  <c r="D5937" i="2"/>
  <c r="A5939" i="2" l="1"/>
  <c r="C5938" i="2"/>
  <c r="D5938" i="2"/>
  <c r="A5940" i="2" l="1"/>
  <c r="C5939" i="2"/>
  <c r="D5939" i="2"/>
  <c r="A5941" i="2" l="1"/>
  <c r="C5940" i="2"/>
  <c r="D5940" i="2"/>
  <c r="A5942" i="2" l="1"/>
  <c r="C5941" i="2"/>
  <c r="D5941" i="2"/>
  <c r="A5943" i="2" l="1"/>
  <c r="C5942" i="2"/>
  <c r="D5942" i="2"/>
  <c r="A5944" i="2" l="1"/>
  <c r="C5943" i="2"/>
  <c r="D5943" i="2"/>
  <c r="A5945" i="2" l="1"/>
  <c r="C5944" i="2"/>
  <c r="D5944" i="2"/>
  <c r="A5946" i="2" l="1"/>
  <c r="C5945" i="2"/>
  <c r="D5945" i="2"/>
  <c r="A5947" i="2" l="1"/>
  <c r="C5946" i="2"/>
  <c r="D5946" i="2"/>
  <c r="A5948" i="2" l="1"/>
  <c r="C5947" i="2"/>
  <c r="D5947" i="2"/>
  <c r="A5949" i="2" l="1"/>
  <c r="C5948" i="2"/>
  <c r="D5948" i="2"/>
  <c r="A5950" i="2" l="1"/>
  <c r="C5949" i="2"/>
  <c r="D5949" i="2"/>
  <c r="A5951" i="2" l="1"/>
  <c r="C5950" i="2"/>
  <c r="D5950" i="2"/>
  <c r="A5952" i="2" l="1"/>
  <c r="C5951" i="2"/>
  <c r="D5951" i="2"/>
  <c r="A5953" i="2" l="1"/>
  <c r="C5952" i="2"/>
  <c r="D5952" i="2"/>
  <c r="A5954" i="2" l="1"/>
  <c r="C5953" i="2"/>
  <c r="D5953" i="2"/>
  <c r="A5955" i="2" l="1"/>
  <c r="C5954" i="2"/>
  <c r="D5954" i="2"/>
  <c r="A5956" i="2" l="1"/>
  <c r="C5955" i="2"/>
  <c r="D5955" i="2"/>
  <c r="A5957" i="2" l="1"/>
  <c r="C5956" i="2"/>
  <c r="D5956" i="2"/>
  <c r="A5958" i="2" l="1"/>
  <c r="C5957" i="2"/>
  <c r="D5957" i="2"/>
  <c r="A5959" i="2" l="1"/>
  <c r="C5958" i="2"/>
  <c r="D5958" i="2"/>
  <c r="A5960" i="2" l="1"/>
  <c r="C5959" i="2"/>
  <c r="D5959" i="2"/>
  <c r="A5961" i="2" l="1"/>
  <c r="C5960" i="2"/>
  <c r="D5960" i="2"/>
  <c r="A5962" i="2" l="1"/>
  <c r="C5961" i="2"/>
  <c r="D5961" i="2"/>
  <c r="A5963" i="2" l="1"/>
  <c r="C5962" i="2"/>
  <c r="D5962" i="2"/>
  <c r="A5964" i="2" l="1"/>
  <c r="C5963" i="2"/>
  <c r="D5963" i="2"/>
  <c r="A5965" i="2" l="1"/>
  <c r="C5964" i="2"/>
  <c r="D5964" i="2"/>
  <c r="A5966" i="2" l="1"/>
  <c r="C5965" i="2"/>
  <c r="D5965" i="2"/>
  <c r="A5967" i="2" l="1"/>
  <c r="C5966" i="2"/>
  <c r="D5966" i="2"/>
  <c r="A5968" i="2" l="1"/>
  <c r="C5967" i="2"/>
  <c r="D5967" i="2"/>
  <c r="A5969" i="2" l="1"/>
  <c r="C5968" i="2"/>
  <c r="D5968" i="2"/>
  <c r="A5970" i="2" l="1"/>
  <c r="C5969" i="2"/>
  <c r="D5969" i="2"/>
  <c r="A5971" i="2" l="1"/>
  <c r="C5970" i="2"/>
  <c r="D5970" i="2"/>
  <c r="A5972" i="2" l="1"/>
  <c r="C5971" i="2"/>
  <c r="D5971" i="2"/>
  <c r="A5973" i="2" l="1"/>
  <c r="C5972" i="2"/>
  <c r="D5972" i="2"/>
  <c r="A5974" i="2" l="1"/>
  <c r="C5973" i="2"/>
  <c r="D5973" i="2"/>
  <c r="A5975" i="2" l="1"/>
  <c r="C5974" i="2"/>
  <c r="D5974" i="2"/>
  <c r="A5976" i="2" l="1"/>
  <c r="C5975" i="2"/>
  <c r="D5975" i="2"/>
  <c r="A5977" i="2" l="1"/>
  <c r="C5976" i="2"/>
  <c r="D5976" i="2"/>
  <c r="A5978" i="2" l="1"/>
  <c r="C5977" i="2"/>
  <c r="D5977" i="2"/>
  <c r="A5979" i="2" l="1"/>
  <c r="C5978" i="2"/>
  <c r="D5978" i="2"/>
  <c r="A5980" i="2" l="1"/>
  <c r="C5979" i="2"/>
  <c r="D5979" i="2"/>
  <c r="A5981" i="2" l="1"/>
  <c r="C5980" i="2"/>
  <c r="D5980" i="2"/>
  <c r="A5982" i="2" l="1"/>
  <c r="C5981" i="2"/>
  <c r="D5981" i="2"/>
  <c r="A5983" i="2" l="1"/>
  <c r="C5982" i="2"/>
  <c r="D5982" i="2"/>
  <c r="A5984" i="2" l="1"/>
  <c r="C5983" i="2"/>
  <c r="D5983" i="2"/>
  <c r="A5985" i="2" l="1"/>
  <c r="C5984" i="2"/>
  <c r="D5984" i="2"/>
  <c r="A5986" i="2" l="1"/>
  <c r="C5985" i="2"/>
  <c r="D5985" i="2"/>
  <c r="A5987" i="2" l="1"/>
  <c r="C5986" i="2"/>
  <c r="D5986" i="2"/>
  <c r="A5988" i="2" l="1"/>
  <c r="C5987" i="2"/>
  <c r="D5987" i="2"/>
  <c r="A5989" i="2" l="1"/>
  <c r="C5988" i="2"/>
  <c r="D5988" i="2"/>
  <c r="A5990" i="2" l="1"/>
  <c r="C5989" i="2"/>
  <c r="D5989" i="2"/>
  <c r="A5991" i="2" l="1"/>
  <c r="C5990" i="2"/>
  <c r="D5990" i="2"/>
  <c r="A5992" i="2" l="1"/>
  <c r="C5991" i="2"/>
  <c r="D5991" i="2"/>
  <c r="A5993" i="2" l="1"/>
  <c r="C5992" i="2"/>
  <c r="D5992" i="2"/>
  <c r="A5994" i="2" l="1"/>
  <c r="C5993" i="2"/>
  <c r="D5993" i="2"/>
  <c r="A5995" i="2" l="1"/>
  <c r="C5994" i="2"/>
  <c r="D5994" i="2"/>
  <c r="A5996" i="2" l="1"/>
  <c r="C5995" i="2"/>
  <c r="D5995" i="2"/>
  <c r="A5997" i="2" l="1"/>
  <c r="C5996" i="2"/>
  <c r="D5996" i="2"/>
  <c r="A5998" i="2" l="1"/>
  <c r="C5997" i="2"/>
  <c r="D5997" i="2"/>
  <c r="A5999" i="2" l="1"/>
  <c r="C5998" i="2"/>
  <c r="D5998" i="2"/>
  <c r="A6000" i="2" l="1"/>
  <c r="C5999" i="2"/>
  <c r="D5999" i="2"/>
  <c r="A6001" i="2" l="1"/>
  <c r="C6000" i="2"/>
  <c r="D6000" i="2"/>
  <c r="A6002" i="2" l="1"/>
  <c r="C6001" i="2"/>
  <c r="D6001" i="2"/>
  <c r="A6003" i="2" l="1"/>
  <c r="C6002" i="2"/>
  <c r="D6002" i="2"/>
  <c r="A6004" i="2" l="1"/>
  <c r="C6003" i="2"/>
  <c r="D6003" i="2"/>
  <c r="A6005" i="2" l="1"/>
  <c r="C6004" i="2"/>
  <c r="D6004" i="2"/>
  <c r="A6006" i="2" l="1"/>
  <c r="C6005" i="2"/>
  <c r="D6005" i="2"/>
  <c r="A6007" i="2" l="1"/>
  <c r="C6006" i="2"/>
  <c r="D6006" i="2"/>
  <c r="A6008" i="2" l="1"/>
  <c r="C6007" i="2"/>
  <c r="D6007" i="2"/>
  <c r="A6009" i="2" l="1"/>
  <c r="C6008" i="2"/>
  <c r="D6008" i="2"/>
  <c r="A6010" i="2" l="1"/>
  <c r="C6009" i="2"/>
  <c r="D6009" i="2"/>
  <c r="A6011" i="2" l="1"/>
  <c r="C6010" i="2"/>
  <c r="D6010" i="2"/>
  <c r="A6012" i="2" l="1"/>
  <c r="C6011" i="2"/>
  <c r="D6011" i="2"/>
  <c r="A6013" i="2" l="1"/>
  <c r="C6012" i="2"/>
  <c r="D6012" i="2"/>
  <c r="A6014" i="2" l="1"/>
  <c r="C6013" i="2"/>
  <c r="D6013" i="2"/>
  <c r="A6015" i="2" l="1"/>
  <c r="C6014" i="2"/>
  <c r="D6014" i="2"/>
  <c r="A6016" i="2" l="1"/>
  <c r="C6015" i="2"/>
  <c r="D6015" i="2"/>
  <c r="A6017" i="2" l="1"/>
  <c r="C6016" i="2"/>
  <c r="D6016" i="2"/>
  <c r="A6018" i="2" l="1"/>
  <c r="C6017" i="2"/>
  <c r="D6017" i="2"/>
  <c r="A6019" i="2" l="1"/>
  <c r="C6018" i="2"/>
  <c r="D6018" i="2"/>
  <c r="A6020" i="2" l="1"/>
  <c r="C6019" i="2"/>
  <c r="D6019" i="2"/>
  <c r="A6021" i="2" l="1"/>
  <c r="C6020" i="2"/>
  <c r="D6020" i="2"/>
  <c r="A6022" i="2" l="1"/>
  <c r="C6021" i="2"/>
  <c r="D6021" i="2"/>
  <c r="A6023" i="2" l="1"/>
  <c r="C6022" i="2"/>
  <c r="D6022" i="2"/>
  <c r="A6024" i="2" l="1"/>
  <c r="C6023" i="2"/>
  <c r="D6023" i="2"/>
  <c r="A6025" i="2" l="1"/>
  <c r="C6024" i="2"/>
  <c r="D6024" i="2"/>
  <c r="A6026" i="2" l="1"/>
  <c r="C6025" i="2"/>
  <c r="D6025" i="2"/>
  <c r="A6027" i="2" l="1"/>
  <c r="C6026" i="2"/>
  <c r="D6026" i="2"/>
  <c r="A6028" i="2" l="1"/>
  <c r="C6027" i="2"/>
  <c r="D6027" i="2"/>
  <c r="A6029" i="2" l="1"/>
  <c r="C6028" i="2"/>
  <c r="D6028" i="2"/>
  <c r="A6030" i="2" l="1"/>
  <c r="C6029" i="2"/>
  <c r="D6029" i="2"/>
  <c r="A6031" i="2" l="1"/>
  <c r="C6030" i="2"/>
  <c r="D6030" i="2"/>
  <c r="A6032" i="2" l="1"/>
  <c r="C6031" i="2"/>
  <c r="D6031" i="2"/>
  <c r="A6033" i="2" l="1"/>
  <c r="C6032" i="2"/>
  <c r="D6032" i="2"/>
  <c r="A6034" i="2" l="1"/>
  <c r="C6033" i="2"/>
  <c r="D6033" i="2"/>
  <c r="A6035" i="2" l="1"/>
  <c r="C6034" i="2"/>
  <c r="D6034" i="2"/>
  <c r="A6036" i="2" l="1"/>
  <c r="C6035" i="2"/>
  <c r="D6035" i="2"/>
  <c r="A6037" i="2" l="1"/>
  <c r="C6036" i="2"/>
  <c r="D6036" i="2"/>
  <c r="A6038" i="2" l="1"/>
  <c r="C6037" i="2"/>
  <c r="D6037" i="2"/>
  <c r="A6039" i="2" l="1"/>
  <c r="C6038" i="2"/>
  <c r="D6038" i="2"/>
  <c r="A6040" i="2" l="1"/>
  <c r="C6039" i="2"/>
  <c r="D6039" i="2"/>
  <c r="A6041" i="2" l="1"/>
  <c r="C6040" i="2"/>
  <c r="D6040" i="2"/>
  <c r="A6042" i="2" l="1"/>
  <c r="C6041" i="2"/>
  <c r="D6041" i="2"/>
  <c r="A6043" i="2" l="1"/>
  <c r="C6042" i="2"/>
  <c r="D6042" i="2"/>
  <c r="A6044" i="2" l="1"/>
  <c r="C6043" i="2"/>
  <c r="D6043" i="2"/>
  <c r="A6045" i="2" l="1"/>
  <c r="C6044" i="2"/>
  <c r="D6044" i="2"/>
  <c r="A6046" i="2" l="1"/>
  <c r="C6045" i="2"/>
  <c r="D6045" i="2"/>
  <c r="A6047" i="2" l="1"/>
  <c r="C6046" i="2"/>
  <c r="D6046" i="2"/>
  <c r="A6048" i="2" l="1"/>
  <c r="C6047" i="2"/>
  <c r="D6047" i="2"/>
  <c r="A6049" i="2" l="1"/>
  <c r="C6048" i="2"/>
  <c r="D6048" i="2"/>
  <c r="A6050" i="2" l="1"/>
  <c r="C6049" i="2"/>
  <c r="D6049" i="2"/>
  <c r="A6051" i="2" l="1"/>
  <c r="C6050" i="2"/>
  <c r="D6050" i="2"/>
  <c r="A6052" i="2" l="1"/>
  <c r="C6051" i="2"/>
  <c r="D6051" i="2"/>
  <c r="A6053" i="2" l="1"/>
  <c r="C6052" i="2"/>
  <c r="D6052" i="2"/>
  <c r="A6054" i="2" l="1"/>
  <c r="C6053" i="2"/>
  <c r="D6053" i="2"/>
  <c r="A6055" i="2" l="1"/>
  <c r="C6054" i="2"/>
  <c r="D6054" i="2"/>
  <c r="A6056" i="2" l="1"/>
  <c r="C6055" i="2"/>
  <c r="D6055" i="2"/>
  <c r="A6057" i="2" l="1"/>
  <c r="C6056" i="2"/>
  <c r="D6056" i="2"/>
  <c r="A6058" i="2" l="1"/>
  <c r="C6057" i="2"/>
  <c r="D6057" i="2"/>
  <c r="A6059" i="2" l="1"/>
  <c r="C6058" i="2"/>
  <c r="D6058" i="2"/>
  <c r="A6060" i="2" l="1"/>
  <c r="C6059" i="2"/>
  <c r="D6059" i="2"/>
  <c r="A6061" i="2" l="1"/>
  <c r="C6060" i="2"/>
  <c r="D6060" i="2"/>
  <c r="A6062" i="2" l="1"/>
  <c r="C6061" i="2"/>
  <c r="D6061" i="2"/>
  <c r="A6063" i="2" l="1"/>
  <c r="C6062" i="2"/>
  <c r="D6062" i="2"/>
  <c r="A6064" i="2" l="1"/>
  <c r="C6063" i="2"/>
  <c r="D6063" i="2"/>
  <c r="A6065" i="2" l="1"/>
  <c r="C6064" i="2"/>
  <c r="D6064" i="2"/>
  <c r="A6066" i="2" l="1"/>
  <c r="C6065" i="2"/>
  <c r="D6065" i="2"/>
  <c r="A6067" i="2" l="1"/>
  <c r="C6066" i="2"/>
  <c r="D6066" i="2"/>
  <c r="A6068" i="2" l="1"/>
  <c r="C6067" i="2"/>
  <c r="D6067" i="2"/>
  <c r="A6069" i="2" l="1"/>
  <c r="C6068" i="2"/>
  <c r="D6068" i="2"/>
  <c r="A6070" i="2" l="1"/>
  <c r="C6069" i="2"/>
  <c r="D6069" i="2"/>
  <c r="A6071" i="2" l="1"/>
  <c r="C6070" i="2"/>
  <c r="D6070" i="2"/>
  <c r="A6072" i="2" l="1"/>
  <c r="C6071" i="2"/>
  <c r="D6071" i="2"/>
  <c r="A6073" i="2" l="1"/>
  <c r="C6072" i="2"/>
  <c r="D6072" i="2"/>
  <c r="A6074" i="2" l="1"/>
  <c r="C6073" i="2"/>
  <c r="D6073" i="2"/>
  <c r="A6075" i="2" l="1"/>
  <c r="C6074" i="2"/>
  <c r="D6074" i="2"/>
  <c r="A6076" i="2" l="1"/>
  <c r="C6075" i="2"/>
  <c r="D6075" i="2"/>
  <c r="A6077" i="2" l="1"/>
  <c r="C6076" i="2"/>
  <c r="D6076" i="2"/>
  <c r="A6078" i="2" l="1"/>
  <c r="C6077" i="2"/>
  <c r="D6077" i="2"/>
  <c r="A6079" i="2" l="1"/>
  <c r="C6078" i="2"/>
  <c r="D6078" i="2"/>
  <c r="A6080" i="2" l="1"/>
  <c r="C6079" i="2"/>
  <c r="D6079" i="2"/>
  <c r="A6081" i="2" l="1"/>
  <c r="C6080" i="2"/>
  <c r="D6080" i="2"/>
  <c r="A6082" i="2" l="1"/>
  <c r="C6081" i="2"/>
  <c r="D6081" i="2"/>
  <c r="A6083" i="2" l="1"/>
  <c r="C6082" i="2"/>
  <c r="D6082" i="2"/>
  <c r="A6084" i="2" l="1"/>
  <c r="C6083" i="2"/>
  <c r="D6083" i="2"/>
  <c r="A6085" i="2" l="1"/>
  <c r="C6084" i="2"/>
  <c r="D6084" i="2"/>
  <c r="A6086" i="2" l="1"/>
  <c r="C6085" i="2"/>
  <c r="D6085" i="2"/>
  <c r="A6087" i="2" l="1"/>
  <c r="C6086" i="2"/>
  <c r="D6086" i="2"/>
  <c r="A6088" i="2" l="1"/>
  <c r="C6087" i="2"/>
  <c r="D6087" i="2"/>
  <c r="A6089" i="2" l="1"/>
  <c r="C6088" i="2"/>
  <c r="D6088" i="2"/>
  <c r="A6090" i="2" l="1"/>
  <c r="C6089" i="2"/>
  <c r="D6089" i="2"/>
  <c r="A6091" i="2" l="1"/>
  <c r="C6090" i="2"/>
  <c r="D6090" i="2"/>
  <c r="A6092" i="2" l="1"/>
  <c r="C6091" i="2"/>
  <c r="D6091" i="2"/>
  <c r="A6093" i="2" l="1"/>
  <c r="C6092" i="2"/>
  <c r="D6092" i="2"/>
  <c r="A6094" i="2" l="1"/>
  <c r="C6093" i="2"/>
  <c r="D6093" i="2"/>
  <c r="A6095" i="2" l="1"/>
  <c r="C6094" i="2"/>
  <c r="D6094" i="2"/>
  <c r="A6096" i="2" l="1"/>
  <c r="C6095" i="2"/>
  <c r="D6095" i="2"/>
  <c r="A6097" i="2" l="1"/>
  <c r="C6096" i="2"/>
  <c r="D6096" i="2"/>
  <c r="A6098" i="2" l="1"/>
  <c r="C6097" i="2"/>
  <c r="D6097" i="2"/>
  <c r="A6099" i="2" l="1"/>
  <c r="C6098" i="2"/>
  <c r="D6098" i="2"/>
  <c r="A6100" i="2" l="1"/>
  <c r="C6099" i="2"/>
  <c r="D6099" i="2"/>
  <c r="A6101" i="2" l="1"/>
  <c r="C6100" i="2"/>
  <c r="D6100" i="2"/>
  <c r="A6102" i="2" l="1"/>
  <c r="C6101" i="2"/>
  <c r="D6101" i="2"/>
  <c r="A6103" i="2" l="1"/>
  <c r="C6102" i="2"/>
  <c r="D6102" i="2"/>
  <c r="A6104" i="2" l="1"/>
  <c r="C6103" i="2"/>
  <c r="D6103" i="2"/>
  <c r="A6105" i="2" l="1"/>
  <c r="C6104" i="2"/>
  <c r="D6104" i="2"/>
  <c r="A6106" i="2" l="1"/>
  <c r="C6105" i="2"/>
  <c r="D6105" i="2"/>
  <c r="A6107" i="2" l="1"/>
  <c r="C6106" i="2"/>
  <c r="D6106" i="2"/>
  <c r="A6108" i="2" l="1"/>
  <c r="C6107" i="2"/>
  <c r="D6107" i="2"/>
  <c r="A6109" i="2" l="1"/>
  <c r="C6108" i="2"/>
  <c r="D6108" i="2"/>
  <c r="A6110" i="2" l="1"/>
  <c r="C6109" i="2"/>
  <c r="D6109" i="2"/>
  <c r="A6111" i="2" l="1"/>
  <c r="C6110" i="2"/>
  <c r="D6110" i="2"/>
  <c r="A6112" i="2" l="1"/>
  <c r="C6111" i="2"/>
  <c r="D6111" i="2"/>
  <c r="A6113" i="2" l="1"/>
  <c r="C6112" i="2"/>
  <c r="D6112" i="2"/>
  <c r="A6114" i="2" l="1"/>
  <c r="C6113" i="2"/>
  <c r="D6113" i="2"/>
  <c r="A6115" i="2" l="1"/>
  <c r="C6114" i="2"/>
  <c r="D6114" i="2"/>
  <c r="A6116" i="2" l="1"/>
  <c r="C6115" i="2"/>
  <c r="D6115" i="2"/>
  <c r="A6117" i="2" l="1"/>
  <c r="C6116" i="2"/>
  <c r="D6116" i="2"/>
  <c r="A6118" i="2" l="1"/>
  <c r="C6117" i="2"/>
  <c r="D6117" i="2"/>
  <c r="A6119" i="2" l="1"/>
  <c r="C6118" i="2"/>
  <c r="D6118" i="2"/>
  <c r="A6120" i="2" l="1"/>
  <c r="C6119" i="2"/>
  <c r="D6119" i="2"/>
  <c r="A6121" i="2" l="1"/>
  <c r="C6120" i="2"/>
  <c r="D6120" i="2"/>
  <c r="A6122" i="2" l="1"/>
  <c r="C6121" i="2"/>
  <c r="D6121" i="2"/>
  <c r="A6123" i="2" l="1"/>
  <c r="C6122" i="2"/>
  <c r="D6122" i="2"/>
  <c r="A6124" i="2" l="1"/>
  <c r="C6123" i="2"/>
  <c r="D6123" i="2"/>
  <c r="A6125" i="2" l="1"/>
  <c r="C6124" i="2"/>
  <c r="D6124" i="2"/>
  <c r="A6126" i="2" l="1"/>
  <c r="C6125" i="2"/>
  <c r="D6125" i="2"/>
  <c r="A6127" i="2" l="1"/>
  <c r="C6126" i="2"/>
  <c r="D6126" i="2"/>
  <c r="A6128" i="2" l="1"/>
  <c r="C6127" i="2"/>
  <c r="D6127" i="2"/>
  <c r="A6129" i="2" l="1"/>
  <c r="C6128" i="2"/>
  <c r="D6128" i="2"/>
  <c r="A6130" i="2" l="1"/>
  <c r="C6129" i="2"/>
  <c r="D6129" i="2"/>
  <c r="A6131" i="2" l="1"/>
  <c r="C6130" i="2"/>
  <c r="D6130" i="2"/>
  <c r="A6132" i="2" l="1"/>
  <c r="C6131" i="2"/>
  <c r="D6131" i="2"/>
  <c r="A6133" i="2" l="1"/>
  <c r="C6132" i="2"/>
  <c r="D6132" i="2"/>
  <c r="A6134" i="2" l="1"/>
  <c r="C6133" i="2"/>
  <c r="D6133" i="2"/>
  <c r="A6135" i="2" l="1"/>
  <c r="C6134" i="2"/>
  <c r="D6134" i="2"/>
  <c r="A6136" i="2" l="1"/>
  <c r="C6135" i="2"/>
  <c r="D6135" i="2"/>
  <c r="A6137" i="2" l="1"/>
  <c r="C6136" i="2"/>
  <c r="D6136" i="2"/>
  <c r="A6138" i="2" l="1"/>
  <c r="C6137" i="2"/>
  <c r="D6137" i="2"/>
  <c r="A6139" i="2" l="1"/>
  <c r="C6138" i="2"/>
  <c r="D6138" i="2"/>
  <c r="A6140" i="2" l="1"/>
  <c r="C6139" i="2"/>
  <c r="D6139" i="2"/>
  <c r="A6141" i="2" l="1"/>
  <c r="C6140" i="2"/>
  <c r="D6140" i="2"/>
  <c r="A6142" i="2" l="1"/>
  <c r="C6141" i="2"/>
  <c r="D6141" i="2"/>
  <c r="A6143" i="2" l="1"/>
  <c r="C6142" i="2"/>
  <c r="D6142" i="2"/>
  <c r="A6144" i="2" l="1"/>
  <c r="C6143" i="2"/>
  <c r="D6143" i="2"/>
  <c r="A6145" i="2" l="1"/>
  <c r="C6144" i="2"/>
  <c r="D6144" i="2"/>
  <c r="A6146" i="2" l="1"/>
  <c r="C6145" i="2"/>
  <c r="D6145" i="2"/>
  <c r="A6147" i="2" l="1"/>
  <c r="C6146" i="2"/>
  <c r="D6146" i="2"/>
  <c r="A6148" i="2" l="1"/>
  <c r="C6147" i="2"/>
  <c r="D6147" i="2"/>
  <c r="A6149" i="2" l="1"/>
  <c r="C6148" i="2"/>
  <c r="D6148" i="2"/>
  <c r="A6150" i="2" l="1"/>
  <c r="C6149" i="2"/>
  <c r="D6149" i="2"/>
  <c r="A6151" i="2" l="1"/>
  <c r="C6150" i="2"/>
  <c r="D6150" i="2"/>
  <c r="A6152" i="2" l="1"/>
  <c r="C6151" i="2"/>
  <c r="D6151" i="2"/>
  <c r="A6153" i="2" l="1"/>
  <c r="C6152" i="2"/>
  <c r="D6152" i="2"/>
  <c r="A6154" i="2" l="1"/>
  <c r="C6153" i="2"/>
  <c r="D6153" i="2"/>
  <c r="A6155" i="2" l="1"/>
  <c r="C6154" i="2"/>
  <c r="D6154" i="2"/>
  <c r="A6156" i="2" l="1"/>
  <c r="C6155" i="2"/>
  <c r="D6155" i="2"/>
  <c r="A6157" i="2" l="1"/>
  <c r="C6156" i="2"/>
  <c r="D6156" i="2"/>
  <c r="A6158" i="2" l="1"/>
  <c r="C6157" i="2"/>
  <c r="D6157" i="2"/>
  <c r="A6159" i="2" l="1"/>
  <c r="C6158" i="2"/>
  <c r="D6158" i="2"/>
  <c r="A6160" i="2" l="1"/>
  <c r="C6159" i="2"/>
  <c r="D6159" i="2"/>
  <c r="A6161" i="2" l="1"/>
  <c r="C6160" i="2"/>
  <c r="D6160" i="2"/>
  <c r="A6162" i="2" l="1"/>
  <c r="C6161" i="2"/>
  <c r="D6161" i="2"/>
  <c r="A6163" i="2" l="1"/>
  <c r="C6162" i="2"/>
  <c r="D6162" i="2"/>
  <c r="A6164" i="2" l="1"/>
  <c r="C6163" i="2"/>
  <c r="D6163" i="2"/>
  <c r="A6165" i="2" l="1"/>
  <c r="C6164" i="2"/>
  <c r="D6164" i="2"/>
  <c r="A6166" i="2" l="1"/>
  <c r="C6165" i="2"/>
  <c r="D6165" i="2"/>
  <c r="A6167" i="2" l="1"/>
  <c r="C6166" i="2"/>
  <c r="D6166" i="2"/>
  <c r="A6168" i="2" l="1"/>
  <c r="C6167" i="2"/>
  <c r="D6167" i="2"/>
  <c r="A6169" i="2" l="1"/>
  <c r="C6168" i="2"/>
  <c r="D6168" i="2"/>
  <c r="A6170" i="2" l="1"/>
  <c r="C6169" i="2"/>
  <c r="D6169" i="2"/>
  <c r="A6171" i="2" l="1"/>
  <c r="C6170" i="2"/>
  <c r="D6170" i="2"/>
  <c r="A6172" i="2" l="1"/>
  <c r="C6171" i="2"/>
  <c r="D6171" i="2"/>
  <c r="A6173" i="2" l="1"/>
  <c r="C6172" i="2"/>
  <c r="D6172" i="2"/>
  <c r="A6174" i="2" l="1"/>
  <c r="C6173" i="2"/>
  <c r="D6173" i="2"/>
  <c r="A6175" i="2" l="1"/>
  <c r="C6174" i="2"/>
  <c r="D6174" i="2"/>
  <c r="A6176" i="2" l="1"/>
  <c r="C6175" i="2"/>
  <c r="D6175" i="2"/>
  <c r="A6177" i="2" l="1"/>
  <c r="C6176" i="2"/>
  <c r="D6176" i="2"/>
  <c r="A6178" i="2" l="1"/>
  <c r="C6177" i="2"/>
  <c r="D6177" i="2"/>
  <c r="A6179" i="2" l="1"/>
  <c r="C6178" i="2"/>
  <c r="D6178" i="2"/>
  <c r="A6180" i="2" l="1"/>
  <c r="C6179" i="2"/>
  <c r="D6179" i="2"/>
  <c r="A6181" i="2" l="1"/>
  <c r="C6180" i="2"/>
  <c r="D6180" i="2"/>
  <c r="A6182" i="2" l="1"/>
  <c r="C6181" i="2"/>
  <c r="D6181" i="2"/>
  <c r="A6183" i="2" l="1"/>
  <c r="C6182" i="2"/>
  <c r="D6182" i="2"/>
  <c r="A6184" i="2" l="1"/>
  <c r="C6183" i="2"/>
  <c r="D6183" i="2"/>
  <c r="A6185" i="2" l="1"/>
  <c r="C6184" i="2"/>
  <c r="D6184" i="2"/>
  <c r="A6186" i="2" l="1"/>
  <c r="C6185" i="2"/>
  <c r="D6185" i="2"/>
  <c r="A6187" i="2" l="1"/>
  <c r="C6186" i="2"/>
  <c r="D6186" i="2"/>
  <c r="A6188" i="2" l="1"/>
  <c r="C6187" i="2"/>
  <c r="D6187" i="2"/>
  <c r="A6189" i="2" l="1"/>
  <c r="C6188" i="2"/>
  <c r="D6188" i="2"/>
  <c r="A6190" i="2" l="1"/>
  <c r="C6189" i="2"/>
  <c r="D6189" i="2"/>
  <c r="A6191" i="2" l="1"/>
  <c r="C6190" i="2"/>
  <c r="D6190" i="2"/>
  <c r="A6192" i="2" l="1"/>
  <c r="C6191" i="2"/>
  <c r="D6191" i="2"/>
  <c r="A6193" i="2" l="1"/>
  <c r="C6192" i="2"/>
  <c r="D6192" i="2"/>
  <c r="A6194" i="2" l="1"/>
  <c r="C6193" i="2"/>
  <c r="D6193" i="2"/>
  <c r="A6195" i="2" l="1"/>
  <c r="C6194" i="2"/>
  <c r="D6194" i="2"/>
  <c r="A6196" i="2" l="1"/>
  <c r="C6195" i="2"/>
  <c r="D6195" i="2"/>
  <c r="A6197" i="2" l="1"/>
  <c r="C6196" i="2"/>
  <c r="D6196" i="2"/>
  <c r="A6198" i="2" l="1"/>
  <c r="C6197" i="2"/>
  <c r="D6197" i="2"/>
  <c r="A6199" i="2" l="1"/>
  <c r="C6198" i="2"/>
  <c r="D6198" i="2"/>
  <c r="A6200" i="2" l="1"/>
  <c r="C6199" i="2"/>
  <c r="D6199" i="2"/>
  <c r="A6201" i="2" l="1"/>
  <c r="C6200" i="2"/>
  <c r="D6200" i="2"/>
  <c r="A6202" i="2" l="1"/>
  <c r="C6201" i="2"/>
  <c r="D6201" i="2"/>
  <c r="A6203" i="2" l="1"/>
  <c r="C6202" i="2"/>
  <c r="D6202" i="2"/>
  <c r="A6204" i="2" l="1"/>
  <c r="C6203" i="2"/>
  <c r="D6203" i="2"/>
  <c r="A6205" i="2" l="1"/>
  <c r="C6204" i="2"/>
  <c r="D6204" i="2"/>
  <c r="A6206" i="2" l="1"/>
  <c r="C6205" i="2"/>
  <c r="D6205" i="2"/>
  <c r="A6207" i="2" l="1"/>
  <c r="C6206" i="2"/>
  <c r="D6206" i="2"/>
  <c r="A6208" i="2" l="1"/>
  <c r="C6207" i="2"/>
  <c r="D6207" i="2"/>
  <c r="A6209" i="2" l="1"/>
  <c r="C6208" i="2"/>
  <c r="D6208" i="2"/>
  <c r="A6210" i="2" l="1"/>
  <c r="C6209" i="2"/>
  <c r="D6209" i="2"/>
  <c r="A6211" i="2" l="1"/>
  <c r="C6210" i="2"/>
  <c r="D6210" i="2"/>
  <c r="A6212" i="2" l="1"/>
  <c r="C6211" i="2"/>
  <c r="D6211" i="2"/>
  <c r="A6213" i="2" l="1"/>
  <c r="C6212" i="2"/>
  <c r="D6212" i="2"/>
  <c r="A6214" i="2" l="1"/>
  <c r="C6213" i="2"/>
  <c r="D6213" i="2"/>
  <c r="A6215" i="2" l="1"/>
  <c r="C6214" i="2"/>
  <c r="D6214" i="2"/>
  <c r="A6216" i="2" l="1"/>
  <c r="C6215" i="2"/>
  <c r="D6215" i="2"/>
  <c r="A6217" i="2" l="1"/>
  <c r="C6216" i="2"/>
  <c r="D6216" i="2"/>
  <c r="A6218" i="2" l="1"/>
  <c r="C6217" i="2"/>
  <c r="D6217" i="2"/>
  <c r="A6219" i="2" l="1"/>
  <c r="C6218" i="2"/>
  <c r="D6218" i="2"/>
  <c r="A6220" i="2" l="1"/>
  <c r="C6219" i="2"/>
  <c r="D6219" i="2"/>
  <c r="A6221" i="2" l="1"/>
  <c r="C6220" i="2"/>
  <c r="D6220" i="2"/>
  <c r="A6222" i="2" l="1"/>
  <c r="C6221" i="2"/>
  <c r="D6221" i="2"/>
  <c r="A6223" i="2" l="1"/>
  <c r="C6222" i="2"/>
  <c r="D6222" i="2"/>
  <c r="A6224" i="2" l="1"/>
  <c r="C6223" i="2"/>
  <c r="D6223" i="2"/>
  <c r="A6225" i="2" l="1"/>
  <c r="C6224" i="2"/>
  <c r="D6224" i="2"/>
  <c r="A6226" i="2" l="1"/>
  <c r="C6225" i="2"/>
  <c r="D6225" i="2"/>
  <c r="A6227" i="2" l="1"/>
  <c r="C6226" i="2"/>
  <c r="D6226" i="2"/>
  <c r="A6228" i="2" l="1"/>
  <c r="C6227" i="2"/>
  <c r="D6227" i="2"/>
  <c r="A6229" i="2" l="1"/>
  <c r="C6228" i="2"/>
  <c r="D6228" i="2"/>
  <c r="A6230" i="2" l="1"/>
  <c r="C6229" i="2"/>
  <c r="D6229" i="2"/>
  <c r="A6231" i="2" l="1"/>
  <c r="C6230" i="2"/>
  <c r="D6230" i="2"/>
  <c r="A6232" i="2" l="1"/>
  <c r="C6231" i="2"/>
  <c r="D6231" i="2"/>
  <c r="A6233" i="2" l="1"/>
  <c r="C6232" i="2"/>
  <c r="D6232" i="2"/>
  <c r="A6234" i="2" l="1"/>
  <c r="C6233" i="2"/>
  <c r="D6233" i="2"/>
  <c r="A6235" i="2" l="1"/>
  <c r="C6234" i="2"/>
  <c r="D6234" i="2"/>
  <c r="A6236" i="2" l="1"/>
  <c r="C6235" i="2"/>
  <c r="D6235" i="2"/>
  <c r="A6237" i="2" l="1"/>
  <c r="C6236" i="2"/>
  <c r="D6236" i="2"/>
  <c r="A6238" i="2" l="1"/>
  <c r="C6237" i="2"/>
  <c r="D6237" i="2"/>
  <c r="A6239" i="2" l="1"/>
  <c r="C6238" i="2"/>
  <c r="D6238" i="2"/>
  <c r="A6240" i="2" l="1"/>
  <c r="C6239" i="2"/>
  <c r="D6239" i="2"/>
  <c r="A6241" i="2" l="1"/>
  <c r="C6240" i="2"/>
  <c r="D6240" i="2"/>
  <c r="A6242" i="2" l="1"/>
  <c r="C6241" i="2"/>
  <c r="D6241" i="2"/>
  <c r="A6243" i="2" l="1"/>
  <c r="C6242" i="2"/>
  <c r="D6242" i="2"/>
  <c r="A6244" i="2" l="1"/>
  <c r="C6243" i="2"/>
  <c r="D6243" i="2"/>
  <c r="A6245" i="2" l="1"/>
  <c r="C6244" i="2"/>
  <c r="D6244" i="2"/>
  <c r="A6246" i="2" l="1"/>
  <c r="C6245" i="2"/>
  <c r="D6245" i="2"/>
  <c r="A6247" i="2" l="1"/>
  <c r="C6246" i="2"/>
  <c r="D6246" i="2"/>
  <c r="A6248" i="2" l="1"/>
  <c r="C6247" i="2"/>
  <c r="D6247" i="2"/>
  <c r="A6249" i="2" l="1"/>
  <c r="C6248" i="2"/>
  <c r="D6248" i="2"/>
  <c r="A6250" i="2" l="1"/>
  <c r="C6249" i="2"/>
  <c r="D6249" i="2"/>
  <c r="A6251" i="2" l="1"/>
  <c r="C6250" i="2"/>
  <c r="D6250" i="2"/>
  <c r="A6252" i="2" l="1"/>
  <c r="C6251" i="2"/>
  <c r="D6251" i="2"/>
  <c r="A6253" i="2" l="1"/>
  <c r="C6252" i="2"/>
  <c r="D6252" i="2"/>
  <c r="A6254" i="2" l="1"/>
  <c r="C6253" i="2"/>
  <c r="D6253" i="2"/>
  <c r="A6255" i="2" l="1"/>
  <c r="C6254" i="2"/>
  <c r="D6254" i="2"/>
  <c r="A6256" i="2" l="1"/>
  <c r="C6255" i="2"/>
  <c r="D6255" i="2"/>
  <c r="A6257" i="2" l="1"/>
  <c r="C6256" i="2"/>
  <c r="D6256" i="2"/>
  <c r="A6258" i="2" l="1"/>
  <c r="C6257" i="2"/>
  <c r="D6257" i="2"/>
  <c r="A6259" i="2" l="1"/>
  <c r="C6258" i="2"/>
  <c r="D6258" i="2"/>
  <c r="A6260" i="2" l="1"/>
  <c r="C6259" i="2"/>
  <c r="D6259" i="2"/>
  <c r="A6261" i="2" l="1"/>
  <c r="C6260" i="2"/>
  <c r="D6260" i="2"/>
  <c r="A6262" i="2" l="1"/>
  <c r="C6261" i="2"/>
  <c r="D6261" i="2"/>
  <c r="A6263" i="2" l="1"/>
  <c r="C6262" i="2"/>
  <c r="D6262" i="2"/>
  <c r="A6264" i="2" l="1"/>
  <c r="C6263" i="2"/>
  <c r="D6263" i="2"/>
  <c r="A6265" i="2" l="1"/>
  <c r="C6264" i="2"/>
  <c r="D6264" i="2"/>
  <c r="A6266" i="2" l="1"/>
  <c r="C6265" i="2"/>
  <c r="D6265" i="2"/>
  <c r="A6267" i="2" l="1"/>
  <c r="C6266" i="2"/>
  <c r="D6266" i="2"/>
  <c r="A6268" i="2" l="1"/>
  <c r="C6267" i="2"/>
  <c r="D6267" i="2"/>
  <c r="A6269" i="2" l="1"/>
  <c r="C6268" i="2"/>
  <c r="D6268" i="2"/>
  <c r="A6270" i="2" l="1"/>
  <c r="C6269" i="2"/>
  <c r="D6269" i="2"/>
  <c r="A6271" i="2" l="1"/>
  <c r="C6270" i="2"/>
  <c r="D6270" i="2"/>
  <c r="A6272" i="2" l="1"/>
  <c r="C6271" i="2"/>
  <c r="D6271" i="2"/>
  <c r="A6273" i="2" l="1"/>
  <c r="C6272" i="2"/>
  <c r="D6272" i="2"/>
  <c r="A6274" i="2" l="1"/>
  <c r="C6273" i="2"/>
  <c r="D6273" i="2"/>
  <c r="A6275" i="2" l="1"/>
  <c r="C6274" i="2"/>
  <c r="D6274" i="2"/>
  <c r="A6276" i="2" l="1"/>
  <c r="C6275" i="2"/>
  <c r="D6275" i="2"/>
  <c r="A6277" i="2" l="1"/>
  <c r="C6276" i="2"/>
  <c r="D6276" i="2"/>
  <c r="A6278" i="2" l="1"/>
  <c r="C6277" i="2"/>
  <c r="D6277" i="2"/>
  <c r="A6279" i="2" l="1"/>
  <c r="C6278" i="2"/>
  <c r="D6278" i="2"/>
  <c r="A6280" i="2" l="1"/>
  <c r="C6279" i="2"/>
  <c r="D6279" i="2"/>
  <c r="A6281" i="2" l="1"/>
  <c r="C6280" i="2"/>
  <c r="D6280" i="2"/>
  <c r="A6282" i="2" l="1"/>
  <c r="C6281" i="2"/>
  <c r="D6281" i="2"/>
  <c r="A6283" i="2" l="1"/>
  <c r="C6282" i="2"/>
  <c r="D6282" i="2"/>
  <c r="A6284" i="2" l="1"/>
  <c r="C6283" i="2"/>
  <c r="D6283" i="2"/>
  <c r="A6285" i="2" l="1"/>
  <c r="C6284" i="2"/>
  <c r="D6284" i="2"/>
  <c r="A6286" i="2" l="1"/>
  <c r="C6285" i="2"/>
  <c r="D6285" i="2"/>
  <c r="A6287" i="2" l="1"/>
  <c r="C6286" i="2"/>
  <c r="D6286" i="2"/>
  <c r="A6288" i="2" l="1"/>
  <c r="C6287" i="2"/>
  <c r="D6287" i="2"/>
  <c r="A6289" i="2" l="1"/>
  <c r="C6288" i="2"/>
  <c r="D6288" i="2"/>
  <c r="A6290" i="2" l="1"/>
  <c r="C6289" i="2"/>
  <c r="D6289" i="2"/>
  <c r="A6291" i="2" l="1"/>
  <c r="C6290" i="2"/>
  <c r="D6290" i="2"/>
  <c r="A6292" i="2" l="1"/>
  <c r="C6291" i="2"/>
  <c r="D6291" i="2"/>
  <c r="A6293" i="2" l="1"/>
  <c r="C6292" i="2"/>
  <c r="D6292" i="2"/>
  <c r="A6294" i="2" l="1"/>
  <c r="C6293" i="2"/>
  <c r="D6293" i="2"/>
  <c r="A6295" i="2" l="1"/>
  <c r="C6294" i="2"/>
  <c r="D6294" i="2"/>
  <c r="A6296" i="2" l="1"/>
  <c r="C6295" i="2"/>
  <c r="D6295" i="2"/>
  <c r="A6297" i="2" l="1"/>
  <c r="C6296" i="2"/>
  <c r="D6296" i="2"/>
  <c r="A6298" i="2" l="1"/>
  <c r="C6297" i="2"/>
  <c r="D6297" i="2"/>
  <c r="A6299" i="2" l="1"/>
  <c r="C6298" i="2"/>
  <c r="D6298" i="2"/>
  <c r="A6300" i="2" l="1"/>
  <c r="C6299" i="2"/>
  <c r="D6299" i="2"/>
  <c r="A6301" i="2" l="1"/>
  <c r="C6300" i="2"/>
  <c r="D6300" i="2"/>
  <c r="A6302" i="2" l="1"/>
  <c r="C6301" i="2"/>
  <c r="D6301" i="2"/>
  <c r="A6303" i="2" l="1"/>
  <c r="C6302" i="2"/>
  <c r="D6302" i="2"/>
  <c r="A6304" i="2" l="1"/>
  <c r="C6303" i="2"/>
  <c r="D6303" i="2"/>
  <c r="A6305" i="2" l="1"/>
  <c r="C6304" i="2"/>
  <c r="D6304" i="2"/>
  <c r="A6306" i="2" l="1"/>
  <c r="C6305" i="2"/>
  <c r="D6305" i="2"/>
  <c r="A6307" i="2" l="1"/>
  <c r="C6306" i="2"/>
  <c r="D6306" i="2"/>
  <c r="A6308" i="2" l="1"/>
  <c r="C6307" i="2"/>
  <c r="D6307" i="2"/>
  <c r="A6309" i="2" l="1"/>
  <c r="C6308" i="2"/>
  <c r="D6308" i="2"/>
  <c r="A6310" i="2" l="1"/>
  <c r="C6309" i="2"/>
  <c r="D6309" i="2"/>
  <c r="A6311" i="2" l="1"/>
  <c r="C6310" i="2"/>
  <c r="D6310" i="2"/>
  <c r="A6312" i="2" l="1"/>
  <c r="C6311" i="2"/>
  <c r="D6311" i="2"/>
  <c r="A6313" i="2" l="1"/>
  <c r="C6312" i="2"/>
  <c r="D6312" i="2"/>
  <c r="A6314" i="2" l="1"/>
  <c r="C6313" i="2"/>
  <c r="D6313" i="2"/>
  <c r="A6315" i="2" l="1"/>
  <c r="C6314" i="2"/>
  <c r="D6314" i="2"/>
  <c r="A6316" i="2" l="1"/>
  <c r="C6315" i="2"/>
  <c r="D6315" i="2"/>
  <c r="A6317" i="2" l="1"/>
  <c r="C6316" i="2"/>
  <c r="D6316" i="2"/>
  <c r="A6318" i="2" l="1"/>
  <c r="C6317" i="2"/>
  <c r="D6317" i="2"/>
  <c r="A6319" i="2" l="1"/>
  <c r="C6318" i="2"/>
  <c r="D6318" i="2"/>
  <c r="A6320" i="2" l="1"/>
  <c r="C6319" i="2"/>
  <c r="D6319" i="2"/>
  <c r="A6321" i="2" l="1"/>
  <c r="C6320" i="2"/>
  <c r="D6320" i="2"/>
  <c r="A6322" i="2" l="1"/>
  <c r="C6321" i="2"/>
  <c r="D6321" i="2"/>
  <c r="A6323" i="2" l="1"/>
  <c r="C6322" i="2"/>
  <c r="D6322" i="2"/>
  <c r="A6324" i="2" l="1"/>
  <c r="C6323" i="2"/>
  <c r="D6323" i="2"/>
  <c r="A6325" i="2" l="1"/>
  <c r="C6324" i="2"/>
  <c r="D6324" i="2"/>
  <c r="A6326" i="2" l="1"/>
  <c r="C6325" i="2"/>
  <c r="D6325" i="2"/>
  <c r="A6327" i="2" l="1"/>
  <c r="C6326" i="2"/>
  <c r="D6326" i="2"/>
  <c r="A6328" i="2" l="1"/>
  <c r="C6327" i="2"/>
  <c r="D6327" i="2"/>
  <c r="A6329" i="2" l="1"/>
  <c r="C6328" i="2"/>
  <c r="D6328" i="2"/>
  <c r="A6330" i="2" l="1"/>
  <c r="C6329" i="2"/>
  <c r="D6329" i="2"/>
  <c r="A6331" i="2" l="1"/>
  <c r="C6330" i="2"/>
  <c r="D6330" i="2"/>
  <c r="A6332" i="2" l="1"/>
  <c r="C6331" i="2"/>
  <c r="D6331" i="2"/>
  <c r="A6333" i="2" l="1"/>
  <c r="C6332" i="2"/>
  <c r="D6332" i="2"/>
  <c r="A6334" i="2" l="1"/>
  <c r="C6333" i="2"/>
  <c r="D6333" i="2"/>
  <c r="A6335" i="2" l="1"/>
  <c r="C6334" i="2"/>
  <c r="D6334" i="2"/>
  <c r="A6336" i="2" l="1"/>
  <c r="C6335" i="2"/>
  <c r="D6335" i="2"/>
  <c r="A6337" i="2" l="1"/>
  <c r="C6336" i="2"/>
  <c r="D6336" i="2"/>
  <c r="A6338" i="2" l="1"/>
  <c r="C6337" i="2"/>
  <c r="D6337" i="2"/>
  <c r="A6339" i="2" l="1"/>
  <c r="C6338" i="2"/>
  <c r="D6338" i="2"/>
  <c r="A6340" i="2" l="1"/>
  <c r="C6339" i="2"/>
  <c r="D6339" i="2"/>
  <c r="A6341" i="2" l="1"/>
  <c r="C6340" i="2"/>
  <c r="D6340" i="2"/>
  <c r="A6342" i="2" l="1"/>
  <c r="C6341" i="2"/>
  <c r="D6341" i="2"/>
  <c r="A6343" i="2" l="1"/>
  <c r="C6342" i="2"/>
  <c r="D6342" i="2"/>
  <c r="A6344" i="2" l="1"/>
  <c r="C6343" i="2"/>
  <c r="D6343" i="2"/>
  <c r="A6345" i="2" l="1"/>
  <c r="C6344" i="2"/>
  <c r="D6344" i="2"/>
  <c r="A6346" i="2" l="1"/>
  <c r="C6345" i="2"/>
  <c r="D6345" i="2"/>
  <c r="A6347" i="2" l="1"/>
  <c r="C6346" i="2"/>
  <c r="D6346" i="2"/>
  <c r="A6348" i="2" l="1"/>
  <c r="C6347" i="2"/>
  <c r="D6347" i="2"/>
  <c r="A6349" i="2" l="1"/>
  <c r="C6348" i="2"/>
  <c r="D6348" i="2"/>
  <c r="A6350" i="2" l="1"/>
  <c r="C6349" i="2"/>
  <c r="D6349" i="2"/>
  <c r="A6351" i="2" l="1"/>
  <c r="C6350" i="2"/>
  <c r="D6350" i="2"/>
  <c r="A6352" i="2" l="1"/>
  <c r="C6351" i="2"/>
  <c r="D6351" i="2"/>
  <c r="A6353" i="2" l="1"/>
  <c r="C6352" i="2"/>
  <c r="D6352" i="2"/>
  <c r="A6354" i="2" l="1"/>
  <c r="C6353" i="2"/>
  <c r="D6353" i="2"/>
  <c r="A6355" i="2" l="1"/>
  <c r="C6354" i="2"/>
  <c r="D6354" i="2"/>
  <c r="A6356" i="2" l="1"/>
  <c r="C6355" i="2"/>
  <c r="D6355" i="2"/>
  <c r="A6357" i="2" l="1"/>
  <c r="C6356" i="2"/>
  <c r="D6356" i="2"/>
  <c r="A6358" i="2" l="1"/>
  <c r="C6357" i="2"/>
  <c r="D6357" i="2"/>
  <c r="A6359" i="2" l="1"/>
  <c r="C6358" i="2"/>
  <c r="D6358" i="2"/>
  <c r="A6360" i="2" l="1"/>
  <c r="C6359" i="2"/>
  <c r="D6359" i="2"/>
  <c r="A6361" i="2" l="1"/>
  <c r="C6360" i="2"/>
  <c r="D6360" i="2"/>
  <c r="A6362" i="2" l="1"/>
  <c r="C6361" i="2"/>
  <c r="D6361" i="2"/>
  <c r="A6363" i="2" l="1"/>
  <c r="C6362" i="2"/>
  <c r="D6362" i="2"/>
  <c r="A6364" i="2" l="1"/>
  <c r="C6363" i="2"/>
  <c r="D6363" i="2"/>
  <c r="A6365" i="2" l="1"/>
  <c r="C6364" i="2"/>
  <c r="D6364" i="2"/>
  <c r="A6366" i="2" l="1"/>
  <c r="C6365" i="2"/>
  <c r="D6365" i="2"/>
  <c r="A6367" i="2" l="1"/>
  <c r="C6366" i="2"/>
  <c r="D6366" i="2"/>
  <c r="A6368" i="2" l="1"/>
  <c r="C6367" i="2"/>
  <c r="D6367" i="2"/>
  <c r="A6369" i="2" l="1"/>
  <c r="C6368" i="2"/>
  <c r="D6368" i="2"/>
  <c r="A6370" i="2" l="1"/>
  <c r="C6369" i="2"/>
  <c r="D6369" i="2"/>
  <c r="A6371" i="2" l="1"/>
  <c r="C6370" i="2"/>
  <c r="D6370" i="2"/>
  <c r="A6372" i="2" l="1"/>
  <c r="C6371" i="2"/>
  <c r="D6371" i="2"/>
  <c r="A6373" i="2" l="1"/>
  <c r="C6372" i="2"/>
  <c r="D6372" i="2"/>
  <c r="A6374" i="2" l="1"/>
  <c r="C6373" i="2"/>
  <c r="D6373" i="2"/>
  <c r="A6375" i="2" l="1"/>
  <c r="C6374" i="2"/>
  <c r="D6374" i="2"/>
  <c r="A6376" i="2" l="1"/>
  <c r="C6375" i="2"/>
  <c r="D6375" i="2"/>
  <c r="A6377" i="2" l="1"/>
  <c r="C6376" i="2"/>
  <c r="D6376" i="2"/>
  <c r="A6378" i="2" l="1"/>
  <c r="C6377" i="2"/>
  <c r="D6377" i="2"/>
  <c r="A6379" i="2" l="1"/>
  <c r="C6378" i="2"/>
  <c r="D6378" i="2"/>
  <c r="A6380" i="2" l="1"/>
  <c r="C6379" i="2"/>
  <c r="D6379" i="2"/>
  <c r="A6381" i="2" l="1"/>
  <c r="C6380" i="2"/>
  <c r="D6380" i="2"/>
  <c r="A6382" i="2" l="1"/>
  <c r="C6381" i="2"/>
  <c r="D6381" i="2"/>
  <c r="A6383" i="2" l="1"/>
  <c r="C6382" i="2"/>
  <c r="D6382" i="2"/>
  <c r="A6384" i="2" l="1"/>
  <c r="C6383" i="2"/>
  <c r="D6383" i="2"/>
  <c r="A6385" i="2" l="1"/>
  <c r="C6384" i="2"/>
  <c r="D6384" i="2"/>
  <c r="A6386" i="2" l="1"/>
  <c r="C6385" i="2"/>
  <c r="D6385" i="2"/>
  <c r="A6387" i="2" l="1"/>
  <c r="C6386" i="2"/>
  <c r="D6386" i="2"/>
  <c r="A6388" i="2" l="1"/>
  <c r="C6387" i="2"/>
  <c r="D6387" i="2"/>
  <c r="A6389" i="2" l="1"/>
  <c r="C6388" i="2"/>
  <c r="D6388" i="2"/>
  <c r="A6390" i="2" l="1"/>
  <c r="C6389" i="2"/>
  <c r="D6389" i="2"/>
  <c r="A6391" i="2" l="1"/>
  <c r="C6390" i="2"/>
  <c r="D6390" i="2"/>
  <c r="A6392" i="2" l="1"/>
  <c r="C6391" i="2"/>
  <c r="D6391" i="2"/>
  <c r="A6393" i="2" l="1"/>
  <c r="C6392" i="2"/>
  <c r="D6392" i="2"/>
  <c r="A6394" i="2" l="1"/>
  <c r="C6393" i="2"/>
  <c r="D6393" i="2"/>
  <c r="A6395" i="2" l="1"/>
  <c r="C6394" i="2"/>
  <c r="D6394" i="2"/>
  <c r="A6396" i="2" l="1"/>
  <c r="C6395" i="2"/>
  <c r="D6395" i="2"/>
  <c r="A6397" i="2" l="1"/>
  <c r="C6396" i="2"/>
  <c r="D6396" i="2"/>
  <c r="A6398" i="2" l="1"/>
  <c r="C6397" i="2"/>
  <c r="D6397" i="2"/>
  <c r="A6399" i="2" l="1"/>
  <c r="C6398" i="2"/>
  <c r="D6398" i="2"/>
  <c r="A6400" i="2" l="1"/>
  <c r="C6399" i="2"/>
  <c r="D6399" i="2"/>
  <c r="A6401" i="2" l="1"/>
  <c r="C6400" i="2"/>
  <c r="D6400" i="2"/>
  <c r="A6402" i="2" l="1"/>
  <c r="C6401" i="2"/>
  <c r="D6401" i="2"/>
  <c r="A6403" i="2" l="1"/>
  <c r="C6402" i="2"/>
  <c r="D6402" i="2"/>
  <c r="A6404" i="2" l="1"/>
  <c r="C6403" i="2"/>
  <c r="D6403" i="2"/>
  <c r="A6405" i="2" l="1"/>
  <c r="C6404" i="2"/>
  <c r="D6404" i="2"/>
  <c r="A6406" i="2" l="1"/>
  <c r="C6405" i="2"/>
  <c r="D6405" i="2"/>
  <c r="A6407" i="2" l="1"/>
  <c r="C6406" i="2"/>
  <c r="D6406" i="2"/>
  <c r="A6408" i="2" l="1"/>
  <c r="C6407" i="2"/>
  <c r="D6407" i="2"/>
  <c r="A6409" i="2" l="1"/>
  <c r="C6408" i="2"/>
  <c r="D6408" i="2"/>
  <c r="A6410" i="2" l="1"/>
  <c r="C6409" i="2"/>
  <c r="D6409" i="2"/>
  <c r="A6411" i="2" l="1"/>
  <c r="C6410" i="2"/>
  <c r="D6410" i="2"/>
  <c r="A6412" i="2" l="1"/>
  <c r="C6411" i="2"/>
  <c r="D6411" i="2"/>
  <c r="A6413" i="2" l="1"/>
  <c r="C6412" i="2"/>
  <c r="D6412" i="2"/>
  <c r="A6414" i="2" l="1"/>
  <c r="C6413" i="2"/>
  <c r="D6413" i="2"/>
  <c r="A6415" i="2" l="1"/>
  <c r="C6414" i="2"/>
  <c r="D6414" i="2"/>
  <c r="A6416" i="2" l="1"/>
  <c r="C6415" i="2"/>
  <c r="D6415" i="2"/>
  <c r="A6417" i="2" l="1"/>
  <c r="C6416" i="2"/>
  <c r="D6416" i="2"/>
  <c r="A6418" i="2" l="1"/>
  <c r="C6417" i="2"/>
  <c r="D6417" i="2"/>
  <c r="A6419" i="2" l="1"/>
  <c r="C6418" i="2"/>
  <c r="D6418" i="2"/>
  <c r="A6420" i="2" l="1"/>
  <c r="C6419" i="2"/>
  <c r="D6419" i="2"/>
  <c r="A6421" i="2" l="1"/>
  <c r="C6420" i="2"/>
  <c r="D6420" i="2"/>
  <c r="A6422" i="2" l="1"/>
  <c r="C6421" i="2"/>
  <c r="D6421" i="2"/>
  <c r="A6423" i="2" l="1"/>
  <c r="C6422" i="2"/>
  <c r="D6422" i="2"/>
  <c r="A6424" i="2" l="1"/>
  <c r="C6423" i="2"/>
  <c r="D6423" i="2"/>
  <c r="A6425" i="2" l="1"/>
  <c r="C6424" i="2"/>
  <c r="D6424" i="2"/>
  <c r="A6426" i="2" l="1"/>
  <c r="C6425" i="2"/>
  <c r="D6425" i="2"/>
  <c r="A6427" i="2" l="1"/>
  <c r="C6426" i="2"/>
  <c r="D6426" i="2"/>
  <c r="A6428" i="2" l="1"/>
  <c r="C6427" i="2"/>
  <c r="D6427" i="2"/>
  <c r="A6429" i="2" l="1"/>
  <c r="C6428" i="2"/>
  <c r="D6428" i="2"/>
  <c r="A6430" i="2" l="1"/>
  <c r="C6429" i="2"/>
  <c r="D6429" i="2"/>
  <c r="A6431" i="2" l="1"/>
  <c r="C6430" i="2"/>
  <c r="D6430" i="2"/>
  <c r="A6432" i="2" l="1"/>
  <c r="C6431" i="2"/>
  <c r="D6431" i="2"/>
  <c r="A6433" i="2" l="1"/>
  <c r="C6432" i="2"/>
  <c r="D6432" i="2"/>
  <c r="A6434" i="2" l="1"/>
  <c r="C6433" i="2"/>
  <c r="D6433" i="2"/>
  <c r="A6435" i="2" l="1"/>
  <c r="C6434" i="2"/>
  <c r="D6434" i="2"/>
  <c r="A6436" i="2" l="1"/>
  <c r="C6435" i="2"/>
  <c r="D6435" i="2"/>
  <c r="A6437" i="2" l="1"/>
  <c r="C6436" i="2"/>
  <c r="D6436" i="2"/>
  <c r="A6438" i="2" l="1"/>
  <c r="C6437" i="2"/>
  <c r="D6437" i="2"/>
  <c r="A6439" i="2" l="1"/>
  <c r="C6438" i="2"/>
  <c r="D6438" i="2"/>
  <c r="A6440" i="2" l="1"/>
  <c r="C6439" i="2"/>
  <c r="D6439" i="2"/>
  <c r="A6441" i="2" l="1"/>
  <c r="C6440" i="2"/>
  <c r="D6440" i="2"/>
  <c r="A6442" i="2" l="1"/>
  <c r="C6441" i="2"/>
  <c r="D6441" i="2"/>
  <c r="A6443" i="2" l="1"/>
  <c r="C6442" i="2"/>
  <c r="D6442" i="2"/>
  <c r="A6444" i="2" l="1"/>
  <c r="C6443" i="2"/>
  <c r="D6443" i="2"/>
  <c r="A6445" i="2" l="1"/>
  <c r="C6444" i="2"/>
  <c r="D6444" i="2"/>
  <c r="A6446" i="2" l="1"/>
  <c r="C6445" i="2"/>
  <c r="D6445" i="2"/>
  <c r="A6447" i="2" l="1"/>
  <c r="C6446" i="2"/>
  <c r="D6446" i="2"/>
  <c r="A6448" i="2" l="1"/>
  <c r="C6447" i="2"/>
  <c r="D6447" i="2"/>
  <c r="A6449" i="2" l="1"/>
  <c r="C6448" i="2"/>
  <c r="D6448" i="2"/>
  <c r="A6450" i="2" l="1"/>
  <c r="C6449" i="2"/>
  <c r="D6449" i="2"/>
  <c r="A6451" i="2" l="1"/>
  <c r="C6450" i="2"/>
  <c r="D6450" i="2"/>
  <c r="A6452" i="2" l="1"/>
  <c r="C6451" i="2"/>
  <c r="D6451" i="2"/>
  <c r="A6453" i="2" l="1"/>
  <c r="C6452" i="2"/>
  <c r="D6452" i="2"/>
  <c r="A6454" i="2" l="1"/>
  <c r="C6453" i="2"/>
  <c r="D6453" i="2"/>
  <c r="A6455" i="2" l="1"/>
  <c r="C6454" i="2"/>
  <c r="D6454" i="2"/>
  <c r="A6456" i="2" l="1"/>
  <c r="C6455" i="2"/>
  <c r="D6455" i="2"/>
  <c r="A6457" i="2" l="1"/>
  <c r="C6456" i="2"/>
  <c r="D6456" i="2"/>
  <c r="A6458" i="2" l="1"/>
  <c r="C6457" i="2"/>
  <c r="D6457" i="2"/>
  <c r="A6459" i="2" l="1"/>
  <c r="C6458" i="2"/>
  <c r="D6458" i="2"/>
  <c r="A6460" i="2" l="1"/>
  <c r="C6459" i="2"/>
  <c r="D6459" i="2"/>
  <c r="A6461" i="2" l="1"/>
  <c r="C6460" i="2"/>
  <c r="D6460" i="2"/>
  <c r="A6462" i="2" l="1"/>
  <c r="C6461" i="2"/>
  <c r="D6461" i="2"/>
  <c r="A6463" i="2" l="1"/>
  <c r="C6462" i="2"/>
  <c r="D6462" i="2"/>
  <c r="A6464" i="2" l="1"/>
  <c r="C6463" i="2"/>
  <c r="D6463" i="2"/>
  <c r="A6465" i="2" l="1"/>
  <c r="C6464" i="2"/>
  <c r="D6464" i="2"/>
  <c r="A6466" i="2" l="1"/>
  <c r="C6465" i="2"/>
  <c r="D6465" i="2"/>
  <c r="A6467" i="2" l="1"/>
  <c r="C6466" i="2"/>
  <c r="D6466" i="2"/>
  <c r="A6468" i="2" l="1"/>
  <c r="C6467" i="2"/>
  <c r="D6467" i="2"/>
  <c r="A6469" i="2" l="1"/>
  <c r="C6468" i="2"/>
  <c r="D6468" i="2"/>
  <c r="A6470" i="2" l="1"/>
  <c r="C6469" i="2"/>
  <c r="D6469" i="2"/>
  <c r="A6471" i="2" l="1"/>
  <c r="C6470" i="2"/>
  <c r="D6470" i="2"/>
  <c r="A6472" i="2" l="1"/>
  <c r="C6471" i="2"/>
  <c r="D6471" i="2"/>
  <c r="A6473" i="2" l="1"/>
  <c r="C6472" i="2"/>
  <c r="D6472" i="2"/>
  <c r="A6474" i="2" l="1"/>
  <c r="C6473" i="2"/>
  <c r="D6473" i="2"/>
  <c r="A6475" i="2" l="1"/>
  <c r="C6474" i="2"/>
  <c r="D6474" i="2"/>
  <c r="A6476" i="2" l="1"/>
  <c r="C6475" i="2"/>
  <c r="D6475" i="2"/>
  <c r="A6477" i="2" l="1"/>
  <c r="C6476" i="2"/>
  <c r="D6476" i="2"/>
  <c r="A6478" i="2" l="1"/>
  <c r="C6477" i="2"/>
  <c r="D6477" i="2"/>
  <c r="A6479" i="2" l="1"/>
  <c r="C6478" i="2"/>
  <c r="D6478" i="2"/>
  <c r="A6480" i="2" l="1"/>
  <c r="C6479" i="2"/>
  <c r="D6479" i="2"/>
  <c r="A6481" i="2" l="1"/>
  <c r="C6480" i="2"/>
  <c r="D6480" i="2"/>
  <c r="A6482" i="2" l="1"/>
  <c r="C6481" i="2"/>
  <c r="D6481" i="2"/>
  <c r="A6483" i="2" l="1"/>
  <c r="C6482" i="2"/>
  <c r="D6482" i="2"/>
  <c r="A6484" i="2" l="1"/>
  <c r="C6483" i="2"/>
  <c r="D6483" i="2"/>
  <c r="A6485" i="2" l="1"/>
  <c r="C6484" i="2"/>
  <c r="D6484" i="2"/>
  <c r="A6486" i="2" l="1"/>
  <c r="C6485" i="2"/>
  <c r="D6485" i="2"/>
  <c r="A6487" i="2" l="1"/>
  <c r="C6486" i="2"/>
  <c r="D6486" i="2"/>
  <c r="A6488" i="2" l="1"/>
  <c r="C6487" i="2"/>
  <c r="D6487" i="2"/>
  <c r="A6489" i="2" l="1"/>
  <c r="C6488" i="2"/>
  <c r="D6488" i="2"/>
  <c r="A6490" i="2" l="1"/>
  <c r="C6489" i="2"/>
  <c r="D6489" i="2"/>
  <c r="A6491" i="2" l="1"/>
  <c r="C6490" i="2"/>
  <c r="D6490" i="2"/>
  <c r="A6492" i="2" l="1"/>
  <c r="C6491" i="2"/>
  <c r="D6491" i="2"/>
  <c r="A6493" i="2" l="1"/>
  <c r="C6492" i="2"/>
  <c r="D6492" i="2"/>
  <c r="A6494" i="2" l="1"/>
  <c r="C6493" i="2"/>
  <c r="D6493" i="2"/>
  <c r="A6495" i="2" l="1"/>
  <c r="C6494" i="2"/>
  <c r="D6494" i="2"/>
  <c r="A6496" i="2" l="1"/>
  <c r="C6495" i="2"/>
  <c r="D6495" i="2"/>
  <c r="A6497" i="2" l="1"/>
  <c r="C6496" i="2"/>
  <c r="D6496" i="2"/>
  <c r="A6498" i="2" l="1"/>
  <c r="C6497" i="2"/>
  <c r="D6497" i="2"/>
  <c r="A6499" i="2" l="1"/>
  <c r="C6498" i="2"/>
  <c r="D6498" i="2"/>
  <c r="A6500" i="2" l="1"/>
  <c r="C6499" i="2"/>
  <c r="D6499" i="2"/>
  <c r="A6501" i="2" l="1"/>
  <c r="C6500" i="2"/>
  <c r="D6500" i="2"/>
  <c r="A6502" i="2" l="1"/>
  <c r="C6501" i="2"/>
  <c r="D6501" i="2"/>
  <c r="A6503" i="2" l="1"/>
  <c r="C6502" i="2"/>
  <c r="D6502" i="2"/>
  <c r="A6504" i="2" l="1"/>
  <c r="C6503" i="2"/>
  <c r="D6503" i="2"/>
  <c r="A6505" i="2" l="1"/>
  <c r="C6504" i="2"/>
  <c r="D6504" i="2"/>
  <c r="A6506" i="2" l="1"/>
  <c r="C6505" i="2"/>
  <c r="D6505" i="2"/>
  <c r="A6507" i="2" l="1"/>
  <c r="C6506" i="2"/>
  <c r="D6506" i="2"/>
  <c r="A6508" i="2" l="1"/>
  <c r="C6507" i="2"/>
  <c r="D6507" i="2"/>
  <c r="A6509" i="2" l="1"/>
  <c r="C6508" i="2"/>
  <c r="D6508" i="2"/>
  <c r="A6510" i="2" l="1"/>
  <c r="C6509" i="2"/>
  <c r="D6509" i="2"/>
  <c r="A6511" i="2" l="1"/>
  <c r="C6510" i="2"/>
  <c r="D6510" i="2"/>
  <c r="A6512" i="2" l="1"/>
  <c r="C6511" i="2"/>
  <c r="D6511" i="2"/>
  <c r="A6513" i="2" l="1"/>
  <c r="C6512" i="2"/>
  <c r="D6512" i="2"/>
  <c r="A6514" i="2" l="1"/>
  <c r="C6513" i="2"/>
  <c r="D6513" i="2"/>
  <c r="A6515" i="2" l="1"/>
  <c r="C6514" i="2"/>
  <c r="D6514" i="2"/>
  <c r="A6516" i="2" l="1"/>
  <c r="C6515" i="2"/>
  <c r="D6515" i="2"/>
  <c r="A6517" i="2" l="1"/>
  <c r="C6516" i="2"/>
  <c r="D6516" i="2"/>
  <c r="A6518" i="2" l="1"/>
  <c r="C6517" i="2"/>
  <c r="D6517" i="2"/>
  <c r="A6519" i="2" l="1"/>
  <c r="C6518" i="2"/>
  <c r="D6518" i="2"/>
  <c r="A6520" i="2" l="1"/>
  <c r="C6519" i="2"/>
  <c r="D6519" i="2"/>
  <c r="A6521" i="2" l="1"/>
  <c r="C6520" i="2"/>
  <c r="D6520" i="2"/>
  <c r="A6522" i="2" l="1"/>
  <c r="C6521" i="2"/>
  <c r="D6521" i="2"/>
  <c r="A6523" i="2" l="1"/>
  <c r="C6522" i="2"/>
  <c r="D6522" i="2"/>
  <c r="A6524" i="2" l="1"/>
  <c r="C6523" i="2"/>
  <c r="D6523" i="2"/>
  <c r="A6525" i="2" l="1"/>
  <c r="C6524" i="2"/>
  <c r="D6524" i="2"/>
  <c r="A6526" i="2" l="1"/>
  <c r="C6525" i="2"/>
  <c r="D6525" i="2"/>
  <c r="A6527" i="2" l="1"/>
  <c r="C6526" i="2"/>
  <c r="D6526" i="2"/>
  <c r="A6528" i="2" l="1"/>
  <c r="C6527" i="2"/>
  <c r="D6527" i="2"/>
  <c r="A6529" i="2" l="1"/>
  <c r="C6528" i="2"/>
  <c r="D6528" i="2"/>
  <c r="A6530" i="2" l="1"/>
  <c r="C6529" i="2"/>
  <c r="D6529" i="2"/>
  <c r="A6531" i="2" l="1"/>
  <c r="C6530" i="2"/>
  <c r="D6530" i="2"/>
  <c r="A6532" i="2" l="1"/>
  <c r="C6531" i="2"/>
  <c r="D6531" i="2"/>
  <c r="A6533" i="2" l="1"/>
  <c r="C6532" i="2"/>
  <c r="D6532" i="2"/>
  <c r="A6534" i="2" l="1"/>
  <c r="C6533" i="2"/>
  <c r="D6533" i="2"/>
  <c r="A6535" i="2" l="1"/>
  <c r="C6534" i="2"/>
  <c r="D6534" i="2"/>
  <c r="A6536" i="2" l="1"/>
  <c r="C6535" i="2"/>
  <c r="D6535" i="2"/>
  <c r="A6537" i="2" l="1"/>
  <c r="C6536" i="2"/>
  <c r="D6536" i="2"/>
  <c r="A6538" i="2" l="1"/>
  <c r="C6537" i="2"/>
  <c r="D6537" i="2"/>
  <c r="A6539" i="2" l="1"/>
  <c r="C6538" i="2"/>
  <c r="D6538" i="2"/>
  <c r="A6540" i="2" l="1"/>
  <c r="C6539" i="2"/>
  <c r="D6539" i="2"/>
  <c r="A6541" i="2" l="1"/>
  <c r="C6540" i="2"/>
  <c r="D6540" i="2"/>
  <c r="A6542" i="2" l="1"/>
  <c r="C6541" i="2"/>
  <c r="D6541" i="2"/>
  <c r="A6543" i="2" l="1"/>
  <c r="C6542" i="2"/>
  <c r="D6542" i="2"/>
  <c r="A6544" i="2" l="1"/>
  <c r="C6543" i="2"/>
  <c r="D6543" i="2"/>
  <c r="A6545" i="2" l="1"/>
  <c r="C6544" i="2"/>
  <c r="D6544" i="2"/>
  <c r="A6546" i="2" l="1"/>
  <c r="C6545" i="2"/>
  <c r="D6545" i="2"/>
  <c r="A6547" i="2" l="1"/>
  <c r="C6546" i="2"/>
  <c r="D6546" i="2"/>
  <c r="A6548" i="2" l="1"/>
  <c r="C6547" i="2"/>
  <c r="D6547" i="2"/>
  <c r="A6549" i="2" l="1"/>
  <c r="C6548" i="2"/>
  <c r="D6548" i="2"/>
  <c r="A6550" i="2" l="1"/>
  <c r="C6549" i="2"/>
  <c r="D6549" i="2"/>
  <c r="A6551" i="2" l="1"/>
  <c r="C6550" i="2"/>
  <c r="D6550" i="2"/>
  <c r="A6552" i="2" l="1"/>
  <c r="C6551" i="2"/>
  <c r="D6551" i="2"/>
  <c r="A6553" i="2" l="1"/>
  <c r="C6552" i="2"/>
  <c r="D6552" i="2"/>
  <c r="A6554" i="2" l="1"/>
  <c r="C6553" i="2"/>
  <c r="D6553" i="2"/>
  <c r="A6555" i="2" l="1"/>
  <c r="C6554" i="2"/>
  <c r="D6554" i="2"/>
  <c r="A6556" i="2" l="1"/>
  <c r="C6555" i="2"/>
  <c r="D6555" i="2"/>
  <c r="A6557" i="2" l="1"/>
  <c r="C6556" i="2"/>
  <c r="D6556" i="2"/>
  <c r="A6558" i="2" l="1"/>
  <c r="C6557" i="2"/>
  <c r="D6557" i="2"/>
  <c r="A6559" i="2" l="1"/>
  <c r="C6558" i="2"/>
  <c r="D6558" i="2"/>
  <c r="A6560" i="2" l="1"/>
  <c r="C6559" i="2"/>
  <c r="D6559" i="2"/>
  <c r="A6561" i="2" l="1"/>
  <c r="C6560" i="2"/>
  <c r="D6560" i="2"/>
  <c r="A6562" i="2" l="1"/>
  <c r="C6561" i="2"/>
  <c r="D6561" i="2"/>
  <c r="A6563" i="2" l="1"/>
  <c r="C6562" i="2"/>
  <c r="D6562" i="2"/>
  <c r="A6564" i="2" l="1"/>
  <c r="C6563" i="2"/>
  <c r="D6563" i="2"/>
  <c r="A6565" i="2" l="1"/>
  <c r="C6564" i="2"/>
  <c r="D6564" i="2"/>
  <c r="A6566" i="2" l="1"/>
  <c r="C6565" i="2"/>
  <c r="D6565" i="2"/>
  <c r="A6567" i="2" l="1"/>
  <c r="C6566" i="2"/>
  <c r="D6566" i="2"/>
  <c r="A6568" i="2" l="1"/>
  <c r="C6567" i="2"/>
  <c r="D6567" i="2"/>
  <c r="A6569" i="2" l="1"/>
  <c r="C6568" i="2"/>
  <c r="D6568" i="2"/>
  <c r="A6570" i="2" l="1"/>
  <c r="C6569" i="2"/>
  <c r="D6569" i="2"/>
  <c r="A6571" i="2" l="1"/>
  <c r="C6570" i="2"/>
  <c r="D6570" i="2"/>
  <c r="A6572" i="2" l="1"/>
  <c r="C6571" i="2"/>
  <c r="D6571" i="2"/>
  <c r="A6573" i="2" l="1"/>
  <c r="C6572" i="2"/>
  <c r="D6572" i="2"/>
  <c r="A6574" i="2" l="1"/>
  <c r="C6573" i="2"/>
  <c r="D6573" i="2"/>
  <c r="A6575" i="2" l="1"/>
  <c r="C6574" i="2"/>
  <c r="D6574" i="2"/>
  <c r="A6576" i="2" l="1"/>
  <c r="C6575" i="2"/>
  <c r="D6575" i="2"/>
  <c r="A6577" i="2" l="1"/>
  <c r="C6576" i="2"/>
  <c r="D6576" i="2"/>
  <c r="A6578" i="2" l="1"/>
  <c r="C6577" i="2"/>
  <c r="D6577" i="2"/>
  <c r="A6579" i="2" l="1"/>
  <c r="C6578" i="2"/>
  <c r="D6578" i="2"/>
  <c r="A6580" i="2" l="1"/>
  <c r="C6579" i="2"/>
  <c r="D6579" i="2"/>
  <c r="A6581" i="2" l="1"/>
  <c r="C6580" i="2"/>
  <c r="D6580" i="2"/>
  <c r="A6582" i="2" l="1"/>
  <c r="C6581" i="2"/>
  <c r="D6581" i="2"/>
  <c r="A6583" i="2" l="1"/>
  <c r="C6582" i="2"/>
  <c r="D6582" i="2"/>
  <c r="A6584" i="2" l="1"/>
  <c r="C6583" i="2"/>
  <c r="D6583" i="2"/>
  <c r="A6585" i="2" l="1"/>
  <c r="C6584" i="2"/>
  <c r="D6584" i="2"/>
  <c r="A6586" i="2" l="1"/>
  <c r="C6585" i="2"/>
  <c r="D6585" i="2"/>
  <c r="A6587" i="2" l="1"/>
  <c r="C6586" i="2"/>
  <c r="D6586" i="2"/>
  <c r="A6588" i="2" l="1"/>
  <c r="C6587" i="2"/>
  <c r="D6587" i="2"/>
  <c r="A6589" i="2" l="1"/>
  <c r="C6588" i="2"/>
  <c r="D6588" i="2"/>
  <c r="A6590" i="2" l="1"/>
  <c r="C6589" i="2"/>
  <c r="D6589" i="2"/>
  <c r="A6591" i="2" l="1"/>
  <c r="C6590" i="2"/>
  <c r="D6590" i="2"/>
  <c r="A6592" i="2" l="1"/>
  <c r="C6591" i="2"/>
  <c r="D6591" i="2"/>
  <c r="A6593" i="2" l="1"/>
  <c r="C6592" i="2"/>
  <c r="D6592" i="2"/>
  <c r="A6594" i="2" l="1"/>
  <c r="C6593" i="2"/>
  <c r="D6593" i="2"/>
  <c r="A6595" i="2" l="1"/>
  <c r="C6594" i="2"/>
  <c r="D6594" i="2"/>
  <c r="A6596" i="2" l="1"/>
  <c r="C6595" i="2"/>
  <c r="D6595" i="2"/>
  <c r="A6597" i="2" l="1"/>
  <c r="C6596" i="2"/>
  <c r="D6596" i="2"/>
  <c r="A6598" i="2" l="1"/>
  <c r="C6597" i="2"/>
  <c r="D6597" i="2"/>
  <c r="A6599" i="2" l="1"/>
  <c r="C6598" i="2"/>
  <c r="D6598" i="2"/>
  <c r="A6600" i="2" l="1"/>
  <c r="C6599" i="2"/>
  <c r="D6599" i="2"/>
  <c r="A6601" i="2" l="1"/>
  <c r="C6600" i="2"/>
  <c r="D6600" i="2"/>
  <c r="A6602" i="2" l="1"/>
  <c r="C6601" i="2"/>
  <c r="D6601" i="2"/>
  <c r="A6603" i="2" l="1"/>
  <c r="C6602" i="2"/>
  <c r="D6602" i="2"/>
  <c r="A6604" i="2" l="1"/>
  <c r="C6603" i="2"/>
  <c r="D6603" i="2"/>
  <c r="A6605" i="2" l="1"/>
  <c r="C6604" i="2"/>
  <c r="D6604" i="2"/>
  <c r="A6606" i="2" l="1"/>
  <c r="C6605" i="2"/>
  <c r="D6605" i="2"/>
  <c r="A6607" i="2" l="1"/>
  <c r="C6606" i="2"/>
  <c r="D6606" i="2"/>
  <c r="A6608" i="2" l="1"/>
  <c r="C6607" i="2"/>
  <c r="D6607" i="2"/>
  <c r="A6609" i="2" l="1"/>
  <c r="C6608" i="2"/>
  <c r="D6608" i="2"/>
  <c r="A6610" i="2" l="1"/>
  <c r="C6609" i="2"/>
  <c r="D6609" i="2"/>
  <c r="A6611" i="2" l="1"/>
  <c r="C6610" i="2"/>
  <c r="D6610" i="2"/>
  <c r="A6612" i="2" l="1"/>
  <c r="C6611" i="2"/>
  <c r="D6611" i="2"/>
  <c r="A6613" i="2" l="1"/>
  <c r="C6612" i="2"/>
  <c r="D6612" i="2"/>
  <c r="A6614" i="2" l="1"/>
  <c r="C6613" i="2"/>
  <c r="D6613" i="2"/>
  <c r="A6615" i="2" l="1"/>
  <c r="C6614" i="2"/>
  <c r="D6614" i="2"/>
  <c r="A6616" i="2" l="1"/>
  <c r="C6615" i="2"/>
  <c r="D6615" i="2"/>
  <c r="A6617" i="2" l="1"/>
  <c r="C6616" i="2"/>
  <c r="D6616" i="2"/>
  <c r="A6618" i="2" l="1"/>
  <c r="C6617" i="2"/>
  <c r="D6617" i="2"/>
  <c r="A6619" i="2" l="1"/>
  <c r="C6618" i="2"/>
  <c r="D6618" i="2"/>
  <c r="A6620" i="2" l="1"/>
  <c r="C6619" i="2"/>
  <c r="D6619" i="2"/>
  <c r="A6621" i="2" l="1"/>
  <c r="C6620" i="2"/>
  <c r="D6620" i="2"/>
  <c r="A6622" i="2" l="1"/>
  <c r="C6621" i="2"/>
  <c r="D6621" i="2"/>
  <c r="A6623" i="2" l="1"/>
  <c r="C6622" i="2"/>
  <c r="D6622" i="2"/>
  <c r="A6624" i="2" l="1"/>
  <c r="C6623" i="2"/>
  <c r="D6623" i="2"/>
  <c r="A6625" i="2" l="1"/>
  <c r="C6624" i="2"/>
  <c r="D6624" i="2"/>
  <c r="A6626" i="2" l="1"/>
  <c r="C6625" i="2"/>
  <c r="D6625" i="2"/>
  <c r="A6627" i="2" l="1"/>
  <c r="C6626" i="2"/>
  <c r="D6626" i="2"/>
  <c r="A6628" i="2" l="1"/>
  <c r="C6627" i="2"/>
  <c r="D6627" i="2"/>
  <c r="A6629" i="2" l="1"/>
  <c r="C6628" i="2"/>
  <c r="D6628" i="2"/>
  <c r="A6630" i="2" l="1"/>
  <c r="C6629" i="2"/>
  <c r="D6629" i="2"/>
  <c r="A6631" i="2" l="1"/>
  <c r="C6630" i="2"/>
  <c r="D6630" i="2"/>
  <c r="A6632" i="2" l="1"/>
  <c r="C6631" i="2"/>
  <c r="D6631" i="2"/>
  <c r="A6633" i="2" l="1"/>
  <c r="C6632" i="2"/>
  <c r="D6632" i="2"/>
  <c r="A6634" i="2" l="1"/>
  <c r="C6633" i="2"/>
  <c r="D6633" i="2"/>
  <c r="A6635" i="2" l="1"/>
  <c r="C6634" i="2"/>
  <c r="D6634" i="2"/>
  <c r="A6636" i="2" l="1"/>
  <c r="C6635" i="2"/>
  <c r="D6635" i="2"/>
  <c r="A6637" i="2" l="1"/>
  <c r="C6636" i="2"/>
  <c r="D6636" i="2"/>
  <c r="A6638" i="2" l="1"/>
  <c r="C6637" i="2"/>
  <c r="D6637" i="2"/>
  <c r="A6639" i="2" l="1"/>
  <c r="C6638" i="2"/>
  <c r="D6638" i="2"/>
  <c r="A6640" i="2" l="1"/>
  <c r="C6639" i="2"/>
  <c r="D6639" i="2"/>
  <c r="A6641" i="2" l="1"/>
  <c r="C6640" i="2"/>
  <c r="D6640" i="2"/>
  <c r="A6642" i="2" l="1"/>
  <c r="C6641" i="2"/>
  <c r="D6641" i="2"/>
  <c r="A6643" i="2" l="1"/>
  <c r="C6642" i="2"/>
  <c r="D6642" i="2"/>
  <c r="A6644" i="2" l="1"/>
  <c r="C6643" i="2"/>
  <c r="D6643" i="2"/>
  <c r="A6645" i="2" l="1"/>
  <c r="C6644" i="2"/>
  <c r="D6644" i="2"/>
  <c r="A6646" i="2" l="1"/>
  <c r="C6645" i="2"/>
  <c r="D6645" i="2"/>
  <c r="A6647" i="2" l="1"/>
  <c r="C6646" i="2"/>
  <c r="D6646" i="2"/>
  <c r="A6648" i="2" l="1"/>
  <c r="C6647" i="2"/>
  <c r="D6647" i="2"/>
  <c r="A6649" i="2" l="1"/>
  <c r="C6648" i="2"/>
  <c r="D6648" i="2"/>
  <c r="A6650" i="2" l="1"/>
  <c r="C6649" i="2"/>
  <c r="D6649" i="2"/>
  <c r="A6651" i="2" l="1"/>
  <c r="C6650" i="2"/>
  <c r="D6650" i="2"/>
  <c r="A6652" i="2" l="1"/>
  <c r="C6651" i="2"/>
  <c r="D6651" i="2"/>
  <c r="A6653" i="2" l="1"/>
  <c r="C6652" i="2"/>
  <c r="D6652" i="2"/>
  <c r="A6654" i="2" l="1"/>
  <c r="C6653" i="2"/>
  <c r="D6653" i="2"/>
  <c r="A6655" i="2" l="1"/>
  <c r="C6654" i="2"/>
  <c r="D6654" i="2"/>
  <c r="A6656" i="2" l="1"/>
  <c r="C6655" i="2"/>
  <c r="D6655" i="2"/>
  <c r="A6657" i="2" l="1"/>
  <c r="C6656" i="2"/>
  <c r="D6656" i="2"/>
  <c r="A6658" i="2" l="1"/>
  <c r="C6657" i="2"/>
  <c r="D6657" i="2"/>
  <c r="A6659" i="2" l="1"/>
  <c r="C6658" i="2"/>
  <c r="D6658" i="2"/>
  <c r="A6660" i="2" l="1"/>
  <c r="C6659" i="2"/>
  <c r="D6659" i="2"/>
  <c r="A6661" i="2" l="1"/>
  <c r="C6660" i="2"/>
  <c r="D6660" i="2"/>
  <c r="A6662" i="2" l="1"/>
  <c r="C6661" i="2"/>
  <c r="D6661" i="2"/>
  <c r="A6663" i="2" l="1"/>
  <c r="C6662" i="2"/>
  <c r="D6662" i="2"/>
  <c r="A6664" i="2" l="1"/>
  <c r="C6663" i="2"/>
  <c r="D6663" i="2"/>
  <c r="A6665" i="2" l="1"/>
  <c r="C6664" i="2"/>
  <c r="D6664" i="2"/>
  <c r="A6666" i="2" l="1"/>
  <c r="C6665" i="2"/>
  <c r="D6665" i="2"/>
  <c r="A6667" i="2" l="1"/>
  <c r="C6666" i="2"/>
  <c r="D6666" i="2"/>
  <c r="A6668" i="2" l="1"/>
  <c r="C6667" i="2"/>
  <c r="D6667" i="2"/>
  <c r="A6669" i="2" l="1"/>
  <c r="C6668" i="2"/>
  <c r="D6668" i="2"/>
  <c r="A6670" i="2" l="1"/>
  <c r="C6669" i="2"/>
  <c r="D6669" i="2"/>
  <c r="A6671" i="2" l="1"/>
  <c r="C6670" i="2"/>
  <c r="D6670" i="2"/>
  <c r="A6672" i="2" l="1"/>
  <c r="C6671" i="2"/>
  <c r="D6671" i="2"/>
  <c r="A6673" i="2" l="1"/>
  <c r="C6672" i="2"/>
  <c r="D6672" i="2"/>
  <c r="A6674" i="2" l="1"/>
  <c r="C6673" i="2"/>
  <c r="D6673" i="2"/>
  <c r="A6675" i="2" l="1"/>
  <c r="C6674" i="2"/>
  <c r="D6674" i="2"/>
  <c r="A6676" i="2" l="1"/>
  <c r="C6675" i="2"/>
  <c r="D6675" i="2"/>
  <c r="A6677" i="2" l="1"/>
  <c r="C6676" i="2"/>
  <c r="D6676" i="2"/>
  <c r="A6678" i="2" l="1"/>
  <c r="C6677" i="2"/>
  <c r="D6677" i="2"/>
  <c r="A6679" i="2" l="1"/>
  <c r="C6678" i="2"/>
  <c r="D6678" i="2"/>
  <c r="A6680" i="2" l="1"/>
  <c r="C6679" i="2"/>
  <c r="D6679" i="2"/>
  <c r="A6681" i="2" l="1"/>
  <c r="C6680" i="2"/>
  <c r="D6680" i="2"/>
  <c r="A6682" i="2" l="1"/>
  <c r="C6681" i="2"/>
  <c r="D6681" i="2"/>
  <c r="A6683" i="2" l="1"/>
  <c r="C6682" i="2"/>
  <c r="D6682" i="2"/>
  <c r="A6684" i="2" l="1"/>
  <c r="C6683" i="2"/>
  <c r="D6683" i="2"/>
  <c r="A6685" i="2" l="1"/>
  <c r="C6684" i="2"/>
  <c r="D6684" i="2"/>
  <c r="A6686" i="2" l="1"/>
  <c r="C6685" i="2"/>
  <c r="D6685" i="2"/>
  <c r="A6687" i="2" l="1"/>
  <c r="C6686" i="2"/>
  <c r="D6686" i="2"/>
  <c r="A6688" i="2" l="1"/>
  <c r="C6687" i="2"/>
  <c r="D6687" i="2"/>
  <c r="A6689" i="2" l="1"/>
  <c r="C6688" i="2"/>
  <c r="D6688" i="2"/>
  <c r="A6690" i="2" l="1"/>
  <c r="C6689" i="2"/>
  <c r="D6689" i="2"/>
  <c r="A6691" i="2" l="1"/>
  <c r="C6690" i="2"/>
  <c r="D6690" i="2"/>
  <c r="A6692" i="2" l="1"/>
  <c r="C6691" i="2"/>
  <c r="D6691" i="2"/>
  <c r="A6693" i="2" l="1"/>
  <c r="C6692" i="2"/>
  <c r="D6692" i="2"/>
  <c r="A6694" i="2" l="1"/>
  <c r="C6693" i="2"/>
  <c r="D6693" i="2"/>
  <c r="A6695" i="2" l="1"/>
  <c r="C6694" i="2"/>
  <c r="D6694" i="2"/>
  <c r="A6696" i="2" l="1"/>
  <c r="C6695" i="2"/>
  <c r="D6695" i="2"/>
  <c r="A6697" i="2" l="1"/>
  <c r="C6696" i="2"/>
  <c r="D6696" i="2"/>
  <c r="A6698" i="2" l="1"/>
  <c r="C6697" i="2"/>
  <c r="D6697" i="2"/>
  <c r="A6699" i="2" l="1"/>
  <c r="C6698" i="2"/>
  <c r="D6698" i="2"/>
  <c r="A6700" i="2" l="1"/>
  <c r="C6699" i="2"/>
  <c r="D6699" i="2"/>
  <c r="A6701" i="2" l="1"/>
  <c r="C6700" i="2"/>
  <c r="D6700" i="2"/>
  <c r="A6702" i="2" l="1"/>
  <c r="C6701" i="2"/>
  <c r="D6701" i="2"/>
  <c r="A6703" i="2" l="1"/>
  <c r="C6702" i="2"/>
  <c r="D6702" i="2"/>
  <c r="A6704" i="2" l="1"/>
  <c r="C6703" i="2"/>
  <c r="D6703" i="2"/>
  <c r="A6705" i="2" l="1"/>
  <c r="C6704" i="2"/>
  <c r="D6704" i="2"/>
  <c r="A6706" i="2" l="1"/>
  <c r="C6705" i="2"/>
  <c r="D6705" i="2"/>
  <c r="A6707" i="2" l="1"/>
  <c r="C6706" i="2"/>
  <c r="D6706" i="2"/>
  <c r="A6708" i="2" l="1"/>
  <c r="C6707" i="2"/>
  <c r="D6707" i="2"/>
  <c r="A6709" i="2" l="1"/>
  <c r="C6708" i="2"/>
  <c r="D6708" i="2"/>
  <c r="A6710" i="2" l="1"/>
  <c r="C6709" i="2"/>
  <c r="D6709" i="2"/>
  <c r="A6711" i="2" l="1"/>
  <c r="C6710" i="2"/>
  <c r="D6710" i="2"/>
  <c r="A6712" i="2" l="1"/>
  <c r="C6711" i="2"/>
  <c r="D6711" i="2"/>
  <c r="A6713" i="2" l="1"/>
  <c r="C6712" i="2"/>
  <c r="D6712" i="2"/>
  <c r="A6714" i="2" l="1"/>
  <c r="C6713" i="2"/>
  <c r="D6713" i="2"/>
  <c r="A6715" i="2" l="1"/>
  <c r="C6714" i="2"/>
  <c r="D6714" i="2"/>
  <c r="A6716" i="2" l="1"/>
  <c r="C6715" i="2"/>
  <c r="D6715" i="2"/>
  <c r="A6717" i="2" l="1"/>
  <c r="C6716" i="2"/>
  <c r="D6716" i="2"/>
  <c r="A6718" i="2" l="1"/>
  <c r="C6717" i="2"/>
  <c r="D6717" i="2"/>
  <c r="A6719" i="2" l="1"/>
  <c r="C6718" i="2"/>
  <c r="D6718" i="2"/>
  <c r="A6720" i="2" l="1"/>
  <c r="C6719" i="2"/>
  <c r="D6719" i="2"/>
  <c r="A6721" i="2" l="1"/>
  <c r="C6720" i="2"/>
  <c r="D6720" i="2"/>
  <c r="A6722" i="2" l="1"/>
  <c r="C6721" i="2"/>
  <c r="D6721" i="2"/>
  <c r="A6723" i="2" l="1"/>
  <c r="C6722" i="2"/>
  <c r="D6722" i="2"/>
  <c r="A6724" i="2" l="1"/>
  <c r="C6723" i="2"/>
  <c r="D6723" i="2"/>
  <c r="A6725" i="2" l="1"/>
  <c r="C6724" i="2"/>
  <c r="D6724" i="2"/>
  <c r="A6726" i="2" l="1"/>
  <c r="C6725" i="2"/>
  <c r="D6725" i="2"/>
  <c r="A6727" i="2" l="1"/>
  <c r="C6726" i="2"/>
  <c r="D6726" i="2"/>
  <c r="A6728" i="2" l="1"/>
  <c r="C6727" i="2"/>
  <c r="D6727" i="2"/>
  <c r="A6729" i="2" l="1"/>
  <c r="C6728" i="2"/>
  <c r="D6728" i="2"/>
  <c r="A6730" i="2" l="1"/>
  <c r="C6729" i="2"/>
  <c r="D6729" i="2"/>
  <c r="A6731" i="2" l="1"/>
  <c r="C6730" i="2"/>
  <c r="D6730" i="2"/>
  <c r="A6732" i="2" l="1"/>
  <c r="C6731" i="2"/>
  <c r="D6731" i="2"/>
  <c r="A6733" i="2" l="1"/>
  <c r="C6732" i="2"/>
  <c r="D6732" i="2"/>
  <c r="A6734" i="2" l="1"/>
  <c r="C6733" i="2"/>
  <c r="D6733" i="2"/>
  <c r="A6735" i="2" l="1"/>
  <c r="C6734" i="2"/>
  <c r="D6734" i="2"/>
  <c r="A6736" i="2" l="1"/>
  <c r="C6735" i="2"/>
  <c r="D6735" i="2"/>
  <c r="A6737" i="2" l="1"/>
  <c r="C6736" i="2"/>
  <c r="D6736" i="2"/>
  <c r="A6738" i="2" l="1"/>
  <c r="C6737" i="2"/>
  <c r="D6737" i="2"/>
  <c r="A6739" i="2" l="1"/>
  <c r="C6738" i="2"/>
  <c r="D6738" i="2"/>
  <c r="A6740" i="2" l="1"/>
  <c r="C6739" i="2"/>
  <c r="D6739" i="2"/>
  <c r="A6741" i="2" l="1"/>
  <c r="C6740" i="2"/>
  <c r="D6740" i="2"/>
  <c r="A6742" i="2" l="1"/>
  <c r="C6741" i="2"/>
  <c r="D6741" i="2"/>
  <c r="A6743" i="2" l="1"/>
  <c r="C6742" i="2"/>
  <c r="D6742" i="2"/>
  <c r="A6744" i="2" l="1"/>
  <c r="C6743" i="2"/>
  <c r="D6743" i="2"/>
  <c r="A6745" i="2" l="1"/>
  <c r="C6744" i="2"/>
  <c r="D6744" i="2"/>
  <c r="A6746" i="2" l="1"/>
  <c r="C6745" i="2"/>
  <c r="D6745" i="2"/>
  <c r="A6747" i="2" l="1"/>
  <c r="C6746" i="2"/>
  <c r="D6746" i="2"/>
  <c r="A6748" i="2" l="1"/>
  <c r="C6747" i="2"/>
  <c r="D6747" i="2"/>
  <c r="A6749" i="2" l="1"/>
  <c r="C6748" i="2"/>
  <c r="D6748" i="2"/>
  <c r="A6750" i="2" l="1"/>
  <c r="C6749" i="2"/>
  <c r="D6749" i="2"/>
  <c r="A6751" i="2" l="1"/>
  <c r="C6750" i="2"/>
  <c r="D6750" i="2"/>
  <c r="A6752" i="2" l="1"/>
  <c r="C6751" i="2"/>
  <c r="D6751" i="2"/>
  <c r="A6753" i="2" l="1"/>
  <c r="C6752" i="2"/>
  <c r="D6752" i="2"/>
  <c r="A6754" i="2" l="1"/>
  <c r="C6753" i="2"/>
  <c r="D6753" i="2"/>
  <c r="A6755" i="2" l="1"/>
  <c r="C6754" i="2"/>
  <c r="D6754" i="2"/>
  <c r="A6756" i="2" l="1"/>
  <c r="C6755" i="2"/>
  <c r="D6755" i="2"/>
  <c r="A6757" i="2" l="1"/>
  <c r="C6756" i="2"/>
  <c r="D6756" i="2"/>
  <c r="A6758" i="2" l="1"/>
  <c r="C6757" i="2"/>
  <c r="D6757" i="2"/>
  <c r="A6759" i="2" l="1"/>
  <c r="C6758" i="2"/>
  <c r="D6758" i="2"/>
  <c r="A6760" i="2" l="1"/>
  <c r="C6759" i="2"/>
  <c r="D6759" i="2"/>
  <c r="A6761" i="2" l="1"/>
  <c r="C6760" i="2"/>
  <c r="D6760" i="2"/>
  <c r="A6762" i="2" l="1"/>
  <c r="C6761" i="2"/>
  <c r="D6761" i="2"/>
  <c r="A6763" i="2" l="1"/>
  <c r="C6762" i="2"/>
  <c r="D6762" i="2"/>
  <c r="A6764" i="2" l="1"/>
  <c r="C6763" i="2"/>
  <c r="D6763" i="2"/>
  <c r="A6765" i="2" l="1"/>
  <c r="C6764" i="2"/>
  <c r="D6764" i="2"/>
  <c r="A6766" i="2" l="1"/>
  <c r="C6765" i="2"/>
  <c r="D6765" i="2"/>
  <c r="A6767" i="2" l="1"/>
  <c r="C6766" i="2"/>
  <c r="D6766" i="2"/>
  <c r="A6768" i="2" l="1"/>
  <c r="C6767" i="2"/>
  <c r="D6767" i="2"/>
  <c r="A6769" i="2" l="1"/>
  <c r="C6768" i="2"/>
  <c r="D6768" i="2"/>
  <c r="A6770" i="2" l="1"/>
  <c r="C6769" i="2"/>
  <c r="D6769" i="2"/>
  <c r="A6771" i="2" l="1"/>
  <c r="C6770" i="2"/>
  <c r="D6770" i="2"/>
  <c r="A6772" i="2" l="1"/>
  <c r="C6771" i="2"/>
  <c r="D6771" i="2"/>
  <c r="A6773" i="2" l="1"/>
  <c r="C6772" i="2"/>
  <c r="D6772" i="2"/>
  <c r="A6774" i="2" l="1"/>
  <c r="C6773" i="2"/>
  <c r="D6773" i="2"/>
  <c r="A6775" i="2" l="1"/>
  <c r="C6774" i="2"/>
  <c r="D6774" i="2"/>
  <c r="A6776" i="2" l="1"/>
  <c r="C6775" i="2"/>
  <c r="D6775" i="2"/>
  <c r="A6777" i="2" l="1"/>
  <c r="C6776" i="2"/>
  <c r="D6776" i="2"/>
  <c r="A6778" i="2" l="1"/>
  <c r="C6777" i="2"/>
  <c r="D6777" i="2"/>
  <c r="A6779" i="2" l="1"/>
  <c r="C6778" i="2"/>
  <c r="D6778" i="2"/>
  <c r="A6780" i="2" l="1"/>
  <c r="C6779" i="2"/>
  <c r="D6779" i="2"/>
  <c r="A6781" i="2" l="1"/>
  <c r="C6780" i="2"/>
  <c r="D6780" i="2"/>
  <c r="A6782" i="2" l="1"/>
  <c r="C6781" i="2"/>
  <c r="D6781" i="2"/>
  <c r="A6783" i="2" l="1"/>
  <c r="C6782" i="2"/>
  <c r="D6782" i="2"/>
  <c r="A6784" i="2" l="1"/>
  <c r="C6783" i="2"/>
  <c r="D6783" i="2"/>
  <c r="A6785" i="2" l="1"/>
  <c r="C6784" i="2"/>
  <c r="D6784" i="2"/>
  <c r="A6786" i="2" l="1"/>
  <c r="C6785" i="2"/>
  <c r="D6785" i="2"/>
  <c r="A6787" i="2" l="1"/>
  <c r="C6786" i="2"/>
  <c r="D6786" i="2"/>
  <c r="A6788" i="2" l="1"/>
  <c r="C6787" i="2"/>
  <c r="D6787" i="2"/>
  <c r="A6789" i="2" l="1"/>
  <c r="C6788" i="2"/>
  <c r="D6788" i="2"/>
  <c r="A6790" i="2" l="1"/>
  <c r="C6789" i="2"/>
  <c r="D6789" i="2"/>
  <c r="A6791" i="2" l="1"/>
  <c r="C6790" i="2"/>
  <c r="D6790" i="2"/>
  <c r="A6792" i="2" l="1"/>
  <c r="C6791" i="2"/>
  <c r="D6791" i="2"/>
  <c r="A6793" i="2" l="1"/>
  <c r="C6792" i="2"/>
  <c r="D6792" i="2"/>
  <c r="A6794" i="2" l="1"/>
  <c r="C6793" i="2"/>
  <c r="D6793" i="2"/>
  <c r="A6795" i="2" l="1"/>
  <c r="C6794" i="2"/>
  <c r="D6794" i="2"/>
  <c r="A6796" i="2" l="1"/>
  <c r="C6795" i="2"/>
  <c r="D6795" i="2"/>
  <c r="A6797" i="2" l="1"/>
  <c r="C6796" i="2"/>
  <c r="D6796" i="2"/>
  <c r="A6798" i="2" l="1"/>
  <c r="C6797" i="2"/>
  <c r="D6797" i="2"/>
  <c r="A6799" i="2" l="1"/>
  <c r="C6798" i="2"/>
  <c r="D6798" i="2"/>
  <c r="A6800" i="2" l="1"/>
  <c r="C6799" i="2"/>
  <c r="D6799" i="2"/>
  <c r="A6801" i="2" l="1"/>
  <c r="C6800" i="2"/>
  <c r="D6800" i="2"/>
  <c r="A6802" i="2" l="1"/>
  <c r="C6801" i="2"/>
  <c r="D6801" i="2"/>
  <c r="A6803" i="2" l="1"/>
  <c r="C6802" i="2"/>
  <c r="D6802" i="2"/>
  <c r="A6804" i="2" l="1"/>
  <c r="C6803" i="2"/>
  <c r="D6803" i="2"/>
  <c r="A6805" i="2" l="1"/>
  <c r="C6804" i="2"/>
  <c r="D6804" i="2"/>
  <c r="A6806" i="2" l="1"/>
  <c r="C6805" i="2"/>
  <c r="D6805" i="2"/>
  <c r="A6807" i="2" l="1"/>
  <c r="C6806" i="2"/>
  <c r="D6806" i="2"/>
  <c r="A6808" i="2" l="1"/>
  <c r="C6807" i="2"/>
  <c r="D6807" i="2"/>
  <c r="A6809" i="2" l="1"/>
  <c r="C6808" i="2"/>
  <c r="D6808" i="2"/>
  <c r="A6810" i="2" l="1"/>
  <c r="C6809" i="2"/>
  <c r="D6809" i="2"/>
  <c r="A6811" i="2" l="1"/>
  <c r="C6810" i="2"/>
  <c r="D6810" i="2"/>
  <c r="A6812" i="2" l="1"/>
  <c r="C6811" i="2"/>
  <c r="D6811" i="2"/>
  <c r="A6813" i="2" l="1"/>
  <c r="C6812" i="2"/>
  <c r="D6812" i="2"/>
  <c r="A6814" i="2" l="1"/>
  <c r="C6813" i="2"/>
  <c r="D6813" i="2"/>
  <c r="A6815" i="2" l="1"/>
  <c r="C6814" i="2"/>
  <c r="D6814" i="2"/>
  <c r="A6816" i="2" l="1"/>
  <c r="C6815" i="2"/>
  <c r="D6815" i="2"/>
  <c r="A6817" i="2" l="1"/>
  <c r="C6816" i="2"/>
  <c r="D6816" i="2"/>
  <c r="A6818" i="2" l="1"/>
  <c r="C6817" i="2"/>
  <c r="D6817" i="2"/>
  <c r="A6819" i="2" l="1"/>
  <c r="C6818" i="2"/>
  <c r="D6818" i="2"/>
  <c r="A6820" i="2" l="1"/>
  <c r="C6819" i="2"/>
  <c r="D6819" i="2"/>
  <c r="A6821" i="2" l="1"/>
  <c r="C6820" i="2"/>
  <c r="D6820" i="2"/>
  <c r="A6822" i="2" l="1"/>
  <c r="C6821" i="2"/>
  <c r="D6821" i="2"/>
  <c r="A6823" i="2" l="1"/>
  <c r="C6822" i="2"/>
  <c r="D6822" i="2"/>
  <c r="A6824" i="2" l="1"/>
  <c r="C6823" i="2"/>
  <c r="D6823" i="2"/>
  <c r="A6825" i="2" l="1"/>
  <c r="C6824" i="2"/>
  <c r="D6824" i="2"/>
  <c r="A6826" i="2" l="1"/>
  <c r="C6825" i="2"/>
  <c r="D6825" i="2"/>
  <c r="A6827" i="2" l="1"/>
  <c r="C6826" i="2"/>
  <c r="D6826" i="2"/>
  <c r="A6828" i="2" l="1"/>
  <c r="C6827" i="2"/>
  <c r="D6827" i="2"/>
  <c r="A6829" i="2" l="1"/>
  <c r="C6828" i="2"/>
  <c r="D6828" i="2"/>
  <c r="A6830" i="2" l="1"/>
  <c r="C6829" i="2"/>
  <c r="D6829" i="2"/>
  <c r="A6831" i="2" l="1"/>
  <c r="C6830" i="2"/>
  <c r="D6830" i="2"/>
  <c r="A6832" i="2" l="1"/>
  <c r="C6831" i="2"/>
  <c r="D6831" i="2"/>
  <c r="A6833" i="2" l="1"/>
  <c r="C6832" i="2"/>
  <c r="D6832" i="2"/>
  <c r="A6834" i="2" l="1"/>
  <c r="C6833" i="2"/>
  <c r="D6833" i="2"/>
  <c r="A6835" i="2" l="1"/>
  <c r="C6834" i="2"/>
  <c r="D6834" i="2"/>
  <c r="A6836" i="2" l="1"/>
  <c r="C6835" i="2"/>
  <c r="D6835" i="2"/>
  <c r="A6837" i="2" l="1"/>
  <c r="C6836" i="2"/>
  <c r="D6836" i="2"/>
  <c r="A6838" i="2" l="1"/>
  <c r="C6837" i="2"/>
  <c r="D6837" i="2"/>
  <c r="A6839" i="2" l="1"/>
  <c r="C6838" i="2"/>
  <c r="D6838" i="2"/>
  <c r="A6840" i="2" l="1"/>
  <c r="C6839" i="2"/>
  <c r="D6839" i="2"/>
  <c r="A6841" i="2" l="1"/>
  <c r="C6840" i="2"/>
  <c r="D6840" i="2"/>
  <c r="A6842" i="2" l="1"/>
  <c r="C6841" i="2"/>
  <c r="D6841" i="2"/>
  <c r="A6843" i="2" l="1"/>
  <c r="C6842" i="2"/>
  <c r="D6842" i="2"/>
  <c r="A6844" i="2" l="1"/>
  <c r="C6843" i="2"/>
  <c r="D6843" i="2"/>
  <c r="A6845" i="2" l="1"/>
  <c r="C6844" i="2"/>
  <c r="D6844" i="2"/>
  <c r="A6846" i="2" l="1"/>
  <c r="C6845" i="2"/>
  <c r="D6845" i="2"/>
  <c r="A6847" i="2" l="1"/>
  <c r="C6846" i="2"/>
  <c r="D6846" i="2"/>
  <c r="A6848" i="2" l="1"/>
  <c r="C6847" i="2"/>
  <c r="D6847" i="2"/>
  <c r="A6849" i="2" l="1"/>
  <c r="C6848" i="2"/>
  <c r="D6848" i="2"/>
  <c r="A6850" i="2" l="1"/>
  <c r="C6849" i="2"/>
  <c r="D6849" i="2"/>
  <c r="A6851" i="2" l="1"/>
  <c r="C6850" i="2"/>
  <c r="D6850" i="2"/>
  <c r="A6852" i="2" l="1"/>
  <c r="C6851" i="2"/>
  <c r="D6851" i="2"/>
  <c r="A6853" i="2" l="1"/>
  <c r="C6852" i="2"/>
  <c r="D6852" i="2"/>
  <c r="A6854" i="2" l="1"/>
  <c r="C6853" i="2"/>
  <c r="D6853" i="2"/>
  <c r="A6855" i="2" l="1"/>
  <c r="C6854" i="2"/>
  <c r="D6854" i="2"/>
  <c r="A6856" i="2" l="1"/>
  <c r="C6855" i="2"/>
  <c r="D6855" i="2"/>
  <c r="A6857" i="2" l="1"/>
  <c r="C6856" i="2"/>
  <c r="D6856" i="2"/>
  <c r="A6858" i="2" l="1"/>
  <c r="C6857" i="2"/>
  <c r="D6857" i="2"/>
  <c r="A6859" i="2" l="1"/>
  <c r="C6858" i="2"/>
  <c r="D6858" i="2"/>
  <c r="A6860" i="2" l="1"/>
  <c r="C6859" i="2"/>
  <c r="D6859" i="2"/>
  <c r="A6861" i="2" l="1"/>
  <c r="C6860" i="2"/>
  <c r="D6860" i="2"/>
  <c r="A6862" i="2" l="1"/>
  <c r="C6861" i="2"/>
  <c r="D6861" i="2"/>
  <c r="A6863" i="2" l="1"/>
  <c r="C6862" i="2"/>
  <c r="D6862" i="2"/>
  <c r="A6864" i="2" l="1"/>
  <c r="C6863" i="2"/>
  <c r="D6863" i="2"/>
  <c r="A6865" i="2" l="1"/>
  <c r="C6864" i="2"/>
  <c r="D6864" i="2"/>
  <c r="A6866" i="2" l="1"/>
  <c r="C6865" i="2"/>
  <c r="D6865" i="2"/>
  <c r="A6867" i="2" l="1"/>
  <c r="C6866" i="2"/>
  <c r="D6866" i="2"/>
  <c r="A6868" i="2" l="1"/>
  <c r="C6867" i="2"/>
  <c r="D6867" i="2"/>
  <c r="A6869" i="2" l="1"/>
  <c r="C6868" i="2"/>
  <c r="D6868" i="2"/>
  <c r="A6870" i="2" l="1"/>
  <c r="C6869" i="2"/>
  <c r="D6869" i="2"/>
  <c r="A6871" i="2" l="1"/>
  <c r="C6870" i="2"/>
  <c r="D6870" i="2"/>
  <c r="A6872" i="2" l="1"/>
  <c r="C6871" i="2"/>
  <c r="D6871" i="2"/>
  <c r="A6873" i="2" l="1"/>
  <c r="C6872" i="2"/>
  <c r="D6872" i="2"/>
  <c r="A6874" i="2" l="1"/>
  <c r="C6873" i="2"/>
  <c r="D6873" i="2"/>
  <c r="A6875" i="2" l="1"/>
  <c r="C6874" i="2"/>
  <c r="D6874" i="2"/>
  <c r="A6876" i="2" l="1"/>
  <c r="C6875" i="2"/>
  <c r="D6875" i="2"/>
  <c r="A6877" i="2" l="1"/>
  <c r="C6876" i="2"/>
  <c r="D6876" i="2"/>
  <c r="A6878" i="2" l="1"/>
  <c r="C6877" i="2"/>
  <c r="D6877" i="2"/>
  <c r="A6879" i="2" l="1"/>
  <c r="C6878" i="2"/>
  <c r="D6878" i="2"/>
  <c r="A6880" i="2" l="1"/>
  <c r="C6879" i="2"/>
  <c r="D6879" i="2"/>
  <c r="A6881" i="2" l="1"/>
  <c r="C6880" i="2"/>
  <c r="D6880" i="2"/>
  <c r="A6882" i="2" l="1"/>
  <c r="C6881" i="2"/>
  <c r="D6881" i="2"/>
  <c r="A6883" i="2" l="1"/>
  <c r="C6882" i="2"/>
  <c r="D6882" i="2"/>
  <c r="A6884" i="2" l="1"/>
  <c r="C6883" i="2"/>
  <c r="D6883" i="2"/>
  <c r="A6885" i="2" l="1"/>
  <c r="C6884" i="2"/>
  <c r="D6884" i="2"/>
  <c r="A6886" i="2" l="1"/>
  <c r="C6885" i="2"/>
  <c r="D6885" i="2"/>
  <c r="A6887" i="2" l="1"/>
  <c r="C6886" i="2"/>
  <c r="D6886" i="2"/>
  <c r="A6888" i="2" l="1"/>
  <c r="C6887" i="2"/>
  <c r="D6887" i="2"/>
  <c r="A6889" i="2" l="1"/>
  <c r="C6888" i="2"/>
  <c r="D6888" i="2"/>
  <c r="A6890" i="2" l="1"/>
  <c r="C6889" i="2"/>
  <c r="D6889" i="2"/>
  <c r="A6891" i="2" l="1"/>
  <c r="C6890" i="2"/>
  <c r="D6890" i="2"/>
  <c r="A6892" i="2" l="1"/>
  <c r="C6891" i="2"/>
  <c r="D6891" i="2"/>
  <c r="A6893" i="2" l="1"/>
  <c r="C6892" i="2"/>
  <c r="D6892" i="2"/>
  <c r="A6894" i="2" l="1"/>
  <c r="C6893" i="2"/>
  <c r="D6893" i="2"/>
  <c r="A6895" i="2" l="1"/>
  <c r="C6894" i="2"/>
  <c r="D6894" i="2"/>
  <c r="A6896" i="2" l="1"/>
  <c r="C6895" i="2"/>
  <c r="D6895" i="2"/>
  <c r="A6897" i="2" l="1"/>
  <c r="C6896" i="2"/>
  <c r="D6896" i="2"/>
  <c r="A6898" i="2" l="1"/>
  <c r="C6897" i="2"/>
  <c r="D6897" i="2"/>
  <c r="A6899" i="2" l="1"/>
  <c r="C6898" i="2"/>
  <c r="D6898" i="2"/>
  <c r="A6900" i="2" l="1"/>
  <c r="C6899" i="2"/>
  <c r="D6899" i="2"/>
  <c r="A6901" i="2" l="1"/>
  <c r="C6900" i="2"/>
  <c r="D6900" i="2"/>
  <c r="A6902" i="2" l="1"/>
  <c r="C6901" i="2"/>
  <c r="D6901" i="2"/>
  <c r="A6903" i="2" l="1"/>
  <c r="C6902" i="2"/>
  <c r="D6902" i="2"/>
  <c r="A6904" i="2" l="1"/>
  <c r="C6903" i="2"/>
  <c r="D6903" i="2"/>
  <c r="A6905" i="2" l="1"/>
  <c r="C6904" i="2"/>
  <c r="D6904" i="2"/>
  <c r="A6906" i="2" l="1"/>
  <c r="C6905" i="2"/>
  <c r="D6905" i="2"/>
  <c r="A6907" i="2" l="1"/>
  <c r="C6906" i="2"/>
  <c r="D6906" i="2"/>
  <c r="A6908" i="2" l="1"/>
  <c r="C6907" i="2"/>
  <c r="D6907" i="2"/>
  <c r="A6909" i="2" l="1"/>
  <c r="C6908" i="2"/>
  <c r="D6908" i="2"/>
  <c r="A6910" i="2" l="1"/>
  <c r="C6909" i="2"/>
  <c r="D6909" i="2"/>
  <c r="A6911" i="2" l="1"/>
  <c r="C6910" i="2"/>
  <c r="D6910" i="2"/>
  <c r="A6912" i="2" l="1"/>
  <c r="C6911" i="2"/>
  <c r="D6911" i="2"/>
  <c r="A6913" i="2" l="1"/>
  <c r="C6912" i="2"/>
  <c r="D6912" i="2"/>
  <c r="A6914" i="2" l="1"/>
  <c r="C6913" i="2"/>
  <c r="D6913" i="2"/>
  <c r="A6915" i="2" l="1"/>
  <c r="C6914" i="2"/>
  <c r="D6914" i="2"/>
  <c r="A6916" i="2" l="1"/>
  <c r="C6915" i="2"/>
  <c r="D6915" i="2"/>
  <c r="A6917" i="2" l="1"/>
  <c r="C6916" i="2"/>
  <c r="D6916" i="2"/>
  <c r="A6918" i="2" l="1"/>
  <c r="C6917" i="2"/>
  <c r="D6917" i="2"/>
  <c r="A6919" i="2" l="1"/>
  <c r="C6918" i="2"/>
  <c r="D6918" i="2"/>
  <c r="A6920" i="2" l="1"/>
  <c r="C6919" i="2"/>
  <c r="D6919" i="2"/>
  <c r="A6921" i="2" l="1"/>
  <c r="C6920" i="2"/>
  <c r="D6920" i="2"/>
  <c r="A6922" i="2" l="1"/>
  <c r="C6921" i="2"/>
  <c r="D6921" i="2"/>
  <c r="A6923" i="2" l="1"/>
  <c r="C6922" i="2"/>
  <c r="D6922" i="2"/>
  <c r="A6924" i="2" l="1"/>
  <c r="C6923" i="2"/>
  <c r="D6923" i="2"/>
  <c r="A6925" i="2" l="1"/>
  <c r="C6924" i="2"/>
  <c r="D6924" i="2"/>
  <c r="A6926" i="2" l="1"/>
  <c r="C6925" i="2"/>
  <c r="D6925" i="2"/>
  <c r="A6927" i="2" l="1"/>
  <c r="C6926" i="2"/>
  <c r="D6926" i="2"/>
  <c r="A6928" i="2" l="1"/>
  <c r="C6927" i="2"/>
  <c r="D6927" i="2"/>
  <c r="A6929" i="2" l="1"/>
  <c r="C6928" i="2"/>
  <c r="D6928" i="2"/>
  <c r="A6930" i="2" l="1"/>
  <c r="C6929" i="2"/>
  <c r="D6929" i="2"/>
  <c r="A6931" i="2" l="1"/>
  <c r="C6930" i="2"/>
  <c r="D6930" i="2"/>
  <c r="A6932" i="2" l="1"/>
  <c r="C6931" i="2"/>
  <c r="D6931" i="2"/>
  <c r="A6933" i="2" l="1"/>
  <c r="C6932" i="2"/>
  <c r="D6932" i="2"/>
  <c r="A6934" i="2" l="1"/>
  <c r="C6933" i="2"/>
  <c r="D6933" i="2"/>
  <c r="A6935" i="2" l="1"/>
  <c r="C6934" i="2"/>
  <c r="D6934" i="2"/>
  <c r="A6936" i="2" l="1"/>
  <c r="C6935" i="2"/>
  <c r="D6935" i="2"/>
  <c r="A6937" i="2" l="1"/>
  <c r="C6936" i="2"/>
  <c r="D6936" i="2"/>
  <c r="A6938" i="2" l="1"/>
  <c r="C6937" i="2"/>
  <c r="D6937" i="2"/>
  <c r="A6939" i="2" l="1"/>
  <c r="C6938" i="2"/>
  <c r="D6938" i="2"/>
  <c r="A6940" i="2" l="1"/>
  <c r="C6939" i="2"/>
  <c r="D6939" i="2"/>
  <c r="A6941" i="2" l="1"/>
  <c r="C6940" i="2"/>
  <c r="D6940" i="2"/>
  <c r="A6942" i="2" l="1"/>
  <c r="C6941" i="2"/>
  <c r="D6941" i="2"/>
  <c r="A6943" i="2" l="1"/>
  <c r="C6942" i="2"/>
  <c r="D6942" i="2"/>
  <c r="A6944" i="2" l="1"/>
  <c r="C6943" i="2"/>
  <c r="D6943" i="2"/>
  <c r="A6945" i="2" l="1"/>
  <c r="C6944" i="2"/>
  <c r="D6944" i="2"/>
  <c r="A6946" i="2" l="1"/>
  <c r="C6945" i="2"/>
  <c r="D6945" i="2"/>
  <c r="A6947" i="2" l="1"/>
  <c r="C6946" i="2"/>
  <c r="D6946" i="2"/>
  <c r="A6948" i="2" l="1"/>
  <c r="C6947" i="2"/>
  <c r="D6947" i="2"/>
  <c r="A6949" i="2" l="1"/>
  <c r="C6948" i="2"/>
  <c r="D6948" i="2"/>
  <c r="A6950" i="2" l="1"/>
  <c r="C6949" i="2"/>
  <c r="D6949" i="2"/>
  <c r="A6951" i="2" l="1"/>
  <c r="C6950" i="2"/>
  <c r="D6950" i="2"/>
  <c r="A6952" i="2" l="1"/>
  <c r="C6951" i="2"/>
  <c r="D6951" i="2"/>
  <c r="A6953" i="2" l="1"/>
  <c r="C6952" i="2"/>
  <c r="D6952" i="2"/>
  <c r="A6954" i="2" l="1"/>
  <c r="C6953" i="2"/>
  <c r="D6953" i="2"/>
  <c r="A6955" i="2" l="1"/>
  <c r="C6954" i="2"/>
  <c r="D6954" i="2"/>
  <c r="A6956" i="2" l="1"/>
  <c r="C6955" i="2"/>
  <c r="D6955" i="2"/>
  <c r="A6957" i="2" l="1"/>
  <c r="C6956" i="2"/>
  <c r="D6956" i="2"/>
  <c r="A6958" i="2" l="1"/>
  <c r="C6957" i="2"/>
  <c r="D6957" i="2"/>
  <c r="A6959" i="2" l="1"/>
  <c r="C6958" i="2"/>
  <c r="D6958" i="2"/>
  <c r="A6960" i="2" l="1"/>
  <c r="C6959" i="2"/>
  <c r="D6959" i="2"/>
  <c r="A6961" i="2" l="1"/>
  <c r="C6960" i="2"/>
  <c r="D6960" i="2"/>
  <c r="A6962" i="2" l="1"/>
  <c r="C6961" i="2"/>
  <c r="D6961" i="2"/>
  <c r="A6963" i="2" l="1"/>
  <c r="C6962" i="2"/>
  <c r="D6962" i="2"/>
  <c r="A6964" i="2" l="1"/>
  <c r="C6963" i="2"/>
  <c r="D6963" i="2"/>
  <c r="A6965" i="2" l="1"/>
  <c r="C6964" i="2"/>
  <c r="D6964" i="2"/>
  <c r="A6966" i="2" l="1"/>
  <c r="C6965" i="2"/>
  <c r="D6965" i="2"/>
  <c r="A6967" i="2" l="1"/>
  <c r="C6966" i="2"/>
  <c r="D6966" i="2"/>
  <c r="A6968" i="2" l="1"/>
  <c r="C6967" i="2"/>
  <c r="D6967" i="2"/>
  <c r="A6969" i="2" l="1"/>
  <c r="C6968" i="2"/>
  <c r="D6968" i="2"/>
  <c r="A6970" i="2" l="1"/>
  <c r="C6969" i="2"/>
  <c r="D6969" i="2"/>
  <c r="A6971" i="2" l="1"/>
  <c r="C6970" i="2"/>
  <c r="D6970" i="2"/>
  <c r="A6972" i="2" l="1"/>
  <c r="C6971" i="2"/>
  <c r="D6971" i="2"/>
  <c r="A6973" i="2" l="1"/>
  <c r="C6972" i="2"/>
  <c r="D6972" i="2"/>
  <c r="A6974" i="2" l="1"/>
  <c r="C6973" i="2"/>
  <c r="D6973" i="2"/>
  <c r="A6975" i="2" l="1"/>
  <c r="C6974" i="2"/>
  <c r="D6974" i="2"/>
  <c r="A6976" i="2" l="1"/>
  <c r="C6975" i="2"/>
  <c r="D6975" i="2"/>
  <c r="A6977" i="2" l="1"/>
  <c r="C6976" i="2"/>
  <c r="D6976" i="2"/>
  <c r="A6978" i="2" l="1"/>
  <c r="C6977" i="2"/>
  <c r="D6977" i="2"/>
  <c r="A6979" i="2" l="1"/>
  <c r="C6978" i="2"/>
  <c r="D6978" i="2"/>
  <c r="A6980" i="2" l="1"/>
  <c r="C6979" i="2"/>
  <c r="D6979" i="2"/>
  <c r="A6981" i="2" l="1"/>
  <c r="C6980" i="2"/>
  <c r="D6980" i="2"/>
  <c r="A6982" i="2" l="1"/>
  <c r="C6981" i="2"/>
  <c r="D6981" i="2"/>
  <c r="A6983" i="2" l="1"/>
  <c r="C6982" i="2"/>
  <c r="D6982" i="2"/>
  <c r="A6984" i="2" l="1"/>
  <c r="C6983" i="2"/>
  <c r="D6983" i="2"/>
  <c r="A6985" i="2" l="1"/>
  <c r="C6984" i="2"/>
  <c r="D6984" i="2"/>
  <c r="A6986" i="2" l="1"/>
  <c r="C6985" i="2"/>
  <c r="D6985" i="2"/>
  <c r="A6987" i="2" l="1"/>
  <c r="C6986" i="2"/>
  <c r="D6986" i="2"/>
  <c r="A6988" i="2" l="1"/>
  <c r="C6987" i="2"/>
  <c r="D6987" i="2"/>
  <c r="A6989" i="2" l="1"/>
  <c r="C6988" i="2"/>
  <c r="D6988" i="2"/>
  <c r="A6990" i="2" l="1"/>
  <c r="C6989" i="2"/>
  <c r="D6989" i="2"/>
  <c r="A6991" i="2" l="1"/>
  <c r="C6990" i="2"/>
  <c r="D6990" i="2"/>
  <c r="A6992" i="2" l="1"/>
  <c r="C6991" i="2"/>
  <c r="D6991" i="2"/>
  <c r="A6993" i="2" l="1"/>
  <c r="C6992" i="2"/>
  <c r="D6992" i="2"/>
  <c r="A6994" i="2" l="1"/>
  <c r="C6993" i="2"/>
  <c r="D6993" i="2"/>
  <c r="A6995" i="2" l="1"/>
  <c r="C6994" i="2"/>
  <c r="D6994" i="2"/>
  <c r="A6996" i="2" l="1"/>
  <c r="C6995" i="2"/>
  <c r="D6995" i="2"/>
  <c r="A6997" i="2" l="1"/>
  <c r="C6996" i="2"/>
  <c r="D6996" i="2"/>
  <c r="A6998" i="2" l="1"/>
  <c r="C6997" i="2"/>
  <c r="D6997" i="2"/>
  <c r="A6999" i="2" l="1"/>
  <c r="C6998" i="2"/>
  <c r="D6998" i="2"/>
  <c r="A7000" i="2" l="1"/>
  <c r="C6999" i="2"/>
  <c r="D6999" i="2"/>
  <c r="A7001" i="2" l="1"/>
  <c r="C7000" i="2"/>
  <c r="D7000" i="2"/>
  <c r="A7002" i="2" l="1"/>
  <c r="C7001" i="2"/>
  <c r="D7001" i="2"/>
  <c r="A7003" i="2" l="1"/>
  <c r="C7002" i="2"/>
  <c r="D7002" i="2"/>
  <c r="A7004" i="2" l="1"/>
  <c r="C7003" i="2"/>
  <c r="D7003" i="2"/>
  <c r="A7005" i="2" l="1"/>
  <c r="C7004" i="2"/>
  <c r="D7004" i="2"/>
  <c r="A7006" i="2" l="1"/>
  <c r="C7005" i="2"/>
  <c r="D7005" i="2"/>
  <c r="A7007" i="2" l="1"/>
  <c r="C7006" i="2"/>
  <c r="D7006" i="2"/>
  <c r="A7008" i="2" l="1"/>
  <c r="C7007" i="2"/>
  <c r="D7007" i="2"/>
  <c r="A7009" i="2" l="1"/>
  <c r="C7008" i="2"/>
  <c r="D7008" i="2"/>
  <c r="A7010" i="2" l="1"/>
  <c r="C7009" i="2"/>
  <c r="D7009" i="2"/>
  <c r="A7011" i="2" l="1"/>
  <c r="C7010" i="2"/>
  <c r="D7010" i="2"/>
  <c r="A7012" i="2" l="1"/>
  <c r="C7011" i="2"/>
  <c r="D7011" i="2"/>
  <c r="A7013" i="2" l="1"/>
  <c r="C7012" i="2"/>
  <c r="D7012" i="2"/>
  <c r="A7014" i="2" l="1"/>
  <c r="C7013" i="2"/>
  <c r="D7013" i="2"/>
  <c r="A7015" i="2" l="1"/>
  <c r="C7014" i="2"/>
  <c r="D7014" i="2"/>
  <c r="A7016" i="2" l="1"/>
  <c r="C7015" i="2"/>
  <c r="D7015" i="2"/>
  <c r="A7017" i="2" l="1"/>
  <c r="C7016" i="2"/>
  <c r="D7016" i="2"/>
  <c r="A7018" i="2" l="1"/>
  <c r="C7017" i="2"/>
  <c r="D7017" i="2"/>
  <c r="A7019" i="2" l="1"/>
  <c r="C7018" i="2"/>
  <c r="D7018" i="2"/>
  <c r="A7020" i="2" l="1"/>
  <c r="C7019" i="2"/>
  <c r="D7019" i="2"/>
  <c r="A7021" i="2" l="1"/>
  <c r="C7020" i="2"/>
  <c r="D7020" i="2"/>
  <c r="A7022" i="2" l="1"/>
  <c r="C7021" i="2"/>
  <c r="D7021" i="2"/>
  <c r="A7023" i="2" l="1"/>
  <c r="C7022" i="2"/>
  <c r="D7022" i="2"/>
  <c r="A7024" i="2" l="1"/>
  <c r="C7023" i="2"/>
  <c r="D7023" i="2"/>
  <c r="A7025" i="2" l="1"/>
  <c r="C7024" i="2"/>
  <c r="D7024" i="2"/>
  <c r="A7026" i="2" l="1"/>
  <c r="C7025" i="2"/>
  <c r="D7025" i="2"/>
  <c r="A7027" i="2" l="1"/>
  <c r="C7026" i="2"/>
  <c r="D7026" i="2"/>
  <c r="A7028" i="2" l="1"/>
  <c r="C7027" i="2"/>
  <c r="D7027" i="2"/>
  <c r="A7029" i="2" l="1"/>
  <c r="C7028" i="2"/>
  <c r="D7028" i="2"/>
  <c r="A7030" i="2" l="1"/>
  <c r="C7029" i="2"/>
  <c r="D7029" i="2"/>
  <c r="A7031" i="2" l="1"/>
  <c r="C7030" i="2"/>
  <c r="D7030" i="2"/>
  <c r="A7032" i="2" l="1"/>
  <c r="C7031" i="2"/>
  <c r="D7031" i="2"/>
  <c r="A7033" i="2" l="1"/>
  <c r="C7032" i="2"/>
  <c r="D7032" i="2"/>
  <c r="A7034" i="2" l="1"/>
  <c r="C7033" i="2"/>
  <c r="D7033" i="2"/>
  <c r="A7035" i="2" l="1"/>
  <c r="C7034" i="2"/>
  <c r="D7034" i="2"/>
  <c r="A7036" i="2" l="1"/>
  <c r="C7035" i="2"/>
  <c r="D7035" i="2"/>
  <c r="A7037" i="2" l="1"/>
  <c r="C7036" i="2"/>
  <c r="D7036" i="2"/>
  <c r="A7038" i="2" l="1"/>
  <c r="C7037" i="2"/>
  <c r="D7037" i="2"/>
  <c r="A7039" i="2" l="1"/>
  <c r="C7038" i="2"/>
  <c r="D7038" i="2"/>
  <c r="A7040" i="2" l="1"/>
  <c r="C7039" i="2"/>
  <c r="D7039" i="2"/>
  <c r="A7041" i="2" l="1"/>
  <c r="C7040" i="2"/>
  <c r="D7040" i="2"/>
  <c r="A7042" i="2" l="1"/>
  <c r="C7041" i="2"/>
  <c r="D7041" i="2"/>
  <c r="A7043" i="2" l="1"/>
  <c r="C7042" i="2"/>
  <c r="D7042" i="2"/>
  <c r="A7044" i="2" l="1"/>
  <c r="C7043" i="2"/>
  <c r="D7043" i="2"/>
  <c r="A7045" i="2" l="1"/>
  <c r="C7044" i="2"/>
  <c r="D7044" i="2"/>
  <c r="A7046" i="2" l="1"/>
  <c r="C7045" i="2"/>
  <c r="D7045" i="2"/>
  <c r="A7047" i="2" l="1"/>
  <c r="C7046" i="2"/>
  <c r="D7046" i="2"/>
  <c r="A7048" i="2" l="1"/>
  <c r="C7047" i="2"/>
  <c r="D7047" i="2"/>
  <c r="A7049" i="2" l="1"/>
  <c r="C7048" i="2"/>
  <c r="D7048" i="2"/>
  <c r="A7050" i="2" l="1"/>
  <c r="C7049" i="2"/>
  <c r="D7049" i="2"/>
  <c r="A7051" i="2" l="1"/>
  <c r="C7050" i="2"/>
  <c r="D7050" i="2"/>
  <c r="A7052" i="2" l="1"/>
  <c r="C7051" i="2"/>
  <c r="D7051" i="2"/>
  <c r="A7053" i="2" l="1"/>
  <c r="C7052" i="2"/>
  <c r="D7052" i="2"/>
  <c r="A7054" i="2" l="1"/>
  <c r="C7053" i="2"/>
  <c r="D7053" i="2"/>
  <c r="A7055" i="2" l="1"/>
  <c r="C7054" i="2"/>
  <c r="D7054" i="2"/>
  <c r="A7056" i="2" l="1"/>
  <c r="C7055" i="2"/>
  <c r="D7055" i="2"/>
  <c r="A7057" i="2" l="1"/>
  <c r="C7056" i="2"/>
  <c r="D7056" i="2"/>
  <c r="A7058" i="2" l="1"/>
  <c r="C7057" i="2"/>
  <c r="D7057" i="2"/>
  <c r="A7059" i="2" l="1"/>
  <c r="C7058" i="2"/>
  <c r="D7058" i="2"/>
  <c r="A7060" i="2" l="1"/>
  <c r="C7059" i="2"/>
  <c r="D7059" i="2"/>
  <c r="A7061" i="2" l="1"/>
  <c r="C7060" i="2"/>
  <c r="D7060" i="2"/>
  <c r="A7062" i="2" l="1"/>
  <c r="C7061" i="2"/>
  <c r="D7061" i="2"/>
  <c r="A7063" i="2" l="1"/>
  <c r="C7062" i="2"/>
  <c r="D7062" i="2"/>
  <c r="A7064" i="2" l="1"/>
  <c r="C7063" i="2"/>
  <c r="D7063" i="2"/>
  <c r="A7065" i="2" l="1"/>
  <c r="C7064" i="2"/>
  <c r="D7064" i="2"/>
  <c r="A7066" i="2" l="1"/>
  <c r="C7065" i="2"/>
  <c r="D7065" i="2"/>
  <c r="A7067" i="2" l="1"/>
  <c r="C7066" i="2"/>
  <c r="D7066" i="2"/>
  <c r="A7068" i="2" l="1"/>
  <c r="C7067" i="2"/>
  <c r="D7067" i="2"/>
  <c r="A7069" i="2" l="1"/>
  <c r="C7068" i="2"/>
  <c r="D7068" i="2"/>
  <c r="A7070" i="2" l="1"/>
  <c r="C7069" i="2"/>
  <c r="D7069" i="2"/>
  <c r="A7071" i="2" l="1"/>
  <c r="C7070" i="2"/>
  <c r="D7070" i="2"/>
  <c r="A7072" i="2" l="1"/>
  <c r="C7071" i="2"/>
  <c r="D7071" i="2"/>
  <c r="A7073" i="2" l="1"/>
  <c r="C7072" i="2"/>
  <c r="D7072" i="2"/>
  <c r="A7074" i="2" l="1"/>
  <c r="C7073" i="2"/>
  <c r="D7073" i="2"/>
  <c r="A7075" i="2" l="1"/>
  <c r="C7074" i="2"/>
  <c r="D7074" i="2"/>
  <c r="A7076" i="2" l="1"/>
  <c r="C7075" i="2"/>
  <c r="D7075" i="2"/>
  <c r="A7077" i="2" l="1"/>
  <c r="C7076" i="2"/>
  <c r="D7076" i="2"/>
  <c r="A7078" i="2" l="1"/>
  <c r="C7077" i="2"/>
  <c r="D7077" i="2"/>
  <c r="A7079" i="2" l="1"/>
  <c r="C7078" i="2"/>
  <c r="D7078" i="2"/>
  <c r="A7080" i="2" l="1"/>
  <c r="C7079" i="2"/>
  <c r="D7079" i="2"/>
  <c r="A7081" i="2" l="1"/>
  <c r="C7080" i="2"/>
  <c r="D7080" i="2"/>
  <c r="A7082" i="2" l="1"/>
  <c r="C7081" i="2"/>
  <c r="D7081" i="2"/>
  <c r="A7083" i="2" l="1"/>
  <c r="C7082" i="2"/>
  <c r="D7082" i="2"/>
  <c r="A7084" i="2" l="1"/>
  <c r="C7083" i="2"/>
  <c r="D7083" i="2"/>
  <c r="A7085" i="2" l="1"/>
  <c r="C7084" i="2"/>
  <c r="D7084" i="2"/>
  <c r="A7086" i="2" l="1"/>
  <c r="C7085" i="2"/>
  <c r="D7085" i="2"/>
  <c r="A7087" i="2" l="1"/>
  <c r="C7086" i="2"/>
  <c r="D7086" i="2"/>
  <c r="A7088" i="2" l="1"/>
  <c r="C7087" i="2"/>
  <c r="D7087" i="2"/>
  <c r="A7089" i="2" l="1"/>
  <c r="C7088" i="2"/>
  <c r="D7088" i="2"/>
  <c r="A7090" i="2" l="1"/>
  <c r="C7089" i="2"/>
  <c r="D7089" i="2"/>
  <c r="A7091" i="2" l="1"/>
  <c r="C7090" i="2"/>
  <c r="D7090" i="2"/>
  <c r="A7092" i="2" l="1"/>
  <c r="C7091" i="2"/>
  <c r="D7091" i="2"/>
  <c r="A7093" i="2" l="1"/>
  <c r="C7092" i="2"/>
  <c r="D7092" i="2"/>
  <c r="A7094" i="2" l="1"/>
  <c r="C7093" i="2"/>
  <c r="D7093" i="2"/>
  <c r="A7095" i="2" l="1"/>
  <c r="C7094" i="2"/>
  <c r="D7094" i="2"/>
  <c r="A7096" i="2" l="1"/>
  <c r="C7095" i="2"/>
  <c r="D7095" i="2"/>
  <c r="A7097" i="2" l="1"/>
  <c r="C7096" i="2"/>
  <c r="D7096" i="2"/>
  <c r="A7098" i="2" l="1"/>
  <c r="C7097" i="2"/>
  <c r="D7097" i="2"/>
  <c r="A7099" i="2" l="1"/>
  <c r="C7098" i="2"/>
  <c r="D7098" i="2"/>
  <c r="A7100" i="2" l="1"/>
  <c r="C7099" i="2"/>
  <c r="D7099" i="2"/>
  <c r="A7101" i="2" l="1"/>
  <c r="C7100" i="2"/>
  <c r="D7100" i="2"/>
  <c r="A7102" i="2" l="1"/>
  <c r="C7101" i="2"/>
  <c r="D7101" i="2"/>
  <c r="A7103" i="2" l="1"/>
  <c r="C7102" i="2"/>
  <c r="D7102" i="2"/>
  <c r="A7104" i="2" l="1"/>
  <c r="C7103" i="2"/>
  <c r="D7103" i="2"/>
  <c r="A7105" i="2" l="1"/>
  <c r="C7104" i="2"/>
  <c r="D7104" i="2"/>
  <c r="A7106" i="2" l="1"/>
  <c r="C7105" i="2"/>
  <c r="D7105" i="2"/>
  <c r="A7107" i="2" l="1"/>
  <c r="C7106" i="2"/>
  <c r="D7106" i="2"/>
  <c r="A7108" i="2" l="1"/>
  <c r="C7107" i="2"/>
  <c r="D7107" i="2"/>
  <c r="A7109" i="2" l="1"/>
  <c r="C7108" i="2"/>
  <c r="D7108" i="2"/>
  <c r="A7110" i="2" l="1"/>
  <c r="C7109" i="2"/>
  <c r="D7109" i="2"/>
  <c r="A7111" i="2" l="1"/>
  <c r="C7110" i="2"/>
  <c r="D7110" i="2"/>
  <c r="A7112" i="2" l="1"/>
  <c r="C7111" i="2"/>
  <c r="D7111" i="2"/>
  <c r="A7113" i="2" l="1"/>
  <c r="C7112" i="2"/>
  <c r="D7112" i="2"/>
  <c r="A7114" i="2" l="1"/>
  <c r="C7113" i="2"/>
  <c r="D7113" i="2"/>
  <c r="A7115" i="2" l="1"/>
  <c r="C7114" i="2"/>
  <c r="D7114" i="2"/>
  <c r="A7116" i="2" l="1"/>
  <c r="C7115" i="2"/>
  <c r="D7115" i="2"/>
  <c r="A7117" i="2" l="1"/>
  <c r="C7116" i="2"/>
  <c r="D7116" i="2"/>
  <c r="A7118" i="2" l="1"/>
  <c r="C7117" i="2"/>
  <c r="D7117" i="2"/>
  <c r="A7119" i="2" l="1"/>
  <c r="C7118" i="2"/>
  <c r="D7118" i="2"/>
  <c r="A7120" i="2" l="1"/>
  <c r="C7119" i="2"/>
  <c r="D7119" i="2"/>
  <c r="A7121" i="2" l="1"/>
  <c r="C7120" i="2"/>
  <c r="D7120" i="2"/>
  <c r="A7122" i="2" l="1"/>
  <c r="C7121" i="2"/>
  <c r="D7121" i="2"/>
  <c r="A7123" i="2" l="1"/>
  <c r="C7122" i="2"/>
  <c r="D7122" i="2"/>
  <c r="A7124" i="2" l="1"/>
  <c r="C7123" i="2"/>
  <c r="D7123" i="2"/>
  <c r="A7125" i="2" l="1"/>
  <c r="C7124" i="2"/>
  <c r="D7124" i="2"/>
  <c r="A7126" i="2" l="1"/>
  <c r="C7125" i="2"/>
  <c r="D7125" i="2"/>
  <c r="A7127" i="2" l="1"/>
  <c r="C7126" i="2"/>
  <c r="D7126" i="2"/>
  <c r="A7128" i="2" l="1"/>
  <c r="C7127" i="2"/>
  <c r="D7127" i="2"/>
  <c r="A7129" i="2" l="1"/>
  <c r="C7128" i="2"/>
  <c r="D7128" i="2"/>
  <c r="A7130" i="2" l="1"/>
  <c r="C7129" i="2"/>
  <c r="D7129" i="2"/>
  <c r="A7131" i="2" l="1"/>
  <c r="C7130" i="2"/>
  <c r="D7130" i="2"/>
  <c r="A7132" i="2" l="1"/>
  <c r="C7131" i="2"/>
  <c r="D7131" i="2"/>
  <c r="A7133" i="2" l="1"/>
  <c r="C7132" i="2"/>
  <c r="D7132" i="2"/>
  <c r="A7134" i="2" l="1"/>
  <c r="C7133" i="2"/>
  <c r="D7133" i="2"/>
  <c r="A7135" i="2" l="1"/>
  <c r="C7134" i="2"/>
  <c r="D7134" i="2"/>
  <c r="A7136" i="2" l="1"/>
  <c r="C7135" i="2"/>
  <c r="D7135" i="2"/>
  <c r="A7137" i="2" l="1"/>
  <c r="C7136" i="2"/>
  <c r="D7136" i="2"/>
  <c r="A7138" i="2" l="1"/>
  <c r="C7137" i="2"/>
  <c r="D7137" i="2"/>
  <c r="A7139" i="2" l="1"/>
  <c r="C7138" i="2"/>
  <c r="D7138" i="2"/>
  <c r="A7140" i="2" l="1"/>
  <c r="C7139" i="2"/>
  <c r="D7139" i="2"/>
  <c r="A7141" i="2" l="1"/>
  <c r="C7140" i="2"/>
  <c r="D7140" i="2"/>
  <c r="A7142" i="2" l="1"/>
  <c r="C7141" i="2"/>
  <c r="D7141" i="2"/>
  <c r="A7143" i="2" l="1"/>
  <c r="C7142" i="2"/>
  <c r="D7142" i="2"/>
  <c r="A7144" i="2" l="1"/>
  <c r="C7143" i="2"/>
  <c r="D7143" i="2"/>
  <c r="A7145" i="2" l="1"/>
  <c r="C7144" i="2"/>
  <c r="D7144" i="2"/>
  <c r="A7146" i="2" l="1"/>
  <c r="C7145" i="2"/>
  <c r="D7145" i="2"/>
  <c r="A7147" i="2" l="1"/>
  <c r="C7146" i="2"/>
  <c r="D7146" i="2"/>
  <c r="A7148" i="2" l="1"/>
  <c r="C7147" i="2"/>
  <c r="D7147" i="2"/>
  <c r="A7149" i="2" l="1"/>
  <c r="C7148" i="2"/>
  <c r="D7148" i="2"/>
  <c r="A7150" i="2" l="1"/>
  <c r="C7149" i="2"/>
  <c r="D7149" i="2"/>
  <c r="A7151" i="2" l="1"/>
  <c r="C7150" i="2"/>
  <c r="D7150" i="2"/>
  <c r="A7152" i="2" l="1"/>
  <c r="C7151" i="2"/>
  <c r="D7151" i="2"/>
  <c r="A7153" i="2" l="1"/>
  <c r="C7152" i="2"/>
  <c r="D7152" i="2"/>
  <c r="A7154" i="2" l="1"/>
  <c r="C7153" i="2"/>
  <c r="D7153" i="2"/>
  <c r="A7155" i="2" l="1"/>
  <c r="C7154" i="2"/>
  <c r="D7154" i="2"/>
  <c r="A7156" i="2" l="1"/>
  <c r="C7155" i="2"/>
  <c r="D7155" i="2"/>
  <c r="A7157" i="2" l="1"/>
  <c r="C7156" i="2"/>
  <c r="D7156" i="2"/>
  <c r="A7158" i="2" l="1"/>
  <c r="C7157" i="2"/>
  <c r="D7157" i="2"/>
  <c r="A7159" i="2" l="1"/>
  <c r="C7158" i="2"/>
  <c r="D7158" i="2"/>
  <c r="A7160" i="2" l="1"/>
  <c r="C7159" i="2"/>
  <c r="D7159" i="2"/>
  <c r="A7161" i="2" l="1"/>
  <c r="C7160" i="2"/>
  <c r="D7160" i="2"/>
  <c r="A7162" i="2" l="1"/>
  <c r="C7161" i="2"/>
  <c r="D7161" i="2"/>
  <c r="A7163" i="2" l="1"/>
  <c r="C7162" i="2"/>
  <c r="D7162" i="2"/>
  <c r="A7164" i="2" l="1"/>
  <c r="C7163" i="2"/>
  <c r="D7163" i="2"/>
  <c r="A7165" i="2" l="1"/>
  <c r="C7164" i="2"/>
  <c r="D7164" i="2"/>
  <c r="A7166" i="2" l="1"/>
  <c r="C7165" i="2"/>
  <c r="D7165" i="2"/>
  <c r="A7167" i="2" l="1"/>
  <c r="C7166" i="2"/>
  <c r="D7166" i="2"/>
  <c r="A7168" i="2" l="1"/>
  <c r="C7167" i="2"/>
  <c r="D7167" i="2"/>
  <c r="A7169" i="2" l="1"/>
  <c r="C7168" i="2"/>
  <c r="D7168" i="2"/>
  <c r="A7170" i="2" l="1"/>
  <c r="C7169" i="2"/>
  <c r="D7169" i="2"/>
  <c r="A7171" i="2" l="1"/>
  <c r="C7170" i="2"/>
  <c r="D7170" i="2"/>
  <c r="A7172" i="2" l="1"/>
  <c r="C7171" i="2"/>
  <c r="D7171" i="2"/>
  <c r="A7173" i="2" l="1"/>
  <c r="C7172" i="2"/>
  <c r="D7172" i="2"/>
  <c r="A7174" i="2" l="1"/>
  <c r="C7173" i="2"/>
  <c r="D7173" i="2"/>
  <c r="A7175" i="2" l="1"/>
  <c r="C7174" i="2"/>
  <c r="D7174" i="2"/>
  <c r="A7176" i="2" l="1"/>
  <c r="C7175" i="2"/>
  <c r="D7175" i="2"/>
  <c r="A7177" i="2" l="1"/>
  <c r="C7176" i="2"/>
  <c r="D7176" i="2"/>
  <c r="A7178" i="2" l="1"/>
  <c r="C7177" i="2"/>
  <c r="D7177" i="2"/>
  <c r="A7179" i="2" l="1"/>
  <c r="C7178" i="2"/>
  <c r="D7178" i="2"/>
  <c r="A7180" i="2" l="1"/>
  <c r="C7179" i="2"/>
  <c r="D7179" i="2"/>
  <c r="A7181" i="2" l="1"/>
  <c r="C7180" i="2"/>
  <c r="D7180" i="2"/>
  <c r="A7182" i="2" l="1"/>
  <c r="C7181" i="2"/>
  <c r="D7181" i="2"/>
  <c r="A7183" i="2" l="1"/>
  <c r="C7182" i="2"/>
  <c r="D7182" i="2"/>
  <c r="A7184" i="2" l="1"/>
  <c r="C7183" i="2"/>
  <c r="D7183" i="2"/>
  <c r="A7185" i="2" l="1"/>
  <c r="C7184" i="2"/>
  <c r="D7184" i="2"/>
  <c r="A7186" i="2" l="1"/>
  <c r="C7185" i="2"/>
  <c r="D7185" i="2"/>
  <c r="A7187" i="2" l="1"/>
  <c r="C7186" i="2"/>
  <c r="D7186" i="2"/>
  <c r="A7188" i="2" l="1"/>
  <c r="C7187" i="2"/>
  <c r="D7187" i="2"/>
  <c r="A7189" i="2" l="1"/>
  <c r="C7188" i="2"/>
  <c r="D7188" i="2"/>
  <c r="A7190" i="2" l="1"/>
  <c r="C7189" i="2"/>
  <c r="D7189" i="2"/>
  <c r="A7191" i="2" l="1"/>
  <c r="C7190" i="2"/>
  <c r="D7190" i="2"/>
  <c r="A7192" i="2" l="1"/>
  <c r="C7191" i="2"/>
  <c r="D7191" i="2"/>
  <c r="A7193" i="2" l="1"/>
  <c r="C7192" i="2"/>
  <c r="D7192" i="2"/>
  <c r="A7194" i="2" l="1"/>
  <c r="C7193" i="2"/>
  <c r="D7193" i="2"/>
  <c r="A7195" i="2" l="1"/>
  <c r="C7194" i="2"/>
  <c r="D7194" i="2"/>
  <c r="A7196" i="2" l="1"/>
  <c r="C7195" i="2"/>
  <c r="D7195" i="2"/>
  <c r="A7197" i="2" l="1"/>
  <c r="C7196" i="2"/>
  <c r="D7196" i="2"/>
  <c r="A7198" i="2" l="1"/>
  <c r="C7197" i="2"/>
  <c r="D7197" i="2"/>
  <c r="A7199" i="2" l="1"/>
  <c r="C7198" i="2"/>
  <c r="D7198" i="2"/>
  <c r="A7200" i="2" l="1"/>
  <c r="C7199" i="2"/>
  <c r="D7199" i="2"/>
  <c r="A7201" i="2" l="1"/>
  <c r="C7200" i="2"/>
  <c r="D7200" i="2"/>
  <c r="A7202" i="2" l="1"/>
  <c r="C7201" i="2"/>
  <c r="D7201" i="2"/>
  <c r="A7203" i="2" l="1"/>
  <c r="C7202" i="2"/>
  <c r="D7202" i="2"/>
  <c r="A7204" i="2" l="1"/>
  <c r="C7203" i="2"/>
  <c r="D7203" i="2"/>
  <c r="A7205" i="2" l="1"/>
  <c r="C7204" i="2"/>
  <c r="D7204" i="2"/>
  <c r="A7206" i="2" l="1"/>
  <c r="C7205" i="2"/>
  <c r="D7205" i="2"/>
  <c r="A7207" i="2" l="1"/>
  <c r="C7206" i="2"/>
  <c r="D7206" i="2"/>
  <c r="A7208" i="2" l="1"/>
  <c r="C7207" i="2"/>
  <c r="D7207" i="2"/>
  <c r="A7209" i="2" l="1"/>
  <c r="C7208" i="2"/>
  <c r="D7208" i="2"/>
  <c r="A7210" i="2" l="1"/>
  <c r="C7209" i="2"/>
  <c r="D7209" i="2"/>
  <c r="A7211" i="2" l="1"/>
  <c r="C7210" i="2"/>
  <c r="D7210" i="2"/>
  <c r="A7212" i="2" l="1"/>
  <c r="C7211" i="2"/>
  <c r="D7211" i="2"/>
  <c r="A7213" i="2" l="1"/>
  <c r="C7212" i="2"/>
  <c r="D7212" i="2"/>
  <c r="A7214" i="2" l="1"/>
  <c r="C7213" i="2"/>
  <c r="D7213" i="2"/>
  <c r="A7215" i="2" l="1"/>
  <c r="C7214" i="2"/>
  <c r="D7214" i="2"/>
  <c r="A7216" i="2" l="1"/>
  <c r="C7215" i="2"/>
  <c r="D7215" i="2"/>
  <c r="A7217" i="2" l="1"/>
  <c r="C7216" i="2"/>
  <c r="D7216" i="2"/>
  <c r="A7218" i="2" l="1"/>
  <c r="C7217" i="2"/>
  <c r="D7217" i="2"/>
  <c r="A7219" i="2" l="1"/>
  <c r="C7218" i="2"/>
  <c r="D7218" i="2"/>
  <c r="A7220" i="2" l="1"/>
  <c r="C7219" i="2"/>
  <c r="D7219" i="2"/>
  <c r="A7221" i="2" l="1"/>
  <c r="C7220" i="2"/>
  <c r="D7220" i="2"/>
  <c r="A7222" i="2" l="1"/>
  <c r="C7221" i="2"/>
  <c r="D7221" i="2"/>
  <c r="A7223" i="2" l="1"/>
  <c r="C7222" i="2"/>
  <c r="D7222" i="2"/>
  <c r="A7224" i="2" l="1"/>
  <c r="C7223" i="2"/>
  <c r="D7223" i="2"/>
  <c r="A7225" i="2" l="1"/>
  <c r="C7224" i="2"/>
  <c r="D7224" i="2"/>
  <c r="A7226" i="2" l="1"/>
  <c r="C7225" i="2"/>
  <c r="D7225" i="2"/>
  <c r="A7227" i="2" l="1"/>
  <c r="C7226" i="2"/>
  <c r="D7226" i="2"/>
  <c r="A7228" i="2" l="1"/>
  <c r="C7227" i="2"/>
  <c r="D7227" i="2"/>
  <c r="A7229" i="2" l="1"/>
  <c r="C7228" i="2"/>
  <c r="D7228" i="2"/>
  <c r="A7230" i="2" l="1"/>
  <c r="C7229" i="2"/>
  <c r="D7229" i="2"/>
  <c r="A7231" i="2" l="1"/>
  <c r="C7230" i="2"/>
  <c r="D7230" i="2"/>
  <c r="A7232" i="2" l="1"/>
  <c r="C7231" i="2"/>
  <c r="D7231" i="2"/>
  <c r="A7233" i="2" l="1"/>
  <c r="C7232" i="2"/>
  <c r="D7232" i="2"/>
  <c r="A7234" i="2" l="1"/>
  <c r="C7233" i="2"/>
  <c r="D7233" i="2"/>
  <c r="A7235" i="2" l="1"/>
  <c r="C7234" i="2"/>
  <c r="D7234" i="2"/>
  <c r="A7236" i="2" l="1"/>
  <c r="C7235" i="2"/>
  <c r="D7235" i="2"/>
  <c r="A7237" i="2" l="1"/>
  <c r="C7236" i="2"/>
  <c r="D7236" i="2"/>
  <c r="A7238" i="2" l="1"/>
  <c r="C7237" i="2"/>
  <c r="D7237" i="2"/>
  <c r="A7239" i="2" l="1"/>
  <c r="C7238" i="2"/>
  <c r="D7238" i="2"/>
  <c r="A7240" i="2" l="1"/>
  <c r="C7239" i="2"/>
  <c r="D7239" i="2"/>
  <c r="A7241" i="2" l="1"/>
  <c r="C7240" i="2"/>
  <c r="D7240" i="2"/>
  <c r="A7242" i="2" l="1"/>
  <c r="C7241" i="2"/>
  <c r="D7241" i="2"/>
  <c r="A7243" i="2" l="1"/>
  <c r="C7242" i="2"/>
  <c r="D7242" i="2"/>
  <c r="A7244" i="2" l="1"/>
  <c r="C7243" i="2"/>
  <c r="D7243" i="2"/>
  <c r="A7245" i="2" l="1"/>
  <c r="C7244" i="2"/>
  <c r="D7244" i="2"/>
  <c r="A7246" i="2" l="1"/>
  <c r="C7245" i="2"/>
  <c r="D7245" i="2"/>
  <c r="A7247" i="2" l="1"/>
  <c r="C7246" i="2"/>
  <c r="D7246" i="2"/>
  <c r="A7248" i="2" l="1"/>
  <c r="C7247" i="2"/>
  <c r="D7247" i="2"/>
  <c r="A7249" i="2" l="1"/>
  <c r="C7248" i="2"/>
  <c r="D7248" i="2"/>
  <c r="A7250" i="2" l="1"/>
  <c r="C7249" i="2"/>
  <c r="D7249" i="2"/>
  <c r="A7251" i="2" l="1"/>
  <c r="C7250" i="2"/>
  <c r="D7250" i="2"/>
  <c r="A7252" i="2" l="1"/>
  <c r="C7251" i="2"/>
  <c r="D7251" i="2"/>
  <c r="A7253" i="2" l="1"/>
  <c r="C7252" i="2"/>
  <c r="D7252" i="2"/>
  <c r="A7254" i="2" l="1"/>
  <c r="C7253" i="2"/>
  <c r="D7253" i="2"/>
  <c r="A7255" i="2" l="1"/>
  <c r="C7254" i="2"/>
  <c r="D7254" i="2"/>
  <c r="A7256" i="2" l="1"/>
  <c r="C7255" i="2"/>
  <c r="D7255" i="2"/>
  <c r="A7257" i="2" l="1"/>
  <c r="C7256" i="2"/>
  <c r="D7256" i="2"/>
  <c r="A7258" i="2" l="1"/>
  <c r="C7257" i="2"/>
  <c r="D7257" i="2"/>
  <c r="A7259" i="2" l="1"/>
  <c r="C7258" i="2"/>
  <c r="D7258" i="2"/>
  <c r="A7260" i="2" l="1"/>
  <c r="C7259" i="2"/>
  <c r="D7259" i="2"/>
  <c r="A7261" i="2" l="1"/>
  <c r="C7260" i="2"/>
  <c r="D7260" i="2"/>
  <c r="A7262" i="2" l="1"/>
  <c r="C7261" i="2"/>
  <c r="D7261" i="2"/>
  <c r="A7263" i="2" l="1"/>
  <c r="C7262" i="2"/>
  <c r="D7262" i="2"/>
  <c r="A7264" i="2" l="1"/>
  <c r="C7263" i="2"/>
  <c r="D7263" i="2"/>
  <c r="A7265" i="2" l="1"/>
  <c r="C7264" i="2"/>
  <c r="D7264" i="2"/>
  <c r="A7266" i="2" l="1"/>
  <c r="C7265" i="2"/>
  <c r="D7265" i="2"/>
  <c r="A7267" i="2" l="1"/>
  <c r="C7266" i="2"/>
  <c r="D7266" i="2"/>
  <c r="A7268" i="2" l="1"/>
  <c r="C7267" i="2"/>
  <c r="D7267" i="2"/>
  <c r="A7269" i="2" l="1"/>
  <c r="C7268" i="2"/>
  <c r="D7268" i="2"/>
  <c r="A7270" i="2" l="1"/>
  <c r="C7269" i="2"/>
  <c r="D7269" i="2"/>
  <c r="A7271" i="2" l="1"/>
  <c r="C7270" i="2"/>
  <c r="D7270" i="2"/>
  <c r="A7272" i="2" l="1"/>
  <c r="C7271" i="2"/>
  <c r="D7271" i="2"/>
  <c r="A7273" i="2" l="1"/>
  <c r="C7272" i="2"/>
  <c r="D7272" i="2"/>
  <c r="A7274" i="2" l="1"/>
  <c r="C7273" i="2"/>
  <c r="D7273" i="2"/>
  <c r="A7275" i="2" l="1"/>
  <c r="C7274" i="2"/>
  <c r="D7274" i="2"/>
  <c r="A7276" i="2" l="1"/>
  <c r="C7275" i="2"/>
  <c r="D7275" i="2"/>
  <c r="A7277" i="2" l="1"/>
  <c r="C7276" i="2"/>
  <c r="D7276" i="2"/>
  <c r="A7278" i="2" l="1"/>
  <c r="C7277" i="2"/>
  <c r="D7277" i="2"/>
  <c r="A7279" i="2" l="1"/>
  <c r="C7278" i="2"/>
  <c r="D7278" i="2"/>
  <c r="A7280" i="2" l="1"/>
  <c r="C7279" i="2"/>
  <c r="D7279" i="2"/>
  <c r="A7281" i="2" l="1"/>
  <c r="C7280" i="2"/>
  <c r="D7280" i="2"/>
  <c r="A7282" i="2" l="1"/>
  <c r="C7281" i="2"/>
  <c r="D7281" i="2"/>
  <c r="A7283" i="2" l="1"/>
  <c r="C7282" i="2"/>
  <c r="D7282" i="2"/>
  <c r="A7284" i="2" l="1"/>
  <c r="C7283" i="2"/>
  <c r="D7283" i="2"/>
  <c r="A7285" i="2" l="1"/>
  <c r="C7284" i="2"/>
  <c r="D7284" i="2"/>
  <c r="A7286" i="2" l="1"/>
  <c r="C7285" i="2"/>
  <c r="D7285" i="2"/>
  <c r="A7287" i="2" l="1"/>
  <c r="C7286" i="2"/>
  <c r="D7286" i="2"/>
  <c r="A7288" i="2" l="1"/>
  <c r="C7287" i="2"/>
  <c r="D7287" i="2"/>
  <c r="A7289" i="2" l="1"/>
  <c r="C7288" i="2"/>
  <c r="D7288" i="2"/>
  <c r="A7290" i="2" l="1"/>
  <c r="C7289" i="2"/>
  <c r="D7289" i="2"/>
  <c r="A7291" i="2" l="1"/>
  <c r="C7290" i="2"/>
  <c r="D7290" i="2"/>
  <c r="A7292" i="2" l="1"/>
  <c r="C7291" i="2"/>
  <c r="D7291" i="2"/>
  <c r="A7293" i="2" l="1"/>
  <c r="C7292" i="2"/>
  <c r="D7292" i="2"/>
  <c r="A7294" i="2" l="1"/>
  <c r="C7293" i="2"/>
  <c r="D7293" i="2"/>
  <c r="A7295" i="2" l="1"/>
  <c r="C7294" i="2"/>
  <c r="D7294" i="2"/>
  <c r="A7296" i="2" l="1"/>
  <c r="C7295" i="2"/>
  <c r="D7295" i="2"/>
  <c r="A7297" i="2" l="1"/>
  <c r="C7296" i="2"/>
  <c r="D7296" i="2"/>
  <c r="A7298" i="2" l="1"/>
  <c r="C7297" i="2"/>
  <c r="D7297" i="2"/>
  <c r="A7299" i="2" l="1"/>
  <c r="C7298" i="2"/>
  <c r="D7298" i="2"/>
  <c r="A7300" i="2" l="1"/>
  <c r="C7299" i="2"/>
  <c r="D7299" i="2"/>
  <c r="A7301" i="2" l="1"/>
  <c r="C7300" i="2"/>
  <c r="D7300" i="2"/>
  <c r="A7302" i="2" l="1"/>
  <c r="C7301" i="2"/>
  <c r="D7301" i="2"/>
  <c r="A7303" i="2" l="1"/>
  <c r="C7302" i="2"/>
  <c r="D7302" i="2"/>
  <c r="A7304" i="2" l="1"/>
  <c r="C7303" i="2"/>
  <c r="D7303" i="2"/>
  <c r="A7305" i="2" l="1"/>
  <c r="C7304" i="2"/>
  <c r="D7304" i="2"/>
  <c r="A7306" i="2" l="1"/>
  <c r="C7305" i="2"/>
  <c r="D7305" i="2"/>
  <c r="A7307" i="2" l="1"/>
  <c r="C7306" i="2"/>
  <c r="D7306" i="2"/>
  <c r="A7308" i="2" l="1"/>
  <c r="C7307" i="2"/>
  <c r="D7307" i="2"/>
  <c r="A7309" i="2" l="1"/>
  <c r="C7308" i="2"/>
  <c r="D7308" i="2"/>
  <c r="A7310" i="2" l="1"/>
  <c r="C7309" i="2"/>
  <c r="D7309" i="2"/>
  <c r="A7311" i="2" l="1"/>
  <c r="C7310" i="2"/>
  <c r="D7310" i="2"/>
  <c r="A7312" i="2" l="1"/>
  <c r="C7311" i="2"/>
  <c r="D7311" i="2"/>
  <c r="A7313" i="2" l="1"/>
  <c r="C7312" i="2"/>
  <c r="D7312" i="2"/>
  <c r="A7314" i="2" l="1"/>
  <c r="C7313" i="2"/>
  <c r="D7313" i="2"/>
  <c r="A7315" i="2" l="1"/>
  <c r="C7314" i="2"/>
  <c r="D7314" i="2"/>
  <c r="A7316" i="2" l="1"/>
  <c r="C7315" i="2"/>
  <c r="D7315" i="2"/>
  <c r="A7317" i="2" l="1"/>
  <c r="C7316" i="2"/>
  <c r="D7316" i="2"/>
  <c r="A7318" i="2" l="1"/>
  <c r="C7317" i="2"/>
  <c r="D7317" i="2"/>
  <c r="A7319" i="2" l="1"/>
  <c r="C7318" i="2"/>
  <c r="D7318" i="2"/>
  <c r="A7320" i="2" l="1"/>
  <c r="C7319" i="2"/>
  <c r="D7319" i="2"/>
  <c r="A7321" i="2" l="1"/>
  <c r="C7320" i="2"/>
  <c r="D7320" i="2"/>
  <c r="A7322" i="2" l="1"/>
  <c r="C7321" i="2"/>
  <c r="D7321" i="2"/>
  <c r="A7323" i="2" l="1"/>
  <c r="C7322" i="2"/>
  <c r="D7322" i="2"/>
  <c r="A7324" i="2" l="1"/>
  <c r="C7323" i="2"/>
  <c r="D7323" i="2"/>
  <c r="A7325" i="2" l="1"/>
  <c r="C7324" i="2"/>
  <c r="D7324" i="2"/>
  <c r="A7326" i="2" l="1"/>
  <c r="C7325" i="2"/>
  <c r="D7325" i="2"/>
  <c r="A7327" i="2" l="1"/>
  <c r="C7326" i="2"/>
  <c r="D7326" i="2"/>
  <c r="A7328" i="2" l="1"/>
  <c r="C7327" i="2"/>
  <c r="D7327" i="2"/>
  <c r="A7329" i="2" l="1"/>
  <c r="C7328" i="2"/>
  <c r="D7328" i="2"/>
  <c r="A7330" i="2" l="1"/>
  <c r="C7329" i="2"/>
  <c r="D7329" i="2"/>
  <c r="A7331" i="2" l="1"/>
  <c r="C7330" i="2"/>
  <c r="D7330" i="2"/>
  <c r="A7332" i="2" l="1"/>
  <c r="C7331" i="2"/>
  <c r="D7331" i="2"/>
  <c r="A7333" i="2" l="1"/>
  <c r="C7332" i="2"/>
  <c r="D7332" i="2"/>
  <c r="A7334" i="2" l="1"/>
  <c r="C7333" i="2"/>
  <c r="D7333" i="2"/>
  <c r="A7335" i="2" l="1"/>
  <c r="C7334" i="2"/>
  <c r="D7334" i="2"/>
  <c r="A7336" i="2" l="1"/>
  <c r="C7335" i="2"/>
  <c r="D7335" i="2"/>
  <c r="A7337" i="2" l="1"/>
  <c r="C7336" i="2"/>
  <c r="D7336" i="2"/>
  <c r="A7338" i="2" l="1"/>
  <c r="C7337" i="2"/>
  <c r="D7337" i="2"/>
  <c r="A7339" i="2" l="1"/>
  <c r="C7338" i="2"/>
  <c r="D7338" i="2"/>
  <c r="A7340" i="2" l="1"/>
  <c r="C7339" i="2"/>
  <c r="D7339" i="2"/>
  <c r="A7341" i="2" l="1"/>
  <c r="C7340" i="2"/>
  <c r="D7340" i="2"/>
  <c r="A7342" i="2" l="1"/>
  <c r="C7341" i="2"/>
  <c r="D7341" i="2"/>
  <c r="A7343" i="2" l="1"/>
  <c r="D7342" i="2"/>
  <c r="C7342" i="2"/>
  <c r="A7344" i="2" l="1"/>
  <c r="C7343" i="2"/>
  <c r="D7343" i="2"/>
  <c r="A7345" i="2" l="1"/>
  <c r="D7344" i="2"/>
  <c r="C7344" i="2"/>
  <c r="A7346" i="2" l="1"/>
  <c r="C7345" i="2"/>
  <c r="D7345" i="2"/>
  <c r="A7347" i="2" l="1"/>
  <c r="D7346" i="2"/>
  <c r="C7346" i="2"/>
  <c r="A7348" i="2" l="1"/>
  <c r="C7347" i="2"/>
  <c r="D7347" i="2"/>
  <c r="A7349" i="2" l="1"/>
  <c r="D7348" i="2"/>
  <c r="C7348" i="2"/>
  <c r="A7350" i="2" l="1"/>
  <c r="C7349" i="2"/>
  <c r="D7349" i="2"/>
  <c r="A7351" i="2" l="1"/>
  <c r="D7350" i="2"/>
  <c r="C7350" i="2"/>
  <c r="A7352" i="2" l="1"/>
  <c r="C7351" i="2"/>
  <c r="D7351" i="2"/>
  <c r="A7353" i="2" l="1"/>
  <c r="D7352" i="2"/>
  <c r="C7352" i="2"/>
  <c r="A7354" i="2" l="1"/>
  <c r="C7353" i="2"/>
  <c r="D7353" i="2"/>
  <c r="A7355" i="2" l="1"/>
  <c r="D7354" i="2"/>
  <c r="C7354" i="2"/>
  <c r="A7356" i="2" l="1"/>
  <c r="C7355" i="2"/>
  <c r="D7355" i="2"/>
  <c r="A7357" i="2" l="1"/>
  <c r="D7356" i="2"/>
  <c r="C7356" i="2"/>
  <c r="A7358" i="2" l="1"/>
  <c r="C7357" i="2"/>
  <c r="D7357" i="2"/>
  <c r="A7359" i="2" l="1"/>
  <c r="D7358" i="2"/>
  <c r="C7358" i="2"/>
  <c r="A7360" i="2" l="1"/>
  <c r="C7359" i="2"/>
  <c r="D7359" i="2"/>
  <c r="A7361" i="2" l="1"/>
  <c r="D7360" i="2"/>
  <c r="C7360" i="2"/>
  <c r="A7362" i="2" l="1"/>
  <c r="C7361" i="2"/>
  <c r="D7361" i="2"/>
  <c r="A7363" i="2" l="1"/>
  <c r="D7362" i="2"/>
  <c r="C7362" i="2"/>
  <c r="A7364" i="2" l="1"/>
  <c r="C7363" i="2"/>
  <c r="D7363" i="2"/>
  <c r="A7365" i="2" l="1"/>
  <c r="D7364" i="2"/>
  <c r="C7364" i="2"/>
  <c r="A7366" i="2" l="1"/>
  <c r="C7365" i="2"/>
  <c r="D7365" i="2"/>
  <c r="A7367" i="2" l="1"/>
  <c r="D7366" i="2"/>
  <c r="C7366" i="2"/>
  <c r="A7368" i="2" l="1"/>
  <c r="C7367" i="2"/>
  <c r="D7367" i="2"/>
  <c r="A7369" i="2" l="1"/>
  <c r="D7368" i="2"/>
  <c r="C7368" i="2"/>
  <c r="A7370" i="2" l="1"/>
  <c r="C7369" i="2"/>
  <c r="D7369" i="2"/>
  <c r="A7371" i="2" l="1"/>
  <c r="D7370" i="2"/>
  <c r="C7370" i="2"/>
  <c r="A7372" i="2" l="1"/>
  <c r="C7371" i="2"/>
  <c r="D7371" i="2"/>
  <c r="A7373" i="2" l="1"/>
  <c r="D7372" i="2"/>
  <c r="C7372" i="2"/>
  <c r="A7374" i="2" l="1"/>
  <c r="C7373" i="2"/>
  <c r="D7373" i="2"/>
  <c r="A7375" i="2" l="1"/>
  <c r="D7374" i="2"/>
  <c r="C7374" i="2"/>
  <c r="A7376" i="2" l="1"/>
  <c r="C7375" i="2"/>
  <c r="D7375" i="2"/>
  <c r="A7377" i="2" l="1"/>
  <c r="D7376" i="2"/>
  <c r="C7376" i="2"/>
  <c r="A7378" i="2" l="1"/>
  <c r="C7377" i="2"/>
  <c r="D7377" i="2"/>
  <c r="A7379" i="2" l="1"/>
  <c r="D7378" i="2"/>
  <c r="C7378" i="2"/>
  <c r="A7380" i="2" l="1"/>
  <c r="C7379" i="2"/>
  <c r="D7379" i="2"/>
  <c r="A7381" i="2" l="1"/>
  <c r="D7380" i="2"/>
  <c r="C7380" i="2"/>
  <c r="A7382" i="2" l="1"/>
  <c r="C7381" i="2"/>
  <c r="D7381" i="2"/>
  <c r="A7383" i="2" l="1"/>
  <c r="D7382" i="2"/>
  <c r="C7382" i="2"/>
  <c r="A7384" i="2" l="1"/>
  <c r="C7383" i="2"/>
  <c r="D7383" i="2"/>
  <c r="A7385" i="2" l="1"/>
  <c r="D7384" i="2"/>
  <c r="C7384" i="2"/>
  <c r="A7386" i="2" l="1"/>
  <c r="C7385" i="2"/>
  <c r="D7385" i="2"/>
  <c r="A7387" i="2" l="1"/>
  <c r="D7386" i="2"/>
  <c r="C7386" i="2"/>
  <c r="A7388" i="2" l="1"/>
  <c r="C7387" i="2"/>
  <c r="D7387" i="2"/>
  <c r="A7389" i="2" l="1"/>
  <c r="D7388" i="2"/>
  <c r="C7388" i="2"/>
  <c r="A7390" i="2" l="1"/>
  <c r="C7389" i="2"/>
  <c r="D7389" i="2"/>
  <c r="A7391" i="2" l="1"/>
  <c r="D7390" i="2"/>
  <c r="C7390" i="2"/>
  <c r="A7392" i="2" l="1"/>
  <c r="C7391" i="2"/>
  <c r="D7391" i="2"/>
  <c r="A7393" i="2" l="1"/>
  <c r="D7392" i="2"/>
  <c r="C7392" i="2"/>
  <c r="A7394" i="2" l="1"/>
  <c r="C7393" i="2"/>
  <c r="D7393" i="2"/>
  <c r="A7395" i="2" l="1"/>
  <c r="D7394" i="2"/>
  <c r="C7394" i="2"/>
  <c r="A7396" i="2" l="1"/>
  <c r="C7395" i="2"/>
  <c r="D7395" i="2"/>
  <c r="A7397" i="2" l="1"/>
  <c r="D7396" i="2"/>
  <c r="C7396" i="2"/>
  <c r="A7398" i="2" l="1"/>
  <c r="C7397" i="2"/>
  <c r="D7397" i="2"/>
  <c r="A7399" i="2" l="1"/>
  <c r="D7398" i="2"/>
  <c r="C7398" i="2"/>
  <c r="A7400" i="2" l="1"/>
  <c r="C7399" i="2"/>
  <c r="D7399" i="2"/>
  <c r="A7401" i="2" l="1"/>
  <c r="D7400" i="2"/>
  <c r="C7400" i="2"/>
  <c r="A7402" i="2" l="1"/>
  <c r="C7401" i="2"/>
  <c r="D7401" i="2"/>
  <c r="A7403" i="2" l="1"/>
  <c r="D7402" i="2"/>
  <c r="C7402" i="2"/>
  <c r="A7404" i="2" l="1"/>
  <c r="C7403" i="2"/>
  <c r="D7403" i="2"/>
  <c r="A7405" i="2" l="1"/>
  <c r="D7404" i="2"/>
  <c r="C7404" i="2"/>
  <c r="A7406" i="2" l="1"/>
  <c r="C7405" i="2"/>
  <c r="D7405" i="2"/>
  <c r="A7407" i="2" l="1"/>
  <c r="D7406" i="2"/>
  <c r="C7406" i="2"/>
  <c r="A7408" i="2" l="1"/>
  <c r="C7407" i="2"/>
  <c r="D7407" i="2"/>
  <c r="A7409" i="2" l="1"/>
  <c r="D7408" i="2"/>
  <c r="C7408" i="2"/>
  <c r="A7410" i="2" l="1"/>
  <c r="C7409" i="2"/>
  <c r="D7409" i="2"/>
  <c r="A7411" i="2" l="1"/>
  <c r="D7410" i="2"/>
  <c r="C7410" i="2"/>
  <c r="A7412" i="2" l="1"/>
  <c r="C7411" i="2"/>
  <c r="D7411" i="2"/>
  <c r="A7413" i="2" l="1"/>
  <c r="D7412" i="2"/>
  <c r="C7412" i="2"/>
  <c r="A7414" i="2" l="1"/>
  <c r="C7413" i="2"/>
  <c r="D7413" i="2"/>
  <c r="A7415" i="2" l="1"/>
  <c r="D7414" i="2"/>
  <c r="C7414" i="2"/>
  <c r="A7416" i="2" l="1"/>
  <c r="C7415" i="2"/>
  <c r="D7415" i="2"/>
  <c r="A7417" i="2" l="1"/>
  <c r="D7416" i="2"/>
  <c r="C7416" i="2"/>
  <c r="A7418" i="2" l="1"/>
  <c r="C7417" i="2"/>
  <c r="D7417" i="2"/>
  <c r="A7419" i="2" l="1"/>
  <c r="D7418" i="2"/>
  <c r="C7418" i="2"/>
  <c r="A7420" i="2" l="1"/>
  <c r="C7419" i="2"/>
  <c r="D7419" i="2"/>
  <c r="A7421" i="2" l="1"/>
  <c r="D7420" i="2"/>
  <c r="C7420" i="2"/>
  <c r="A7422" i="2" l="1"/>
  <c r="C7421" i="2"/>
  <c r="D7421" i="2"/>
  <c r="A7423" i="2" l="1"/>
  <c r="D7422" i="2"/>
  <c r="C7422" i="2"/>
  <c r="A7424" i="2" l="1"/>
  <c r="C7423" i="2"/>
  <c r="D7423" i="2"/>
  <c r="A7425" i="2" l="1"/>
  <c r="D7424" i="2"/>
  <c r="C7424" i="2"/>
  <c r="A7426" i="2" l="1"/>
  <c r="C7425" i="2"/>
  <c r="D7425" i="2"/>
  <c r="A7427" i="2" l="1"/>
  <c r="D7426" i="2"/>
  <c r="C7426" i="2"/>
  <c r="A7428" i="2" l="1"/>
  <c r="C7427" i="2"/>
  <c r="D7427" i="2"/>
  <c r="A7429" i="2" l="1"/>
  <c r="D7428" i="2"/>
  <c r="C7428" i="2"/>
  <c r="A7430" i="2" l="1"/>
  <c r="C7429" i="2"/>
  <c r="D7429" i="2"/>
  <c r="A7431" i="2" l="1"/>
  <c r="D7430" i="2"/>
  <c r="C7430" i="2"/>
  <c r="A7432" i="2" l="1"/>
  <c r="C7431" i="2"/>
  <c r="D7431" i="2"/>
  <c r="A7433" i="2" l="1"/>
  <c r="D7432" i="2"/>
  <c r="C7432" i="2"/>
  <c r="A7434" i="2" l="1"/>
  <c r="C7433" i="2"/>
  <c r="D7433" i="2"/>
  <c r="A7435" i="2" l="1"/>
  <c r="D7434" i="2"/>
  <c r="C7434" i="2"/>
  <c r="A7436" i="2" l="1"/>
  <c r="C7435" i="2"/>
  <c r="D7435" i="2"/>
  <c r="A7437" i="2" l="1"/>
  <c r="D7436" i="2"/>
  <c r="C7436" i="2"/>
  <c r="A7438" i="2" l="1"/>
  <c r="C7437" i="2"/>
  <c r="D7437" i="2"/>
  <c r="A7439" i="2" l="1"/>
  <c r="D7438" i="2"/>
  <c r="C7438" i="2"/>
  <c r="A7440" i="2" l="1"/>
  <c r="C7439" i="2"/>
  <c r="D7439" i="2"/>
  <c r="A7441" i="2" l="1"/>
  <c r="D7440" i="2"/>
  <c r="C7440" i="2"/>
  <c r="A7442" i="2" l="1"/>
  <c r="C7441" i="2"/>
  <c r="D7441" i="2"/>
  <c r="A7443" i="2" l="1"/>
  <c r="D7442" i="2"/>
  <c r="C7442" i="2"/>
  <c r="A7444" i="2" l="1"/>
  <c r="C7443" i="2"/>
  <c r="D7443" i="2"/>
  <c r="A7445" i="2" l="1"/>
  <c r="D7444" i="2"/>
  <c r="C7444" i="2"/>
  <c r="A7446" i="2" l="1"/>
  <c r="C7445" i="2"/>
  <c r="D7445" i="2"/>
  <c r="A7447" i="2" l="1"/>
  <c r="D7446" i="2"/>
  <c r="C7446" i="2"/>
  <c r="A7448" i="2" l="1"/>
  <c r="C7447" i="2"/>
  <c r="D7447" i="2"/>
  <c r="A7449" i="2" l="1"/>
  <c r="D7448" i="2"/>
  <c r="C7448" i="2"/>
  <c r="A7450" i="2" l="1"/>
  <c r="C7449" i="2"/>
  <c r="D7449" i="2"/>
  <c r="A7451" i="2" l="1"/>
  <c r="D7450" i="2"/>
  <c r="C7450" i="2"/>
  <c r="A7452" i="2" l="1"/>
  <c r="C7451" i="2"/>
  <c r="D7451" i="2"/>
  <c r="A7453" i="2" l="1"/>
  <c r="D7452" i="2"/>
  <c r="C7452" i="2"/>
  <c r="A7454" i="2" l="1"/>
  <c r="C7453" i="2"/>
  <c r="D7453" i="2"/>
  <c r="A7455" i="2" l="1"/>
  <c r="D7454" i="2"/>
  <c r="C7454" i="2"/>
  <c r="A7456" i="2" l="1"/>
  <c r="C7455" i="2"/>
  <c r="D7455" i="2"/>
  <c r="A7457" i="2" l="1"/>
  <c r="D7456" i="2"/>
  <c r="C7456" i="2"/>
  <c r="A7458" i="2" l="1"/>
  <c r="C7457" i="2"/>
  <c r="D7457" i="2"/>
  <c r="A7459" i="2" l="1"/>
  <c r="D7458" i="2"/>
  <c r="C7458" i="2"/>
  <c r="A7460" i="2" l="1"/>
  <c r="C7459" i="2"/>
  <c r="D7459" i="2"/>
  <c r="A7461" i="2" l="1"/>
  <c r="D7460" i="2"/>
  <c r="C7460" i="2"/>
  <c r="A7462" i="2" l="1"/>
  <c r="C7461" i="2"/>
  <c r="D7461" i="2"/>
  <c r="A7463" i="2" l="1"/>
  <c r="D7462" i="2"/>
  <c r="C7462" i="2"/>
  <c r="A7464" i="2" l="1"/>
  <c r="C7463" i="2"/>
  <c r="D7463" i="2"/>
  <c r="A7465" i="2" l="1"/>
  <c r="D7464" i="2"/>
  <c r="C7464" i="2"/>
  <c r="A7466" i="2" l="1"/>
  <c r="C7465" i="2"/>
  <c r="D7465" i="2"/>
  <c r="A7467" i="2" l="1"/>
  <c r="D7466" i="2"/>
  <c r="C7466" i="2"/>
  <c r="A7468" i="2" l="1"/>
  <c r="C7467" i="2"/>
  <c r="D7467" i="2"/>
  <c r="A7469" i="2" l="1"/>
  <c r="D7468" i="2"/>
  <c r="C7468" i="2"/>
  <c r="A7470" i="2" l="1"/>
  <c r="C7469" i="2"/>
  <c r="D7469" i="2"/>
  <c r="A7471" i="2" l="1"/>
  <c r="D7470" i="2"/>
  <c r="C7470" i="2"/>
  <c r="A7472" i="2" l="1"/>
  <c r="C7471" i="2"/>
  <c r="D7471" i="2"/>
  <c r="A7473" i="2" l="1"/>
  <c r="D7472" i="2"/>
  <c r="C7472" i="2"/>
  <c r="A7474" i="2" l="1"/>
  <c r="C7473" i="2"/>
  <c r="D7473" i="2"/>
  <c r="A7475" i="2" l="1"/>
  <c r="D7474" i="2"/>
  <c r="C7474" i="2"/>
  <c r="A7476" i="2" l="1"/>
  <c r="C7475" i="2"/>
  <c r="D7475" i="2"/>
  <c r="A7477" i="2" l="1"/>
  <c r="D7476" i="2"/>
  <c r="C7476" i="2"/>
  <c r="A7478" i="2" l="1"/>
  <c r="C7477" i="2"/>
  <c r="D7477" i="2"/>
  <c r="A7479" i="2" l="1"/>
  <c r="D7478" i="2"/>
  <c r="C7478" i="2"/>
  <c r="A7480" i="2" l="1"/>
  <c r="C7479" i="2"/>
  <c r="D7479" i="2"/>
  <c r="A7481" i="2" l="1"/>
  <c r="D7480" i="2"/>
  <c r="C7480" i="2"/>
  <c r="A7482" i="2" l="1"/>
  <c r="C7481" i="2"/>
  <c r="D7481" i="2"/>
  <c r="A7483" i="2" l="1"/>
  <c r="D7482" i="2"/>
  <c r="C7482" i="2"/>
  <c r="A7484" i="2" l="1"/>
  <c r="C7483" i="2"/>
  <c r="D7483" i="2"/>
  <c r="A7485" i="2" l="1"/>
  <c r="D7484" i="2"/>
  <c r="C7484" i="2"/>
  <c r="A7486" i="2" l="1"/>
  <c r="C7485" i="2"/>
  <c r="D7485" i="2"/>
  <c r="A7487" i="2" l="1"/>
  <c r="D7486" i="2"/>
  <c r="C7486" i="2"/>
  <c r="A7488" i="2" l="1"/>
  <c r="C7487" i="2"/>
  <c r="D7487" i="2"/>
  <c r="A7489" i="2" l="1"/>
  <c r="D7488" i="2"/>
  <c r="C7488" i="2"/>
  <c r="A7490" i="2" l="1"/>
  <c r="C7489" i="2"/>
  <c r="D7489" i="2"/>
  <c r="A7491" i="2" l="1"/>
  <c r="D7490" i="2"/>
  <c r="C7490" i="2"/>
  <c r="A7492" i="2" l="1"/>
  <c r="C7491" i="2"/>
  <c r="D7491" i="2"/>
  <c r="A7493" i="2" l="1"/>
  <c r="D7492" i="2"/>
  <c r="C7492" i="2"/>
  <c r="A7494" i="2" l="1"/>
  <c r="C7493" i="2"/>
  <c r="D7493" i="2"/>
  <c r="A7495" i="2" l="1"/>
  <c r="D7494" i="2"/>
  <c r="C7494" i="2"/>
  <c r="A7496" i="2" l="1"/>
  <c r="C7495" i="2"/>
  <c r="D7495" i="2"/>
  <c r="A7497" i="2" l="1"/>
  <c r="D7496" i="2"/>
  <c r="C7496" i="2"/>
  <c r="A7498" i="2" l="1"/>
  <c r="C7497" i="2"/>
  <c r="D7497" i="2"/>
  <c r="A7499" i="2" l="1"/>
  <c r="D7498" i="2"/>
  <c r="C7498" i="2"/>
  <c r="A7500" i="2" l="1"/>
  <c r="C7499" i="2"/>
  <c r="D7499" i="2"/>
  <c r="A7501" i="2" l="1"/>
  <c r="D7500" i="2"/>
  <c r="C7500" i="2"/>
  <c r="A7502" i="2" l="1"/>
  <c r="C7501" i="2"/>
  <c r="D7501" i="2"/>
  <c r="A7503" i="2" l="1"/>
  <c r="D7502" i="2"/>
  <c r="C7502" i="2"/>
  <c r="A7504" i="2" l="1"/>
  <c r="C7503" i="2"/>
  <c r="D7503" i="2"/>
  <c r="A7505" i="2" l="1"/>
  <c r="D7504" i="2"/>
  <c r="C7504" i="2"/>
  <c r="A7506" i="2" l="1"/>
  <c r="C7505" i="2"/>
  <c r="D7505" i="2"/>
  <c r="A7507" i="2" l="1"/>
  <c r="D7506" i="2"/>
  <c r="C7506" i="2"/>
  <c r="A7508" i="2" l="1"/>
  <c r="C7507" i="2"/>
  <c r="D7507" i="2"/>
  <c r="A7509" i="2" l="1"/>
  <c r="D7508" i="2"/>
  <c r="C7508" i="2"/>
  <c r="A7510" i="2" l="1"/>
  <c r="C7509" i="2"/>
  <c r="D7509" i="2"/>
  <c r="A7511" i="2" l="1"/>
  <c r="D7510" i="2"/>
  <c r="C7510" i="2"/>
  <c r="A7512" i="2" l="1"/>
  <c r="C7511" i="2"/>
  <c r="D7511" i="2"/>
  <c r="A7513" i="2" l="1"/>
  <c r="D7512" i="2"/>
  <c r="C7512" i="2"/>
  <c r="A7514" i="2" l="1"/>
  <c r="C7513" i="2"/>
  <c r="D7513" i="2"/>
  <c r="A7515" i="2" l="1"/>
  <c r="D7514" i="2"/>
  <c r="C7514" i="2"/>
  <c r="A7516" i="2" l="1"/>
  <c r="C7515" i="2"/>
  <c r="D7515" i="2"/>
  <c r="A7517" i="2" l="1"/>
  <c r="D7516" i="2"/>
  <c r="C7516" i="2"/>
  <c r="A7518" i="2" l="1"/>
  <c r="C7517" i="2"/>
  <c r="D7517" i="2"/>
  <c r="A7519" i="2" l="1"/>
  <c r="D7518" i="2"/>
  <c r="C7518" i="2"/>
  <c r="A7520" i="2" l="1"/>
  <c r="C7519" i="2"/>
  <c r="D7519" i="2"/>
  <c r="A7521" i="2" l="1"/>
  <c r="D7520" i="2"/>
  <c r="C7520" i="2"/>
  <c r="A7522" i="2" l="1"/>
  <c r="C7521" i="2"/>
  <c r="D7521" i="2"/>
  <c r="A7523" i="2" l="1"/>
  <c r="D7522" i="2"/>
  <c r="C7522" i="2"/>
  <c r="A7524" i="2" l="1"/>
  <c r="C7523" i="2"/>
  <c r="D7523" i="2"/>
  <c r="A7525" i="2" l="1"/>
  <c r="D7524" i="2"/>
  <c r="C7524" i="2"/>
  <c r="A7526" i="2" l="1"/>
  <c r="C7525" i="2"/>
  <c r="D7525" i="2"/>
  <c r="A7527" i="2" l="1"/>
  <c r="D7526" i="2"/>
  <c r="C7526" i="2"/>
  <c r="A7528" i="2" l="1"/>
  <c r="C7527" i="2"/>
  <c r="D7527" i="2"/>
  <c r="A7529" i="2" l="1"/>
  <c r="D7528" i="2"/>
  <c r="C7528" i="2"/>
  <c r="A7530" i="2" l="1"/>
  <c r="C7529" i="2"/>
  <c r="D7529" i="2"/>
  <c r="A7531" i="2" l="1"/>
  <c r="D7530" i="2"/>
  <c r="C7530" i="2"/>
  <c r="A7532" i="2" l="1"/>
  <c r="C7531" i="2"/>
  <c r="D7531" i="2"/>
  <c r="A7533" i="2" l="1"/>
  <c r="D7532" i="2"/>
  <c r="C7532" i="2"/>
  <c r="A7534" i="2" l="1"/>
  <c r="C7533" i="2"/>
  <c r="D7533" i="2"/>
  <c r="A7535" i="2" l="1"/>
  <c r="D7534" i="2"/>
  <c r="C7534" i="2"/>
  <c r="A7536" i="2" l="1"/>
  <c r="C7535" i="2"/>
  <c r="D7535" i="2"/>
  <c r="A7537" i="2" l="1"/>
  <c r="D7536" i="2"/>
  <c r="C7536" i="2"/>
  <c r="A7538" i="2" l="1"/>
  <c r="C7537" i="2"/>
  <c r="D7537" i="2"/>
  <c r="A7539" i="2" l="1"/>
  <c r="D7538" i="2"/>
  <c r="C7538" i="2"/>
  <c r="A7540" i="2" l="1"/>
  <c r="C7539" i="2"/>
  <c r="D7539" i="2"/>
  <c r="A7541" i="2" l="1"/>
  <c r="D7540" i="2"/>
  <c r="C7540" i="2"/>
  <c r="A7542" i="2" l="1"/>
  <c r="C7541" i="2"/>
  <c r="D7541" i="2"/>
  <c r="A7543" i="2" l="1"/>
  <c r="D7542" i="2"/>
  <c r="C7542" i="2"/>
  <c r="A7544" i="2" l="1"/>
  <c r="C7543" i="2"/>
  <c r="D7543" i="2"/>
  <c r="A7545" i="2" l="1"/>
  <c r="D7544" i="2"/>
  <c r="C7544" i="2"/>
  <c r="A7546" i="2" l="1"/>
  <c r="C7545" i="2"/>
  <c r="D7545" i="2"/>
  <c r="A7547" i="2" l="1"/>
  <c r="D7546" i="2"/>
  <c r="C7546" i="2"/>
  <c r="A7548" i="2" l="1"/>
  <c r="C7547" i="2"/>
  <c r="D7547" i="2"/>
  <c r="A7549" i="2" l="1"/>
  <c r="D7548" i="2"/>
  <c r="C7548" i="2"/>
  <c r="A7550" i="2" l="1"/>
  <c r="C7549" i="2"/>
  <c r="D7549" i="2"/>
  <c r="A7551" i="2" l="1"/>
  <c r="D7550" i="2"/>
  <c r="C7550" i="2"/>
  <c r="A7552" i="2" l="1"/>
  <c r="C7551" i="2"/>
  <c r="D7551" i="2"/>
  <c r="A7553" i="2" l="1"/>
  <c r="D7552" i="2"/>
  <c r="C7552" i="2"/>
  <c r="A7554" i="2" l="1"/>
  <c r="C7553" i="2"/>
  <c r="D7553" i="2"/>
  <c r="A7555" i="2" l="1"/>
  <c r="D7554" i="2"/>
  <c r="C7554" i="2"/>
  <c r="A7556" i="2" l="1"/>
  <c r="C7555" i="2"/>
  <c r="D7555" i="2"/>
  <c r="A7557" i="2" l="1"/>
  <c r="D7556" i="2"/>
  <c r="C7556" i="2"/>
  <c r="A7558" i="2" l="1"/>
  <c r="C7557" i="2"/>
  <c r="D7557" i="2"/>
  <c r="A7559" i="2" l="1"/>
  <c r="D7558" i="2"/>
  <c r="C7558" i="2"/>
  <c r="A7560" i="2" l="1"/>
  <c r="C7559" i="2"/>
  <c r="D7559" i="2"/>
  <c r="A7561" i="2" l="1"/>
  <c r="D7560" i="2"/>
  <c r="C7560" i="2"/>
  <c r="A7562" i="2" l="1"/>
  <c r="C7561" i="2"/>
  <c r="D7561" i="2"/>
  <c r="A7563" i="2" l="1"/>
  <c r="D7562" i="2"/>
  <c r="C7562" i="2"/>
  <c r="A7564" i="2" l="1"/>
  <c r="C7563" i="2"/>
  <c r="D7563" i="2"/>
  <c r="A7565" i="2" l="1"/>
  <c r="D7564" i="2"/>
  <c r="C7564" i="2"/>
  <c r="A7566" i="2" l="1"/>
  <c r="C7565" i="2"/>
  <c r="D7565" i="2"/>
  <c r="A7567" i="2" l="1"/>
  <c r="D7566" i="2"/>
  <c r="C7566" i="2"/>
  <c r="A7568" i="2" l="1"/>
  <c r="C7567" i="2"/>
  <c r="D7567" i="2"/>
  <c r="A7569" i="2" l="1"/>
  <c r="D7568" i="2"/>
  <c r="C7568" i="2"/>
  <c r="A7570" i="2" l="1"/>
  <c r="C7569" i="2"/>
  <c r="D7569" i="2"/>
  <c r="A7571" i="2" l="1"/>
  <c r="D7570" i="2"/>
  <c r="C7570" i="2"/>
  <c r="A7572" i="2" l="1"/>
  <c r="C7571" i="2"/>
  <c r="D7571" i="2"/>
  <c r="A7573" i="2" l="1"/>
  <c r="D7572" i="2"/>
  <c r="C7572" i="2"/>
  <c r="A7574" i="2" l="1"/>
  <c r="C7573" i="2"/>
  <c r="D7573" i="2"/>
  <c r="A7575" i="2" l="1"/>
  <c r="D7574" i="2"/>
  <c r="C7574" i="2"/>
  <c r="A7576" i="2" l="1"/>
  <c r="C7575" i="2"/>
  <c r="D7575" i="2"/>
  <c r="A7577" i="2" l="1"/>
  <c r="D7576" i="2"/>
  <c r="C7576" i="2"/>
  <c r="A7578" i="2" l="1"/>
  <c r="C7577" i="2"/>
  <c r="D7577" i="2"/>
  <c r="A7579" i="2" l="1"/>
  <c r="D7578" i="2"/>
  <c r="C7578" i="2"/>
  <c r="A7580" i="2" l="1"/>
  <c r="C7579" i="2"/>
  <c r="D7579" i="2"/>
  <c r="A7581" i="2" l="1"/>
  <c r="D7580" i="2"/>
  <c r="C7580" i="2"/>
  <c r="A7582" i="2" l="1"/>
  <c r="C7581" i="2"/>
  <c r="D7581" i="2"/>
  <c r="A7583" i="2" l="1"/>
  <c r="D7582" i="2"/>
  <c r="C7582" i="2"/>
  <c r="A7584" i="2" l="1"/>
  <c r="C7583" i="2"/>
  <c r="D7583" i="2"/>
  <c r="A7585" i="2" l="1"/>
  <c r="D7584" i="2"/>
  <c r="C7584" i="2"/>
  <c r="A7586" i="2" l="1"/>
  <c r="C7585" i="2"/>
  <c r="D7585" i="2"/>
  <c r="A7587" i="2" l="1"/>
  <c r="D7586" i="2"/>
  <c r="C7586" i="2"/>
  <c r="A7588" i="2" l="1"/>
  <c r="C7587" i="2"/>
  <c r="D7587" i="2"/>
  <c r="A7589" i="2" l="1"/>
  <c r="D7588" i="2"/>
  <c r="C7588" i="2"/>
  <c r="A7590" i="2" l="1"/>
  <c r="C7589" i="2"/>
  <c r="D7589" i="2"/>
  <c r="A7591" i="2" l="1"/>
  <c r="D7590" i="2"/>
  <c r="C7590" i="2"/>
  <c r="A7592" i="2" l="1"/>
  <c r="C7591" i="2"/>
  <c r="D7591" i="2"/>
  <c r="A7593" i="2" l="1"/>
  <c r="D7592" i="2"/>
  <c r="C7592" i="2"/>
  <c r="A7594" i="2" l="1"/>
  <c r="C7593" i="2"/>
  <c r="D7593" i="2"/>
  <c r="A7595" i="2" l="1"/>
  <c r="D7594" i="2"/>
  <c r="C7594" i="2"/>
  <c r="A7596" i="2" l="1"/>
  <c r="C7595" i="2"/>
  <c r="D7595" i="2"/>
  <c r="A7597" i="2" l="1"/>
  <c r="D7596" i="2"/>
  <c r="C7596" i="2"/>
  <c r="A7598" i="2" l="1"/>
  <c r="C7597" i="2"/>
  <c r="D7597" i="2"/>
  <c r="A7599" i="2" l="1"/>
  <c r="D7598" i="2"/>
  <c r="C7598" i="2"/>
  <c r="A7600" i="2" l="1"/>
  <c r="C7599" i="2"/>
  <c r="D7599" i="2"/>
  <c r="A7601" i="2" l="1"/>
  <c r="D7600" i="2"/>
  <c r="C7600" i="2"/>
  <c r="A7602" i="2" l="1"/>
  <c r="C7601" i="2"/>
  <c r="D7601" i="2"/>
  <c r="A7603" i="2" l="1"/>
  <c r="D7602" i="2"/>
  <c r="C7602" i="2"/>
  <c r="A7604" i="2" l="1"/>
  <c r="C7603" i="2"/>
  <c r="D7603" i="2"/>
  <c r="A7605" i="2" l="1"/>
  <c r="D7604" i="2"/>
  <c r="C7604" i="2"/>
  <c r="A7606" i="2" l="1"/>
  <c r="C7605" i="2"/>
  <c r="D7605" i="2"/>
  <c r="A7607" i="2" l="1"/>
  <c r="D7606" i="2"/>
  <c r="C7606" i="2"/>
  <c r="A7608" i="2" l="1"/>
  <c r="C7607" i="2"/>
  <c r="D7607" i="2"/>
  <c r="A7609" i="2" l="1"/>
  <c r="D7608" i="2"/>
  <c r="C7608" i="2"/>
  <c r="A7610" i="2" l="1"/>
  <c r="C7609" i="2"/>
  <c r="D7609" i="2"/>
  <c r="A7611" i="2" l="1"/>
  <c r="D7610" i="2"/>
  <c r="C7610" i="2"/>
  <c r="A7612" i="2" l="1"/>
  <c r="C7611" i="2"/>
  <c r="D7611" i="2"/>
  <c r="A7613" i="2" l="1"/>
  <c r="D7612" i="2"/>
  <c r="C7612" i="2"/>
  <c r="A7614" i="2" l="1"/>
  <c r="C7613" i="2"/>
  <c r="D7613" i="2"/>
  <c r="A7615" i="2" l="1"/>
  <c r="D7614" i="2"/>
  <c r="C7614" i="2"/>
  <c r="A7616" i="2" l="1"/>
  <c r="C7615" i="2"/>
  <c r="D7615" i="2"/>
  <c r="A7617" i="2" l="1"/>
  <c r="D7616" i="2"/>
  <c r="C7616" i="2"/>
  <c r="A7618" i="2" l="1"/>
  <c r="C7617" i="2"/>
  <c r="D7617" i="2"/>
  <c r="A7619" i="2" l="1"/>
  <c r="D7618" i="2"/>
  <c r="C7618" i="2"/>
  <c r="A7620" i="2" l="1"/>
  <c r="C7619" i="2"/>
  <c r="D7619" i="2"/>
  <c r="A7621" i="2" l="1"/>
  <c r="D7620" i="2"/>
  <c r="C7620" i="2"/>
  <c r="A7622" i="2" l="1"/>
  <c r="C7621" i="2"/>
  <c r="D7621" i="2"/>
  <c r="A7623" i="2" l="1"/>
  <c r="D7622" i="2"/>
  <c r="C7622" i="2"/>
  <c r="A7624" i="2" l="1"/>
  <c r="C7623" i="2"/>
  <c r="D7623" i="2"/>
  <c r="A7625" i="2" l="1"/>
  <c r="D7624" i="2"/>
  <c r="C7624" i="2"/>
  <c r="A7626" i="2" l="1"/>
  <c r="C7625" i="2"/>
  <c r="D7625" i="2"/>
  <c r="A7627" i="2" l="1"/>
  <c r="D7626" i="2"/>
  <c r="C7626" i="2"/>
  <c r="A7628" i="2" l="1"/>
  <c r="C7627" i="2"/>
  <c r="D7627" i="2"/>
  <c r="A7629" i="2" l="1"/>
  <c r="D7628" i="2"/>
  <c r="C7628" i="2"/>
  <c r="A7630" i="2" l="1"/>
  <c r="C7629" i="2"/>
  <c r="D7629" i="2"/>
  <c r="A7631" i="2" l="1"/>
  <c r="D7630" i="2"/>
  <c r="C7630" i="2"/>
  <c r="A7632" i="2" l="1"/>
  <c r="C7631" i="2"/>
  <c r="D7631" i="2"/>
  <c r="A7633" i="2" l="1"/>
  <c r="D7632" i="2"/>
  <c r="C7632" i="2"/>
  <c r="A7634" i="2" l="1"/>
  <c r="C7633" i="2"/>
  <c r="D7633" i="2"/>
  <c r="A7635" i="2" l="1"/>
  <c r="D7634" i="2"/>
  <c r="C7634" i="2"/>
  <c r="A7636" i="2" l="1"/>
  <c r="C7635" i="2"/>
  <c r="D7635" i="2"/>
  <c r="A7637" i="2" l="1"/>
  <c r="D7636" i="2"/>
  <c r="C7636" i="2"/>
  <c r="A7638" i="2" l="1"/>
  <c r="C7637" i="2"/>
  <c r="D7637" i="2"/>
  <c r="A7639" i="2" l="1"/>
  <c r="D7638" i="2"/>
  <c r="C7638" i="2"/>
  <c r="A7640" i="2" l="1"/>
  <c r="C7639" i="2"/>
  <c r="D7639" i="2"/>
  <c r="A7641" i="2" l="1"/>
  <c r="D7640" i="2"/>
  <c r="C7640" i="2"/>
  <c r="A7642" i="2" l="1"/>
  <c r="C7641" i="2"/>
  <c r="D7641" i="2"/>
  <c r="A7643" i="2" l="1"/>
  <c r="D7642" i="2"/>
  <c r="C7642" i="2"/>
  <c r="A7644" i="2" l="1"/>
  <c r="C7643" i="2"/>
  <c r="D7643" i="2"/>
  <c r="A7645" i="2" l="1"/>
  <c r="D7644" i="2"/>
  <c r="C7644" i="2"/>
  <c r="A7646" i="2" l="1"/>
  <c r="C7645" i="2"/>
  <c r="D7645" i="2"/>
  <c r="A7647" i="2" l="1"/>
  <c r="D7646" i="2"/>
  <c r="C7646" i="2"/>
  <c r="A7648" i="2" l="1"/>
  <c r="C7647" i="2"/>
  <c r="D7647" i="2"/>
  <c r="A7649" i="2" l="1"/>
  <c r="D7648" i="2"/>
  <c r="C7648" i="2"/>
  <c r="A7650" i="2" l="1"/>
  <c r="C7649" i="2"/>
  <c r="D7649" i="2"/>
  <c r="A7651" i="2" l="1"/>
  <c r="D7650" i="2"/>
  <c r="C7650" i="2"/>
  <c r="A7652" i="2" l="1"/>
  <c r="C7651" i="2"/>
  <c r="D7651" i="2"/>
  <c r="A7653" i="2" l="1"/>
  <c r="D7652" i="2"/>
  <c r="C7652" i="2"/>
  <c r="A7654" i="2" l="1"/>
  <c r="C7653" i="2"/>
  <c r="D7653" i="2"/>
  <c r="A7655" i="2" l="1"/>
  <c r="D7654" i="2"/>
  <c r="C7654" i="2"/>
  <c r="A7656" i="2" l="1"/>
  <c r="C7655" i="2"/>
  <c r="D7655" i="2"/>
  <c r="A7657" i="2" l="1"/>
  <c r="C7656" i="2"/>
  <c r="D7656" i="2"/>
  <c r="A7658" i="2" l="1"/>
  <c r="C7657" i="2"/>
  <c r="D7657" i="2"/>
  <c r="A7659" i="2" l="1"/>
  <c r="C7658" i="2"/>
  <c r="D7658" i="2"/>
  <c r="A7660" i="2" l="1"/>
  <c r="C7659" i="2"/>
  <c r="D7659" i="2"/>
  <c r="A7661" i="2" l="1"/>
  <c r="C7660" i="2"/>
  <c r="D7660" i="2"/>
  <c r="A7662" i="2" l="1"/>
  <c r="C7661" i="2"/>
  <c r="D7661" i="2"/>
  <c r="A7663" i="2" l="1"/>
  <c r="C7662" i="2"/>
  <c r="D7662" i="2"/>
  <c r="A7664" i="2" l="1"/>
  <c r="C7663" i="2"/>
  <c r="D7663" i="2"/>
  <c r="A7665" i="2" l="1"/>
  <c r="C7664" i="2"/>
  <c r="D7664" i="2"/>
  <c r="A7666" i="2" l="1"/>
  <c r="C7665" i="2"/>
  <c r="D7665" i="2"/>
  <c r="A7667" i="2" l="1"/>
  <c r="C7666" i="2"/>
  <c r="D7666" i="2"/>
  <c r="A7668" i="2" l="1"/>
  <c r="C7667" i="2"/>
  <c r="D7667" i="2"/>
  <c r="A7669" i="2" l="1"/>
  <c r="C7668" i="2"/>
  <c r="D7668" i="2"/>
  <c r="A7670" i="2" l="1"/>
  <c r="C7669" i="2"/>
  <c r="D7669" i="2"/>
  <c r="A7671" i="2" l="1"/>
  <c r="C7670" i="2"/>
  <c r="D7670" i="2"/>
  <c r="A7672" i="2" l="1"/>
  <c r="C7671" i="2"/>
  <c r="D7671" i="2"/>
  <c r="A7673" i="2" l="1"/>
  <c r="C7672" i="2"/>
  <c r="D7672" i="2"/>
  <c r="A7674" i="2" l="1"/>
  <c r="C7673" i="2"/>
  <c r="D7673" i="2"/>
  <c r="A7675" i="2" l="1"/>
  <c r="C7674" i="2"/>
  <c r="D7674" i="2"/>
  <c r="A7676" i="2" l="1"/>
  <c r="C7675" i="2"/>
  <c r="D7675" i="2"/>
  <c r="A7677" i="2" l="1"/>
  <c r="C7676" i="2"/>
  <c r="D7676" i="2"/>
  <c r="A7678" i="2" l="1"/>
  <c r="C7677" i="2"/>
  <c r="D7677" i="2"/>
  <c r="A7679" i="2" l="1"/>
  <c r="C7678" i="2"/>
  <c r="D7678" i="2"/>
  <c r="A7680" i="2" l="1"/>
  <c r="C7679" i="2"/>
  <c r="D7679" i="2"/>
  <c r="A7681" i="2" l="1"/>
  <c r="C7680" i="2"/>
  <c r="D7680" i="2"/>
  <c r="A7682" i="2" l="1"/>
  <c r="C7681" i="2"/>
  <c r="D7681" i="2"/>
  <c r="A7683" i="2" l="1"/>
  <c r="C7682" i="2"/>
  <c r="D7682" i="2"/>
  <c r="A7684" i="2" l="1"/>
  <c r="C7683" i="2"/>
  <c r="D7683" i="2"/>
  <c r="A7685" i="2" l="1"/>
  <c r="C7684" i="2"/>
  <c r="D7684" i="2"/>
  <c r="A7686" i="2" l="1"/>
  <c r="C7685" i="2"/>
  <c r="D7685" i="2"/>
  <c r="A7687" i="2" l="1"/>
  <c r="D7686" i="2"/>
  <c r="C7686" i="2"/>
  <c r="A7688" i="2" l="1"/>
  <c r="C7687" i="2"/>
  <c r="D7687" i="2"/>
  <c r="A7689" i="2" l="1"/>
  <c r="C7688" i="2"/>
  <c r="D7688" i="2"/>
  <c r="A7690" i="2" l="1"/>
  <c r="C7689" i="2"/>
  <c r="D7689" i="2"/>
  <c r="A7691" i="2" l="1"/>
  <c r="C7690" i="2"/>
  <c r="D7690" i="2"/>
  <c r="A7692" i="2" l="1"/>
  <c r="C7691" i="2"/>
  <c r="D7691" i="2"/>
  <c r="A7693" i="2" l="1"/>
  <c r="C7692" i="2"/>
  <c r="D7692" i="2"/>
  <c r="A7694" i="2" l="1"/>
  <c r="C7693" i="2"/>
  <c r="D7693" i="2"/>
  <c r="A7695" i="2" l="1"/>
  <c r="D7694" i="2"/>
  <c r="C7694" i="2"/>
  <c r="A7696" i="2" l="1"/>
  <c r="C7695" i="2"/>
  <c r="D7695" i="2"/>
  <c r="A7697" i="2" l="1"/>
  <c r="C7696" i="2"/>
  <c r="D7696" i="2"/>
  <c r="A7698" i="2" l="1"/>
  <c r="C7697" i="2"/>
  <c r="D7697" i="2"/>
  <c r="A7699" i="2" l="1"/>
  <c r="C7698" i="2"/>
  <c r="D7698" i="2"/>
  <c r="A7700" i="2" l="1"/>
  <c r="D7699" i="2"/>
  <c r="C7699" i="2"/>
  <c r="A7701" i="2" l="1"/>
  <c r="C7700" i="2"/>
  <c r="D7700" i="2"/>
  <c r="A7702" i="2" l="1"/>
  <c r="D7701" i="2"/>
  <c r="C7701" i="2"/>
  <c r="A7703" i="2" l="1"/>
  <c r="C7702" i="2"/>
  <c r="D7702" i="2"/>
  <c r="A7704" i="2" l="1"/>
  <c r="D7703" i="2"/>
  <c r="C7703" i="2"/>
  <c r="A7705" i="2" l="1"/>
  <c r="C7704" i="2"/>
  <c r="D7704" i="2"/>
  <c r="A7706" i="2" l="1"/>
  <c r="D7705" i="2"/>
  <c r="C7705" i="2"/>
  <c r="A7707" i="2" l="1"/>
  <c r="C7706" i="2"/>
  <c r="D7706" i="2"/>
  <c r="A7708" i="2" l="1"/>
  <c r="D7707" i="2"/>
  <c r="C7707" i="2"/>
  <c r="A7709" i="2" l="1"/>
  <c r="C7708" i="2"/>
  <c r="D7708" i="2"/>
  <c r="A7710" i="2" l="1"/>
  <c r="D7709" i="2"/>
  <c r="C7709" i="2"/>
  <c r="A7711" i="2" l="1"/>
  <c r="C7710" i="2"/>
  <c r="D7710" i="2"/>
  <c r="A7712" i="2" l="1"/>
  <c r="D7711" i="2"/>
  <c r="C7711" i="2"/>
  <c r="A7713" i="2" l="1"/>
  <c r="C7712" i="2"/>
  <c r="D7712" i="2"/>
  <c r="A7714" i="2" l="1"/>
  <c r="D7713" i="2"/>
  <c r="C7713" i="2"/>
  <c r="A7715" i="2" l="1"/>
  <c r="C7714" i="2"/>
  <c r="D7714" i="2"/>
  <c r="A7716" i="2" l="1"/>
  <c r="D7715" i="2"/>
  <c r="C7715" i="2"/>
  <c r="A7717" i="2" l="1"/>
  <c r="C7716" i="2"/>
  <c r="D7716" i="2"/>
  <c r="A7718" i="2" l="1"/>
  <c r="D7717" i="2"/>
  <c r="C7717" i="2"/>
  <c r="A7719" i="2" l="1"/>
  <c r="C7718" i="2"/>
  <c r="D7718" i="2"/>
  <c r="A7720" i="2" l="1"/>
  <c r="D7719" i="2"/>
  <c r="C7719" i="2"/>
  <c r="A7721" i="2" l="1"/>
  <c r="C7720" i="2"/>
  <c r="D7720" i="2"/>
  <c r="A7722" i="2" l="1"/>
  <c r="D7721" i="2"/>
  <c r="C7721" i="2"/>
  <c r="A7723" i="2" l="1"/>
  <c r="C7722" i="2"/>
  <c r="D7722" i="2"/>
  <c r="A7724" i="2" l="1"/>
  <c r="D7723" i="2"/>
  <c r="C7723" i="2"/>
  <c r="A7725" i="2" l="1"/>
  <c r="C7724" i="2"/>
  <c r="D7724" i="2"/>
  <c r="A7726" i="2" l="1"/>
  <c r="D7725" i="2"/>
  <c r="C7725" i="2"/>
  <c r="A7727" i="2" l="1"/>
  <c r="C7726" i="2"/>
  <c r="D7726" i="2"/>
  <c r="A7728" i="2" l="1"/>
  <c r="D7727" i="2"/>
  <c r="C7727" i="2"/>
  <c r="A7729" i="2" l="1"/>
  <c r="C7728" i="2"/>
  <c r="D7728" i="2"/>
  <c r="A7730" i="2" l="1"/>
  <c r="D7729" i="2"/>
  <c r="C7729" i="2"/>
  <c r="A7731" i="2" l="1"/>
  <c r="C7730" i="2"/>
  <c r="D7730" i="2"/>
  <c r="A7732" i="2" l="1"/>
  <c r="D7731" i="2"/>
  <c r="C7731" i="2"/>
  <c r="A7733" i="2" l="1"/>
  <c r="C7732" i="2"/>
  <c r="D7732" i="2"/>
  <c r="A7734" i="2" l="1"/>
  <c r="D7733" i="2"/>
  <c r="C7733" i="2"/>
  <c r="A7735" i="2" l="1"/>
  <c r="C7734" i="2"/>
  <c r="D7734" i="2"/>
  <c r="A7736" i="2" l="1"/>
  <c r="D7735" i="2"/>
  <c r="C7735" i="2"/>
  <c r="A7737" i="2" l="1"/>
  <c r="C7736" i="2"/>
  <c r="D7736" i="2"/>
  <c r="A7738" i="2" l="1"/>
  <c r="D7737" i="2"/>
  <c r="C7737" i="2"/>
  <c r="A7739" i="2" l="1"/>
  <c r="C7738" i="2"/>
  <c r="D7738" i="2"/>
  <c r="A7740" i="2" l="1"/>
  <c r="D7739" i="2"/>
  <c r="C7739" i="2"/>
  <c r="A7741" i="2" l="1"/>
  <c r="C7740" i="2"/>
  <c r="D7740" i="2"/>
  <c r="A7742" i="2" l="1"/>
  <c r="D7741" i="2"/>
  <c r="C7741" i="2"/>
  <c r="A7743" i="2" l="1"/>
  <c r="C7742" i="2"/>
  <c r="D7742" i="2"/>
  <c r="A7744" i="2" l="1"/>
  <c r="D7743" i="2"/>
  <c r="C7743" i="2"/>
  <c r="A7745" i="2" l="1"/>
  <c r="C7744" i="2"/>
  <c r="D7744" i="2"/>
  <c r="A7746" i="2" l="1"/>
  <c r="D7745" i="2"/>
  <c r="C7745" i="2"/>
  <c r="A7747" i="2" l="1"/>
  <c r="C7746" i="2"/>
  <c r="D7746" i="2"/>
  <c r="A7748" i="2" l="1"/>
  <c r="D7747" i="2"/>
  <c r="C7747" i="2"/>
  <c r="A7749" i="2" l="1"/>
  <c r="C7748" i="2"/>
  <c r="D7748" i="2"/>
  <c r="A7750" i="2" l="1"/>
  <c r="D7749" i="2"/>
  <c r="C7749" i="2"/>
  <c r="A7751" i="2" l="1"/>
  <c r="C7750" i="2"/>
  <c r="D7750" i="2"/>
  <c r="A7752" i="2" l="1"/>
  <c r="D7751" i="2"/>
  <c r="C7751" i="2"/>
  <c r="A7753" i="2" l="1"/>
  <c r="C7752" i="2"/>
  <c r="D7752" i="2"/>
  <c r="A7754" i="2" l="1"/>
  <c r="D7753" i="2"/>
  <c r="C7753" i="2"/>
  <c r="A7755" i="2" l="1"/>
  <c r="C7754" i="2"/>
  <c r="D7754" i="2"/>
  <c r="A7756" i="2" l="1"/>
  <c r="D7755" i="2"/>
  <c r="C7755" i="2"/>
  <c r="A7757" i="2" l="1"/>
  <c r="C7756" i="2"/>
  <c r="D7756" i="2"/>
  <c r="A7758" i="2" l="1"/>
  <c r="D7757" i="2"/>
  <c r="C7757" i="2"/>
  <c r="A7759" i="2" l="1"/>
  <c r="C7758" i="2"/>
  <c r="D7758" i="2"/>
  <c r="A7760" i="2" l="1"/>
  <c r="D7759" i="2"/>
  <c r="C7759" i="2"/>
  <c r="A7761" i="2" l="1"/>
  <c r="C7760" i="2"/>
  <c r="D7760" i="2"/>
  <c r="A7762" i="2" l="1"/>
  <c r="D7761" i="2"/>
  <c r="C7761" i="2"/>
  <c r="A7763" i="2" l="1"/>
  <c r="C7762" i="2"/>
  <c r="D7762" i="2"/>
  <c r="A7764" i="2" l="1"/>
  <c r="D7763" i="2"/>
  <c r="C7763" i="2"/>
  <c r="A7765" i="2" l="1"/>
  <c r="C7764" i="2"/>
  <c r="D7764" i="2"/>
  <c r="A7766" i="2" l="1"/>
  <c r="D7765" i="2"/>
  <c r="C7765" i="2"/>
  <c r="A7767" i="2" l="1"/>
  <c r="C7766" i="2"/>
  <c r="D7766" i="2"/>
  <c r="A7768" i="2" l="1"/>
  <c r="D7767" i="2"/>
  <c r="C7767" i="2"/>
  <c r="A7769" i="2" l="1"/>
  <c r="C7768" i="2"/>
  <c r="D7768" i="2"/>
  <c r="A7770" i="2" l="1"/>
  <c r="D7769" i="2"/>
  <c r="C7769" i="2"/>
  <c r="A7771" i="2" l="1"/>
  <c r="C7770" i="2"/>
  <c r="D7770" i="2"/>
  <c r="A7772" i="2" l="1"/>
  <c r="D7771" i="2"/>
  <c r="C7771" i="2"/>
  <c r="A7773" i="2" l="1"/>
  <c r="C7772" i="2"/>
  <c r="D7772" i="2"/>
  <c r="A7774" i="2" l="1"/>
  <c r="D7773" i="2"/>
  <c r="C7773" i="2"/>
  <c r="A7775" i="2" l="1"/>
  <c r="C7774" i="2"/>
  <c r="D7774" i="2"/>
  <c r="A7776" i="2" l="1"/>
  <c r="D7775" i="2"/>
  <c r="C7775" i="2"/>
  <c r="A7777" i="2" l="1"/>
  <c r="C7776" i="2"/>
  <c r="D7776" i="2"/>
  <c r="A7778" i="2" l="1"/>
  <c r="D7777" i="2"/>
  <c r="C7777" i="2"/>
  <c r="A7779" i="2" l="1"/>
  <c r="C7778" i="2"/>
  <c r="D7778" i="2"/>
  <c r="A7780" i="2" l="1"/>
  <c r="D7779" i="2"/>
  <c r="C7779" i="2"/>
  <c r="A7781" i="2" l="1"/>
  <c r="C7780" i="2"/>
  <c r="D7780" i="2"/>
  <c r="A7782" i="2" l="1"/>
  <c r="D7781" i="2"/>
  <c r="C7781" i="2"/>
  <c r="A7783" i="2" l="1"/>
  <c r="C7782" i="2"/>
  <c r="D7782" i="2"/>
  <c r="A7784" i="2" l="1"/>
  <c r="D7783" i="2"/>
  <c r="C7783" i="2"/>
  <c r="A7785" i="2" l="1"/>
  <c r="C7784" i="2"/>
  <c r="D7784" i="2"/>
  <c r="A7786" i="2" l="1"/>
  <c r="D7785" i="2"/>
  <c r="C7785" i="2"/>
  <c r="A7787" i="2" l="1"/>
  <c r="C7786" i="2"/>
  <c r="D7786" i="2"/>
  <c r="A7788" i="2" l="1"/>
  <c r="D7787" i="2"/>
  <c r="C7787" i="2"/>
  <c r="A7789" i="2" l="1"/>
  <c r="C7788" i="2"/>
  <c r="D7788" i="2"/>
  <c r="A7790" i="2" l="1"/>
  <c r="D7789" i="2"/>
  <c r="C7789" i="2"/>
  <c r="A7791" i="2" l="1"/>
  <c r="C7790" i="2"/>
  <c r="D7790" i="2"/>
  <c r="A7792" i="2" l="1"/>
  <c r="D7791" i="2"/>
  <c r="C7791" i="2"/>
  <c r="A7793" i="2" l="1"/>
  <c r="C7792" i="2"/>
  <c r="D7792" i="2"/>
  <c r="A7794" i="2" l="1"/>
  <c r="D7793" i="2"/>
  <c r="C7793" i="2"/>
  <c r="A7795" i="2" l="1"/>
  <c r="C7794" i="2"/>
  <c r="D7794" i="2"/>
  <c r="A7796" i="2" l="1"/>
  <c r="D7795" i="2"/>
  <c r="C7795" i="2"/>
  <c r="A7797" i="2" l="1"/>
  <c r="C7796" i="2"/>
  <c r="D7796" i="2"/>
  <c r="A7798" i="2" l="1"/>
  <c r="D7797" i="2"/>
  <c r="C7797" i="2"/>
  <c r="A7799" i="2" l="1"/>
  <c r="C7798" i="2"/>
  <c r="D7798" i="2"/>
  <c r="A7800" i="2" l="1"/>
  <c r="D7799" i="2"/>
  <c r="C7799" i="2"/>
  <c r="A7801" i="2" l="1"/>
  <c r="C7800" i="2"/>
  <c r="D7800" i="2"/>
  <c r="A7802" i="2" l="1"/>
  <c r="D7801" i="2"/>
  <c r="C7801" i="2"/>
  <c r="A7803" i="2" l="1"/>
  <c r="C7802" i="2"/>
  <c r="D7802" i="2"/>
  <c r="A7804" i="2" l="1"/>
  <c r="D7803" i="2"/>
  <c r="C7803" i="2"/>
  <c r="A7805" i="2" l="1"/>
  <c r="C7804" i="2"/>
  <c r="D7804" i="2"/>
  <c r="A7806" i="2" l="1"/>
  <c r="D7805" i="2"/>
  <c r="C7805" i="2"/>
  <c r="A7807" i="2" l="1"/>
  <c r="C7806" i="2"/>
  <c r="D7806" i="2"/>
  <c r="A7808" i="2" l="1"/>
  <c r="D7807" i="2"/>
  <c r="C7807" i="2"/>
  <c r="A7809" i="2" l="1"/>
  <c r="C7808" i="2"/>
  <c r="D7808" i="2"/>
  <c r="A7810" i="2" l="1"/>
  <c r="D7809" i="2"/>
  <c r="C7809" i="2"/>
  <c r="A7811" i="2" l="1"/>
  <c r="C7810" i="2"/>
  <c r="D7810" i="2"/>
  <c r="A7812" i="2" l="1"/>
  <c r="D7811" i="2"/>
  <c r="C7811" i="2"/>
  <c r="A7813" i="2" l="1"/>
  <c r="C7812" i="2"/>
  <c r="D7812" i="2"/>
  <c r="A7814" i="2" l="1"/>
  <c r="D7813" i="2"/>
  <c r="C7813" i="2"/>
  <c r="A7815" i="2" l="1"/>
  <c r="C7814" i="2"/>
  <c r="D7814" i="2"/>
  <c r="A7816" i="2" l="1"/>
  <c r="D7815" i="2"/>
  <c r="C7815" i="2"/>
  <c r="A7817" i="2" l="1"/>
  <c r="C7816" i="2"/>
  <c r="D7816" i="2"/>
  <c r="A7818" i="2" l="1"/>
  <c r="D7817" i="2"/>
  <c r="C7817" i="2"/>
  <c r="A7819" i="2" l="1"/>
  <c r="C7818" i="2"/>
  <c r="D7818" i="2"/>
  <c r="A7820" i="2" l="1"/>
  <c r="D7819" i="2"/>
  <c r="C7819" i="2"/>
  <c r="A7821" i="2" l="1"/>
  <c r="C7820" i="2"/>
  <c r="D7820" i="2"/>
  <c r="A7822" i="2" l="1"/>
  <c r="D7821" i="2"/>
  <c r="C7821" i="2"/>
  <c r="A7823" i="2" l="1"/>
  <c r="C7822" i="2"/>
  <c r="D7822" i="2"/>
  <c r="A7824" i="2" l="1"/>
  <c r="D7823" i="2"/>
  <c r="C7823" i="2"/>
  <c r="A7825" i="2" l="1"/>
  <c r="C7824" i="2"/>
  <c r="D7824" i="2"/>
  <c r="A7826" i="2" l="1"/>
  <c r="D7825" i="2"/>
  <c r="C7825" i="2"/>
  <c r="A7827" i="2" l="1"/>
  <c r="C7826" i="2"/>
  <c r="D7826" i="2"/>
  <c r="A7828" i="2" l="1"/>
  <c r="D7827" i="2"/>
  <c r="C7827" i="2"/>
  <c r="A7829" i="2" l="1"/>
  <c r="C7828" i="2"/>
  <c r="D7828" i="2"/>
  <c r="A7830" i="2" l="1"/>
  <c r="D7829" i="2"/>
  <c r="C7829" i="2"/>
  <c r="A7831" i="2" l="1"/>
  <c r="C7830" i="2"/>
  <c r="D7830" i="2"/>
  <c r="A7832" i="2" l="1"/>
  <c r="D7831" i="2"/>
  <c r="C7831" i="2"/>
  <c r="A7833" i="2" l="1"/>
  <c r="C7832" i="2"/>
  <c r="D7832" i="2"/>
  <c r="A7834" i="2" l="1"/>
  <c r="D7833" i="2"/>
  <c r="C7833" i="2"/>
  <c r="A7835" i="2" l="1"/>
  <c r="C7834" i="2"/>
  <c r="D7834" i="2"/>
  <c r="A7836" i="2" l="1"/>
  <c r="D7835" i="2"/>
  <c r="C7835" i="2"/>
  <c r="A7837" i="2" l="1"/>
  <c r="C7836" i="2"/>
  <c r="D7836" i="2"/>
  <c r="A7838" i="2" l="1"/>
  <c r="D7837" i="2"/>
  <c r="C7837" i="2"/>
  <c r="A7839" i="2" l="1"/>
  <c r="C7838" i="2"/>
  <c r="D7838" i="2"/>
  <c r="A7840" i="2" l="1"/>
  <c r="D7839" i="2"/>
  <c r="C7839" i="2"/>
  <c r="A7841" i="2" l="1"/>
  <c r="C7840" i="2"/>
  <c r="D7840" i="2"/>
  <c r="A7842" i="2" l="1"/>
  <c r="D7841" i="2"/>
  <c r="C7841" i="2"/>
  <c r="A7843" i="2" l="1"/>
  <c r="C7842" i="2"/>
  <c r="D7842" i="2"/>
  <c r="A7844" i="2" l="1"/>
  <c r="D7843" i="2"/>
  <c r="C7843" i="2"/>
  <c r="A7845" i="2" l="1"/>
  <c r="C7844" i="2"/>
  <c r="D7844" i="2"/>
  <c r="A7846" i="2" l="1"/>
  <c r="D7845" i="2"/>
  <c r="C7845" i="2"/>
  <c r="A7847" i="2" l="1"/>
  <c r="C7846" i="2"/>
  <c r="D7846" i="2"/>
  <c r="A7848" i="2" l="1"/>
  <c r="D7847" i="2"/>
  <c r="C7847" i="2"/>
  <c r="A7849" i="2" l="1"/>
  <c r="C7848" i="2"/>
  <c r="D7848" i="2"/>
  <c r="A7850" i="2" l="1"/>
  <c r="D7849" i="2"/>
  <c r="C7849" i="2"/>
  <c r="A7851" i="2" l="1"/>
  <c r="C7850" i="2"/>
  <c r="D7850" i="2"/>
  <c r="A7852" i="2" l="1"/>
  <c r="D7851" i="2"/>
  <c r="C7851" i="2"/>
  <c r="A7853" i="2" l="1"/>
  <c r="C7852" i="2"/>
  <c r="D7852" i="2"/>
  <c r="A7854" i="2" l="1"/>
  <c r="D7853" i="2"/>
  <c r="C7853" i="2"/>
  <c r="A7855" i="2" l="1"/>
  <c r="C7854" i="2"/>
  <c r="D7854" i="2"/>
  <c r="A7856" i="2" l="1"/>
  <c r="D7855" i="2"/>
  <c r="C7855" i="2"/>
  <c r="A7857" i="2" l="1"/>
  <c r="C7856" i="2"/>
  <c r="D7856" i="2"/>
  <c r="A7858" i="2" l="1"/>
  <c r="D7857" i="2"/>
  <c r="C7857" i="2"/>
  <c r="A7859" i="2" l="1"/>
  <c r="C7858" i="2"/>
  <c r="D7858" i="2"/>
  <c r="A7860" i="2" l="1"/>
  <c r="D7859" i="2"/>
  <c r="C7859" i="2"/>
  <c r="A7861" i="2" l="1"/>
  <c r="C7860" i="2"/>
  <c r="D7860" i="2"/>
  <c r="A7862" i="2" l="1"/>
  <c r="D7861" i="2"/>
  <c r="C7861" i="2"/>
  <c r="A7863" i="2" l="1"/>
  <c r="C7862" i="2"/>
  <c r="D7862" i="2"/>
  <c r="A7864" i="2" l="1"/>
  <c r="D7863" i="2"/>
  <c r="C7863" i="2"/>
  <c r="A7865" i="2" l="1"/>
  <c r="C7864" i="2"/>
  <c r="D7864" i="2"/>
  <c r="A7866" i="2" l="1"/>
  <c r="D7865" i="2"/>
  <c r="C7865" i="2"/>
  <c r="A7867" i="2" l="1"/>
  <c r="C7866" i="2"/>
  <c r="D7866" i="2"/>
  <c r="A7868" i="2" l="1"/>
  <c r="D7867" i="2"/>
  <c r="C7867" i="2"/>
  <c r="A7869" i="2" l="1"/>
  <c r="C7868" i="2"/>
  <c r="D7868" i="2"/>
  <c r="A7870" i="2" l="1"/>
  <c r="D7869" i="2"/>
  <c r="C7869" i="2"/>
  <c r="A7871" i="2" l="1"/>
  <c r="C7870" i="2"/>
  <c r="D7870" i="2"/>
  <c r="A7872" i="2" l="1"/>
  <c r="D7871" i="2"/>
  <c r="C7871" i="2"/>
  <c r="A7873" i="2" l="1"/>
  <c r="C7872" i="2"/>
  <c r="D7872" i="2"/>
  <c r="A7874" i="2" l="1"/>
  <c r="D7873" i="2"/>
  <c r="C7873" i="2"/>
  <c r="A7875" i="2" l="1"/>
  <c r="C7874" i="2"/>
  <c r="D7874" i="2"/>
  <c r="A7876" i="2" l="1"/>
  <c r="D7875" i="2"/>
  <c r="C7875" i="2"/>
  <c r="A7877" i="2" l="1"/>
  <c r="C7876" i="2"/>
  <c r="D7876" i="2"/>
  <c r="A7878" i="2" l="1"/>
  <c r="D7877" i="2"/>
  <c r="C7877" i="2"/>
  <c r="A7879" i="2" l="1"/>
  <c r="C7878" i="2"/>
  <c r="D7878" i="2"/>
  <c r="A7880" i="2" l="1"/>
  <c r="D7879" i="2"/>
  <c r="C7879" i="2"/>
  <c r="A7881" i="2" l="1"/>
  <c r="C7880" i="2"/>
  <c r="D7880" i="2"/>
  <c r="A7882" i="2" l="1"/>
  <c r="D7881" i="2"/>
  <c r="C7881" i="2"/>
  <c r="A7883" i="2" l="1"/>
  <c r="C7882" i="2"/>
  <c r="D7882" i="2"/>
  <c r="A7884" i="2" l="1"/>
  <c r="D7883" i="2"/>
  <c r="C7883" i="2"/>
  <c r="A7885" i="2" l="1"/>
  <c r="C7884" i="2"/>
  <c r="D7884" i="2"/>
  <c r="A7886" i="2" l="1"/>
  <c r="D7885" i="2"/>
  <c r="C7885" i="2"/>
  <c r="A7887" i="2" l="1"/>
  <c r="C7886" i="2"/>
  <c r="D7886" i="2"/>
  <c r="A7888" i="2" l="1"/>
  <c r="D7887" i="2"/>
  <c r="C7887" i="2"/>
  <c r="A7889" i="2" l="1"/>
  <c r="C7888" i="2"/>
  <c r="D7888" i="2"/>
  <c r="A7890" i="2" l="1"/>
  <c r="D7889" i="2"/>
  <c r="C7889" i="2"/>
  <c r="A7891" i="2" l="1"/>
  <c r="C7890" i="2"/>
  <c r="D7890" i="2"/>
  <c r="A7892" i="2" l="1"/>
  <c r="D7891" i="2"/>
  <c r="C7891" i="2"/>
  <c r="A7893" i="2" l="1"/>
  <c r="C7892" i="2"/>
  <c r="D7892" i="2"/>
  <c r="A7894" i="2" l="1"/>
  <c r="D7893" i="2"/>
  <c r="C7893" i="2"/>
  <c r="A7895" i="2" l="1"/>
  <c r="C7894" i="2"/>
  <c r="D7894" i="2"/>
  <c r="A7896" i="2" l="1"/>
  <c r="D7895" i="2"/>
  <c r="C7895" i="2"/>
  <c r="A7897" i="2" l="1"/>
  <c r="C7896" i="2"/>
  <c r="D7896" i="2"/>
  <c r="A7898" i="2" l="1"/>
  <c r="D7897" i="2"/>
  <c r="C7897" i="2"/>
  <c r="A7899" i="2" l="1"/>
  <c r="C7898" i="2"/>
  <c r="D7898" i="2"/>
  <c r="A7900" i="2" l="1"/>
  <c r="D7899" i="2"/>
  <c r="C7899" i="2"/>
  <c r="A7901" i="2" l="1"/>
  <c r="C7900" i="2"/>
  <c r="D7900" i="2"/>
  <c r="A7902" i="2" l="1"/>
  <c r="D7901" i="2"/>
  <c r="C7901" i="2"/>
  <c r="A7903" i="2" l="1"/>
  <c r="C7902" i="2"/>
  <c r="D7902" i="2"/>
  <c r="A7904" i="2" l="1"/>
  <c r="D7903" i="2"/>
  <c r="C7903" i="2"/>
  <c r="A7905" i="2" l="1"/>
  <c r="C7904" i="2"/>
  <c r="D7904" i="2"/>
  <c r="A7906" i="2" l="1"/>
  <c r="D7905" i="2"/>
  <c r="C7905" i="2"/>
  <c r="A7907" i="2" l="1"/>
  <c r="C7906" i="2"/>
  <c r="D7906" i="2"/>
  <c r="A7908" i="2" l="1"/>
  <c r="D7907" i="2"/>
  <c r="C7907" i="2"/>
  <c r="A7909" i="2" l="1"/>
  <c r="C7908" i="2"/>
  <c r="D7908" i="2"/>
  <c r="A7910" i="2" l="1"/>
  <c r="D7909" i="2"/>
  <c r="C7909" i="2"/>
  <c r="A7911" i="2" l="1"/>
  <c r="C7910" i="2"/>
  <c r="D7910" i="2"/>
  <c r="A7912" i="2" l="1"/>
  <c r="D7911" i="2"/>
  <c r="C7911" i="2"/>
  <c r="A7913" i="2" l="1"/>
  <c r="C7912" i="2"/>
  <c r="D7912" i="2"/>
  <c r="A7914" i="2" l="1"/>
  <c r="D7913" i="2"/>
  <c r="C7913" i="2"/>
  <c r="A7915" i="2" l="1"/>
  <c r="C7914" i="2"/>
  <c r="D7914" i="2"/>
  <c r="A7916" i="2" l="1"/>
  <c r="D7915" i="2"/>
  <c r="C7915" i="2"/>
  <c r="A7917" i="2" l="1"/>
  <c r="C7916" i="2"/>
  <c r="D7916" i="2"/>
  <c r="A7918" i="2" l="1"/>
  <c r="D7917" i="2"/>
  <c r="C7917" i="2"/>
  <c r="A7919" i="2" l="1"/>
  <c r="C7918" i="2"/>
  <c r="D7918" i="2"/>
  <c r="A7920" i="2" l="1"/>
  <c r="D7919" i="2"/>
  <c r="C7919" i="2"/>
  <c r="A7921" i="2" l="1"/>
  <c r="C7920" i="2"/>
  <c r="D7920" i="2"/>
  <c r="A7922" i="2" l="1"/>
  <c r="D7921" i="2"/>
  <c r="C7921" i="2"/>
  <c r="A7923" i="2" l="1"/>
  <c r="C7922" i="2"/>
  <c r="D7922" i="2"/>
  <c r="A7924" i="2" l="1"/>
  <c r="D7923" i="2"/>
  <c r="C7923" i="2"/>
  <c r="A7925" i="2" l="1"/>
  <c r="C7924" i="2"/>
  <c r="D7924" i="2"/>
  <c r="A7926" i="2" l="1"/>
  <c r="D7925" i="2"/>
  <c r="C7925" i="2"/>
  <c r="A7927" i="2" l="1"/>
  <c r="C7926" i="2"/>
  <c r="D7926" i="2"/>
  <c r="A7928" i="2" l="1"/>
  <c r="D7927" i="2"/>
  <c r="C7927" i="2"/>
  <c r="A7929" i="2" l="1"/>
  <c r="C7928" i="2"/>
  <c r="D7928" i="2"/>
  <c r="A7930" i="2" l="1"/>
  <c r="D7929" i="2"/>
  <c r="C7929" i="2"/>
  <c r="A7931" i="2" l="1"/>
  <c r="C7930" i="2"/>
  <c r="D7930" i="2"/>
  <c r="A7932" i="2" l="1"/>
  <c r="D7931" i="2"/>
  <c r="C7931" i="2"/>
  <c r="A7933" i="2" l="1"/>
  <c r="C7932" i="2"/>
  <c r="D7932" i="2"/>
  <c r="A7934" i="2" l="1"/>
  <c r="D7933" i="2"/>
  <c r="C7933" i="2"/>
  <c r="A7935" i="2" l="1"/>
  <c r="C7934" i="2"/>
  <c r="D7934" i="2"/>
  <c r="A7936" i="2" l="1"/>
  <c r="D7935" i="2"/>
  <c r="C7935" i="2"/>
  <c r="A7937" i="2" l="1"/>
  <c r="C7936" i="2"/>
  <c r="D7936" i="2"/>
  <c r="A7938" i="2" l="1"/>
  <c r="D7937" i="2"/>
  <c r="C7937" i="2"/>
  <c r="A7939" i="2" l="1"/>
  <c r="C7938" i="2"/>
  <c r="D7938" i="2"/>
  <c r="A7940" i="2" l="1"/>
  <c r="D7939" i="2"/>
  <c r="C7939" i="2"/>
  <c r="A7941" i="2" l="1"/>
  <c r="C7940" i="2"/>
  <c r="D7940" i="2"/>
  <c r="A7942" i="2" l="1"/>
  <c r="D7941" i="2"/>
  <c r="C7941" i="2"/>
  <c r="A7943" i="2" l="1"/>
  <c r="C7942" i="2"/>
  <c r="D7942" i="2"/>
  <c r="A7944" i="2" l="1"/>
  <c r="D7943" i="2"/>
  <c r="C7943" i="2"/>
  <c r="A7945" i="2" l="1"/>
  <c r="C7944" i="2"/>
  <c r="D7944" i="2"/>
  <c r="A7946" i="2" l="1"/>
  <c r="D7945" i="2"/>
  <c r="C7945" i="2"/>
  <c r="A7947" i="2" l="1"/>
  <c r="C7946" i="2"/>
  <c r="D7946" i="2"/>
  <c r="A7948" i="2" l="1"/>
  <c r="D7947" i="2"/>
  <c r="C7947" i="2"/>
  <c r="A7949" i="2" l="1"/>
  <c r="C7948" i="2"/>
  <c r="D7948" i="2"/>
  <c r="A7950" i="2" l="1"/>
  <c r="D7949" i="2"/>
  <c r="C7949" i="2"/>
  <c r="A7951" i="2" l="1"/>
  <c r="C7950" i="2"/>
  <c r="D7950" i="2"/>
  <c r="A7952" i="2" l="1"/>
  <c r="D7951" i="2"/>
  <c r="C7951" i="2"/>
  <c r="A7953" i="2" l="1"/>
  <c r="C7952" i="2"/>
  <c r="D7952" i="2"/>
  <c r="A7954" i="2" l="1"/>
  <c r="D7953" i="2"/>
  <c r="C7953" i="2"/>
  <c r="A7955" i="2" l="1"/>
  <c r="C7954" i="2"/>
  <c r="D7954" i="2"/>
  <c r="A7956" i="2" l="1"/>
  <c r="D7955" i="2"/>
  <c r="C7955" i="2"/>
  <c r="A7957" i="2" l="1"/>
  <c r="C7956" i="2"/>
  <c r="D7956" i="2"/>
  <c r="A7958" i="2" l="1"/>
  <c r="D7957" i="2"/>
  <c r="C7957" i="2"/>
  <c r="A7959" i="2" l="1"/>
  <c r="C7958" i="2"/>
  <c r="D7958" i="2"/>
  <c r="A7960" i="2" l="1"/>
  <c r="D7959" i="2"/>
  <c r="C7959" i="2"/>
  <c r="A7961" i="2" l="1"/>
  <c r="C7960" i="2"/>
  <c r="D7960" i="2"/>
  <c r="A7962" i="2" l="1"/>
  <c r="D7961" i="2"/>
  <c r="C7961" i="2"/>
  <c r="A7963" i="2" l="1"/>
  <c r="C7962" i="2"/>
  <c r="D7962" i="2"/>
  <c r="A7964" i="2" l="1"/>
  <c r="D7963" i="2"/>
  <c r="C7963" i="2"/>
  <c r="A7965" i="2" l="1"/>
  <c r="C7964" i="2"/>
  <c r="D7964" i="2"/>
  <c r="A7966" i="2" l="1"/>
  <c r="D7965" i="2"/>
  <c r="C7965" i="2"/>
  <c r="A7967" i="2" l="1"/>
  <c r="C7966" i="2"/>
  <c r="D7966" i="2"/>
  <c r="A7968" i="2" l="1"/>
  <c r="D7967" i="2"/>
  <c r="C7967" i="2"/>
  <c r="A7969" i="2" l="1"/>
  <c r="C7968" i="2"/>
  <c r="D7968" i="2"/>
  <c r="A7970" i="2" l="1"/>
  <c r="D7969" i="2"/>
  <c r="C7969" i="2"/>
  <c r="A7971" i="2" l="1"/>
  <c r="C7970" i="2"/>
  <c r="D7970" i="2"/>
  <c r="A7972" i="2" l="1"/>
  <c r="D7971" i="2"/>
  <c r="C7971" i="2"/>
  <c r="A7973" i="2" l="1"/>
  <c r="C7972" i="2"/>
  <c r="D7972" i="2"/>
  <c r="A7974" i="2" l="1"/>
  <c r="D7973" i="2"/>
  <c r="C7973" i="2"/>
  <c r="A7975" i="2" l="1"/>
  <c r="C7974" i="2"/>
  <c r="D7974" i="2"/>
  <c r="A7976" i="2" l="1"/>
  <c r="D7975" i="2"/>
  <c r="C7975" i="2"/>
  <c r="A7977" i="2" l="1"/>
  <c r="C7976" i="2"/>
  <c r="D7976" i="2"/>
  <c r="A7978" i="2" l="1"/>
  <c r="D7977" i="2"/>
  <c r="C7977" i="2"/>
  <c r="A7979" i="2" l="1"/>
  <c r="C7978" i="2"/>
  <c r="D7978" i="2"/>
  <c r="A7980" i="2" l="1"/>
  <c r="D7979" i="2"/>
  <c r="C7979" i="2"/>
  <c r="A7981" i="2" l="1"/>
  <c r="C7980" i="2"/>
  <c r="D7980" i="2"/>
  <c r="A7982" i="2" l="1"/>
  <c r="D7981" i="2"/>
  <c r="C7981" i="2"/>
  <c r="A7983" i="2" l="1"/>
  <c r="C7982" i="2"/>
  <c r="D7982" i="2"/>
  <c r="A7984" i="2" l="1"/>
  <c r="D7983" i="2"/>
  <c r="C7983" i="2"/>
  <c r="A7985" i="2" l="1"/>
  <c r="C7984" i="2"/>
  <c r="D7984" i="2"/>
  <c r="A7986" i="2" l="1"/>
  <c r="D7985" i="2"/>
  <c r="C7985" i="2"/>
  <c r="A7987" i="2" l="1"/>
  <c r="C7986" i="2"/>
  <c r="D7986" i="2"/>
  <c r="A7988" i="2" l="1"/>
  <c r="D7987" i="2"/>
  <c r="C7987" i="2"/>
  <c r="A7989" i="2" l="1"/>
  <c r="C7988" i="2"/>
  <c r="D7988" i="2"/>
  <c r="A7990" i="2" l="1"/>
  <c r="D7989" i="2"/>
  <c r="C7989" i="2"/>
  <c r="A7991" i="2" l="1"/>
  <c r="C7990" i="2"/>
  <c r="D7990" i="2"/>
  <c r="A7992" i="2" l="1"/>
  <c r="D7991" i="2"/>
  <c r="C7991" i="2"/>
  <c r="A7993" i="2" l="1"/>
  <c r="C7992" i="2"/>
  <c r="D7992" i="2"/>
  <c r="A7994" i="2" l="1"/>
  <c r="D7993" i="2"/>
  <c r="C7993" i="2"/>
  <c r="A7995" i="2" l="1"/>
  <c r="C7994" i="2"/>
  <c r="D7994" i="2"/>
  <c r="A7996" i="2" l="1"/>
  <c r="D7995" i="2"/>
  <c r="C7995" i="2"/>
  <c r="A7997" i="2" l="1"/>
  <c r="C7996" i="2"/>
  <c r="D7996" i="2"/>
  <c r="A7998" i="2" l="1"/>
  <c r="D7997" i="2"/>
  <c r="C7997" i="2"/>
  <c r="A7999" i="2" l="1"/>
  <c r="C7998" i="2"/>
  <c r="D7998" i="2"/>
  <c r="A8000" i="2" l="1"/>
  <c r="D7999" i="2"/>
  <c r="C7999" i="2"/>
  <c r="A8001" i="2" l="1"/>
  <c r="C8000" i="2"/>
  <c r="D8000" i="2"/>
  <c r="A8002" i="2" l="1"/>
  <c r="D8001" i="2"/>
  <c r="C8001" i="2"/>
  <c r="A8003" i="2" l="1"/>
  <c r="C8002" i="2"/>
  <c r="D8002" i="2"/>
  <c r="A8004" i="2" l="1"/>
  <c r="D8003" i="2"/>
  <c r="C8003" i="2"/>
  <c r="A8005" i="2" l="1"/>
  <c r="C8004" i="2"/>
  <c r="D8004" i="2"/>
  <c r="A8006" i="2" l="1"/>
  <c r="D8005" i="2"/>
  <c r="C8005" i="2"/>
  <c r="A8007" i="2" l="1"/>
  <c r="C8006" i="2"/>
  <c r="D8006" i="2"/>
  <c r="A8008" i="2" l="1"/>
  <c r="D8007" i="2"/>
  <c r="C8007" i="2"/>
  <c r="A8009" i="2" l="1"/>
  <c r="C8008" i="2"/>
  <c r="D8008" i="2"/>
  <c r="A8010" i="2" l="1"/>
  <c r="D8009" i="2"/>
  <c r="C8009" i="2"/>
  <c r="A8011" i="2" l="1"/>
  <c r="C8010" i="2"/>
  <c r="D8010" i="2"/>
  <c r="A8012" i="2" l="1"/>
  <c r="D8011" i="2"/>
  <c r="C8011" i="2"/>
  <c r="A8013" i="2" l="1"/>
  <c r="C8012" i="2"/>
  <c r="D8012" i="2"/>
  <c r="A8014" i="2" l="1"/>
  <c r="D8013" i="2"/>
  <c r="C8013" i="2"/>
  <c r="A8015" i="2" l="1"/>
  <c r="C8014" i="2"/>
  <c r="D8014" i="2"/>
  <c r="A8016" i="2" l="1"/>
  <c r="D8015" i="2"/>
  <c r="C8015" i="2"/>
  <c r="A8017" i="2" l="1"/>
  <c r="C8016" i="2"/>
  <c r="D8016" i="2"/>
  <c r="A8018" i="2" l="1"/>
  <c r="D8017" i="2"/>
  <c r="C8017" i="2"/>
  <c r="A8019" i="2" l="1"/>
  <c r="C8018" i="2"/>
  <c r="D8018" i="2"/>
  <c r="A8020" i="2" l="1"/>
  <c r="D8019" i="2"/>
  <c r="C8019" i="2"/>
  <c r="A8021" i="2" l="1"/>
  <c r="C8020" i="2"/>
  <c r="D8020" i="2"/>
  <c r="A8022" i="2" l="1"/>
  <c r="D8021" i="2"/>
  <c r="C8021" i="2"/>
  <c r="A8023" i="2" l="1"/>
  <c r="C8022" i="2"/>
  <c r="D8022" i="2"/>
  <c r="A8024" i="2" l="1"/>
  <c r="D8023" i="2"/>
  <c r="C8023" i="2"/>
  <c r="A8025" i="2" l="1"/>
  <c r="C8024" i="2"/>
  <c r="D8024" i="2"/>
  <c r="A8026" i="2" l="1"/>
  <c r="D8025" i="2"/>
  <c r="C8025" i="2"/>
  <c r="A8027" i="2" l="1"/>
  <c r="C8026" i="2"/>
  <c r="D8026" i="2"/>
  <c r="A8028" i="2" l="1"/>
  <c r="D8027" i="2"/>
  <c r="C8027" i="2"/>
  <c r="A8029" i="2" l="1"/>
  <c r="C8028" i="2"/>
  <c r="D8028" i="2"/>
  <c r="A8030" i="2" l="1"/>
  <c r="D8029" i="2"/>
  <c r="C8029" i="2"/>
  <c r="A8031" i="2" l="1"/>
  <c r="C8030" i="2"/>
  <c r="D8030" i="2"/>
  <c r="A8032" i="2" l="1"/>
  <c r="D8031" i="2"/>
  <c r="C8031" i="2"/>
  <c r="A8033" i="2" l="1"/>
  <c r="C8032" i="2"/>
  <c r="D8032" i="2"/>
  <c r="A8034" i="2" l="1"/>
  <c r="D8033" i="2"/>
  <c r="C8033" i="2"/>
  <c r="A8035" i="2" l="1"/>
  <c r="C8034" i="2"/>
  <c r="D8034" i="2"/>
  <c r="A8036" i="2" l="1"/>
  <c r="D8035" i="2"/>
  <c r="C8035" i="2"/>
  <c r="A8037" i="2" l="1"/>
  <c r="C8036" i="2"/>
  <c r="D8036" i="2"/>
  <c r="A8038" i="2" l="1"/>
  <c r="D8037" i="2"/>
  <c r="C8037" i="2"/>
  <c r="A8039" i="2" l="1"/>
  <c r="C8038" i="2"/>
  <c r="D8038" i="2"/>
  <c r="A8040" i="2" l="1"/>
  <c r="D8039" i="2"/>
  <c r="C8039" i="2"/>
  <c r="A8041" i="2" l="1"/>
  <c r="C8040" i="2"/>
  <c r="D8040" i="2"/>
  <c r="A8042" i="2" l="1"/>
  <c r="D8041" i="2"/>
  <c r="C8041" i="2"/>
  <c r="A8043" i="2" l="1"/>
  <c r="C8042" i="2"/>
  <c r="D8042" i="2"/>
  <c r="A8044" i="2" l="1"/>
  <c r="D8043" i="2"/>
  <c r="C8043" i="2"/>
  <c r="A8045" i="2" l="1"/>
  <c r="C8044" i="2"/>
  <c r="D8044" i="2"/>
  <c r="A8046" i="2" l="1"/>
  <c r="D8045" i="2"/>
  <c r="C8045" i="2"/>
  <c r="A8047" i="2" l="1"/>
  <c r="C8046" i="2"/>
  <c r="D8046" i="2"/>
  <c r="A8048" i="2" l="1"/>
  <c r="D8047" i="2"/>
  <c r="C8047" i="2"/>
  <c r="A8049" i="2" l="1"/>
  <c r="C8048" i="2"/>
  <c r="D8048" i="2"/>
  <c r="A8050" i="2" l="1"/>
  <c r="D8049" i="2"/>
  <c r="C8049" i="2"/>
  <c r="A8051" i="2" l="1"/>
  <c r="C8050" i="2"/>
  <c r="D8050" i="2"/>
  <c r="A8052" i="2" l="1"/>
  <c r="D8051" i="2"/>
  <c r="C8051" i="2"/>
  <c r="A8053" i="2" l="1"/>
  <c r="C8052" i="2"/>
  <c r="D8052" i="2"/>
  <c r="A8054" i="2" l="1"/>
  <c r="D8053" i="2"/>
  <c r="C8053" i="2"/>
  <c r="A8055" i="2" l="1"/>
  <c r="C8054" i="2"/>
  <c r="D8054" i="2"/>
  <c r="A8056" i="2" l="1"/>
  <c r="D8055" i="2"/>
  <c r="C8055" i="2"/>
  <c r="A8057" i="2" l="1"/>
  <c r="C8056" i="2"/>
  <c r="D8056" i="2"/>
  <c r="A8058" i="2" l="1"/>
  <c r="D8057" i="2"/>
  <c r="C8057" i="2"/>
  <c r="A8059" i="2" l="1"/>
  <c r="C8058" i="2"/>
  <c r="D8058" i="2"/>
  <c r="A8060" i="2" l="1"/>
  <c r="D8059" i="2"/>
  <c r="C8059" i="2"/>
  <c r="A8061" i="2" l="1"/>
  <c r="C8060" i="2"/>
  <c r="D8060" i="2"/>
  <c r="A8062" i="2" l="1"/>
  <c r="D8061" i="2"/>
  <c r="C8061" i="2"/>
  <c r="A8063" i="2" l="1"/>
  <c r="C8062" i="2"/>
  <c r="D8062" i="2"/>
  <c r="A8064" i="2" l="1"/>
  <c r="D8063" i="2"/>
  <c r="C8063" i="2"/>
  <c r="A8065" i="2" l="1"/>
  <c r="C8064" i="2"/>
  <c r="D8064" i="2"/>
  <c r="A8066" i="2" l="1"/>
  <c r="D8065" i="2"/>
  <c r="C8065" i="2"/>
  <c r="A8067" i="2" l="1"/>
  <c r="C8066" i="2"/>
  <c r="D8066" i="2"/>
  <c r="A8068" i="2" l="1"/>
  <c r="D8067" i="2"/>
  <c r="C8067" i="2"/>
  <c r="A8069" i="2" l="1"/>
  <c r="C8068" i="2"/>
  <c r="D8068" i="2"/>
  <c r="A8070" i="2" l="1"/>
  <c r="D8069" i="2"/>
  <c r="C8069" i="2"/>
  <c r="A8071" i="2" l="1"/>
  <c r="C8070" i="2"/>
  <c r="D8070" i="2"/>
  <c r="A8072" i="2" l="1"/>
  <c r="D8071" i="2"/>
  <c r="C8071" i="2"/>
  <c r="A8073" i="2" l="1"/>
  <c r="C8072" i="2"/>
  <c r="D8072" i="2"/>
  <c r="A8074" i="2" l="1"/>
  <c r="D8073" i="2"/>
  <c r="C8073" i="2"/>
  <c r="A8075" i="2" l="1"/>
  <c r="C8074" i="2"/>
  <c r="D8074" i="2"/>
  <c r="A8076" i="2" l="1"/>
  <c r="D8075" i="2"/>
  <c r="C8075" i="2"/>
  <c r="A8077" i="2" l="1"/>
  <c r="C8076" i="2"/>
  <c r="D8076" i="2"/>
  <c r="A8078" i="2" l="1"/>
  <c r="D8077" i="2"/>
  <c r="C8077" i="2"/>
  <c r="A8079" i="2" l="1"/>
  <c r="C8078" i="2"/>
  <c r="D8078" i="2"/>
  <c r="A8080" i="2" l="1"/>
  <c r="D8079" i="2"/>
  <c r="C8079" i="2"/>
  <c r="A8081" i="2" l="1"/>
  <c r="C8080" i="2"/>
  <c r="D8080" i="2"/>
  <c r="A8082" i="2" l="1"/>
  <c r="D8081" i="2"/>
  <c r="C8081" i="2"/>
  <c r="A8083" i="2" l="1"/>
  <c r="C8082" i="2"/>
  <c r="D8082" i="2"/>
  <c r="A8084" i="2" l="1"/>
  <c r="D8083" i="2"/>
  <c r="C8083" i="2"/>
  <c r="A8085" i="2" l="1"/>
  <c r="C8084" i="2"/>
  <c r="D8084" i="2"/>
  <c r="A8086" i="2" l="1"/>
  <c r="D8085" i="2"/>
  <c r="C8085" i="2"/>
  <c r="A8087" i="2" l="1"/>
  <c r="C8086" i="2"/>
  <c r="D8086" i="2"/>
  <c r="A8088" i="2" l="1"/>
  <c r="D8087" i="2"/>
  <c r="C8087" i="2"/>
  <c r="A8089" i="2" l="1"/>
  <c r="C8088" i="2"/>
  <c r="D8088" i="2"/>
  <c r="A8090" i="2" l="1"/>
  <c r="D8089" i="2"/>
  <c r="C8089" i="2"/>
  <c r="A8091" i="2" l="1"/>
  <c r="C8090" i="2"/>
  <c r="D8090" i="2"/>
  <c r="A8092" i="2" l="1"/>
  <c r="D8091" i="2"/>
  <c r="C8091" i="2"/>
  <c r="A8093" i="2" l="1"/>
  <c r="C8092" i="2"/>
  <c r="D8092" i="2"/>
  <c r="A8094" i="2" l="1"/>
  <c r="D8093" i="2"/>
  <c r="C8093" i="2"/>
  <c r="A8095" i="2" l="1"/>
  <c r="C8094" i="2"/>
  <c r="D8094" i="2"/>
  <c r="A8096" i="2" l="1"/>
  <c r="D8095" i="2"/>
  <c r="C8095" i="2"/>
  <c r="A8097" i="2" l="1"/>
  <c r="C8096" i="2"/>
  <c r="D8096" i="2"/>
  <c r="A8098" i="2" l="1"/>
  <c r="D8097" i="2"/>
  <c r="C8097" i="2"/>
  <c r="A8099" i="2" l="1"/>
  <c r="C8098" i="2"/>
  <c r="D8098" i="2"/>
  <c r="A8100" i="2" l="1"/>
  <c r="D8099" i="2"/>
  <c r="C8099" i="2"/>
  <c r="A8101" i="2" l="1"/>
  <c r="C8100" i="2"/>
  <c r="D8100" i="2"/>
  <c r="A8102" i="2" l="1"/>
  <c r="D8101" i="2"/>
  <c r="C8101" i="2"/>
  <c r="A8103" i="2" l="1"/>
  <c r="C8102" i="2"/>
  <c r="D8102" i="2"/>
  <c r="A8104" i="2" l="1"/>
  <c r="D8103" i="2"/>
  <c r="C8103" i="2"/>
  <c r="A8105" i="2" l="1"/>
  <c r="C8104" i="2"/>
  <c r="D8104" i="2"/>
  <c r="A8106" i="2" l="1"/>
  <c r="D8105" i="2"/>
  <c r="C8105" i="2"/>
  <c r="A8107" i="2" l="1"/>
  <c r="C8106" i="2"/>
  <c r="D8106" i="2"/>
  <c r="A8108" i="2" l="1"/>
  <c r="D8107" i="2"/>
  <c r="C8107" i="2"/>
  <c r="A8109" i="2" l="1"/>
  <c r="C8108" i="2"/>
  <c r="D8108" i="2"/>
  <c r="A8110" i="2" l="1"/>
  <c r="D8109" i="2"/>
  <c r="C8109" i="2"/>
  <c r="A8111" i="2" l="1"/>
  <c r="C8110" i="2"/>
  <c r="D8110" i="2"/>
  <c r="A8112" i="2" l="1"/>
  <c r="D8111" i="2"/>
  <c r="C8111" i="2"/>
  <c r="A8113" i="2" l="1"/>
  <c r="C8112" i="2"/>
  <c r="D8112" i="2"/>
  <c r="A8114" i="2" l="1"/>
  <c r="D8113" i="2"/>
  <c r="C8113" i="2"/>
  <c r="A8115" i="2" l="1"/>
  <c r="C8114" i="2"/>
  <c r="D8114" i="2"/>
  <c r="A8116" i="2" l="1"/>
  <c r="D8115" i="2"/>
  <c r="C8115" i="2"/>
  <c r="A8117" i="2" l="1"/>
  <c r="C8116" i="2"/>
  <c r="D8116" i="2"/>
  <c r="A8118" i="2" l="1"/>
  <c r="D8117" i="2"/>
  <c r="C8117" i="2"/>
  <c r="A8119" i="2" l="1"/>
  <c r="C8118" i="2"/>
  <c r="D8118" i="2"/>
  <c r="A8120" i="2" l="1"/>
  <c r="D8119" i="2"/>
  <c r="C8119" i="2"/>
  <c r="A8121" i="2" l="1"/>
  <c r="C8120" i="2"/>
  <c r="D8120" i="2"/>
  <c r="A8122" i="2" l="1"/>
  <c r="D8121" i="2"/>
  <c r="C8121" i="2"/>
  <c r="A8123" i="2" l="1"/>
  <c r="C8122" i="2"/>
  <c r="D8122" i="2"/>
  <c r="A8124" i="2" l="1"/>
  <c r="D8123" i="2"/>
  <c r="C8123" i="2"/>
  <c r="A8125" i="2" l="1"/>
  <c r="C8124" i="2"/>
  <c r="D8124" i="2"/>
  <c r="A8126" i="2" l="1"/>
  <c r="D8125" i="2"/>
  <c r="C8125" i="2"/>
  <c r="A8127" i="2" l="1"/>
  <c r="C8126" i="2"/>
  <c r="D8126" i="2"/>
  <c r="A8128" i="2" l="1"/>
  <c r="D8127" i="2"/>
  <c r="C8127" i="2"/>
  <c r="A8129" i="2" l="1"/>
  <c r="C8128" i="2"/>
  <c r="D8128" i="2"/>
  <c r="A8130" i="2" l="1"/>
  <c r="D8129" i="2"/>
  <c r="C8129" i="2"/>
  <c r="A8131" i="2" l="1"/>
  <c r="C8130" i="2"/>
  <c r="D8130" i="2"/>
  <c r="A8132" i="2" l="1"/>
  <c r="D8131" i="2"/>
  <c r="C8131" i="2"/>
  <c r="A8133" i="2" l="1"/>
  <c r="C8132" i="2"/>
  <c r="D8132" i="2"/>
  <c r="A8134" i="2" l="1"/>
  <c r="D8133" i="2"/>
  <c r="C8133" i="2"/>
  <c r="A8135" i="2" l="1"/>
  <c r="C8134" i="2"/>
  <c r="D8134" i="2"/>
  <c r="A8136" i="2" l="1"/>
  <c r="D8135" i="2"/>
  <c r="C8135" i="2"/>
  <c r="A8137" i="2" l="1"/>
  <c r="C8136" i="2"/>
  <c r="D8136" i="2"/>
  <c r="A8138" i="2" l="1"/>
  <c r="D8137" i="2"/>
  <c r="C8137" i="2"/>
  <c r="A8139" i="2" l="1"/>
  <c r="C8138" i="2"/>
  <c r="D8138" i="2"/>
  <c r="A8140" i="2" l="1"/>
  <c r="D8139" i="2"/>
  <c r="C8139" i="2"/>
  <c r="A8141" i="2" l="1"/>
  <c r="C8140" i="2"/>
  <c r="D8140" i="2"/>
  <c r="A8142" i="2" l="1"/>
  <c r="D8141" i="2"/>
  <c r="C8141" i="2"/>
  <c r="A8143" i="2" l="1"/>
  <c r="C8142" i="2"/>
  <c r="D8142" i="2"/>
  <c r="A8144" i="2" l="1"/>
  <c r="D8143" i="2"/>
  <c r="C8143" i="2"/>
  <c r="A8145" i="2" l="1"/>
  <c r="C8144" i="2"/>
  <c r="D8144" i="2"/>
  <c r="A8146" i="2" l="1"/>
  <c r="D8145" i="2"/>
  <c r="C8145" i="2"/>
  <c r="A8147" i="2" l="1"/>
  <c r="C8146" i="2"/>
  <c r="D8146" i="2"/>
  <c r="A8148" i="2" l="1"/>
  <c r="D8147" i="2"/>
  <c r="C8147" i="2"/>
  <c r="A8149" i="2" l="1"/>
  <c r="C8148" i="2"/>
  <c r="D8148" i="2"/>
  <c r="A8150" i="2" l="1"/>
  <c r="D8149" i="2"/>
  <c r="C8149" i="2"/>
  <c r="A8151" i="2" l="1"/>
  <c r="C8150" i="2"/>
  <c r="D8150" i="2"/>
  <c r="A8152" i="2" l="1"/>
  <c r="D8151" i="2"/>
  <c r="C8151" i="2"/>
  <c r="A8153" i="2" l="1"/>
  <c r="C8152" i="2"/>
  <c r="D8152" i="2"/>
  <c r="A8154" i="2" l="1"/>
  <c r="D8153" i="2"/>
  <c r="C8153" i="2"/>
  <c r="A8155" i="2" l="1"/>
  <c r="C8154" i="2"/>
  <c r="D8154" i="2"/>
  <c r="A8156" i="2" l="1"/>
  <c r="D8155" i="2"/>
  <c r="C8155" i="2"/>
  <c r="A8157" i="2" l="1"/>
  <c r="C8156" i="2"/>
  <c r="D8156" i="2"/>
  <c r="A8158" i="2" l="1"/>
  <c r="D8157" i="2"/>
  <c r="C8157" i="2"/>
  <c r="A8159" i="2" l="1"/>
  <c r="C8158" i="2"/>
  <c r="D8158" i="2"/>
  <c r="A8160" i="2" l="1"/>
  <c r="D8159" i="2"/>
  <c r="C8159" i="2"/>
  <c r="A8161" i="2" l="1"/>
  <c r="C8160" i="2"/>
  <c r="D8160" i="2"/>
  <c r="A8162" i="2" l="1"/>
  <c r="D8161" i="2"/>
  <c r="C8161" i="2"/>
  <c r="A8163" i="2" l="1"/>
  <c r="C8162" i="2"/>
  <c r="D8162" i="2"/>
  <c r="A8164" i="2" l="1"/>
  <c r="D8163" i="2"/>
  <c r="C8163" i="2"/>
  <c r="A8165" i="2" l="1"/>
  <c r="C8164" i="2"/>
  <c r="D8164" i="2"/>
  <c r="A8166" i="2" l="1"/>
  <c r="D8165" i="2"/>
  <c r="C8165" i="2"/>
  <c r="A8167" i="2" l="1"/>
  <c r="C8166" i="2"/>
  <c r="D8166" i="2"/>
  <c r="A8168" i="2" l="1"/>
  <c r="D8167" i="2"/>
  <c r="C8167" i="2"/>
  <c r="A8169" i="2" l="1"/>
  <c r="C8168" i="2"/>
  <c r="D8168" i="2"/>
  <c r="A8170" i="2" l="1"/>
  <c r="D8169" i="2"/>
  <c r="C8169" i="2"/>
  <c r="A8171" i="2" l="1"/>
  <c r="C8170" i="2"/>
  <c r="D8170" i="2"/>
  <c r="A8172" i="2" l="1"/>
  <c r="D8171" i="2"/>
  <c r="C8171" i="2"/>
  <c r="A8173" i="2" l="1"/>
  <c r="C8172" i="2"/>
  <c r="D8172" i="2"/>
  <c r="A8174" i="2" l="1"/>
  <c r="D8173" i="2"/>
  <c r="C8173" i="2"/>
  <c r="A8175" i="2" l="1"/>
  <c r="C8174" i="2"/>
  <c r="D8174" i="2"/>
  <c r="A8176" i="2" l="1"/>
  <c r="D8175" i="2"/>
  <c r="C8175" i="2"/>
  <c r="A8177" i="2" l="1"/>
  <c r="C8176" i="2"/>
  <c r="D8176" i="2"/>
  <c r="A8178" i="2" l="1"/>
  <c r="D8177" i="2"/>
  <c r="C8177" i="2"/>
  <c r="A8179" i="2" l="1"/>
  <c r="C8178" i="2"/>
  <c r="D8178" i="2"/>
  <c r="A8180" i="2" l="1"/>
  <c r="D8179" i="2"/>
  <c r="C8179" i="2"/>
  <c r="A8181" i="2" l="1"/>
  <c r="C8180" i="2"/>
  <c r="D8180" i="2"/>
  <c r="A8182" i="2" l="1"/>
  <c r="D8181" i="2"/>
  <c r="C8181" i="2"/>
  <c r="A8183" i="2" l="1"/>
  <c r="C8182" i="2"/>
  <c r="D8182" i="2"/>
  <c r="A8184" i="2" l="1"/>
  <c r="D8183" i="2"/>
  <c r="C8183" i="2"/>
  <c r="A8185" i="2" l="1"/>
  <c r="C8184" i="2"/>
  <c r="D8184" i="2"/>
  <c r="A8186" i="2" l="1"/>
  <c r="D8185" i="2"/>
  <c r="C8185" i="2"/>
  <c r="A8187" i="2" l="1"/>
  <c r="C8186" i="2"/>
  <c r="D8186" i="2"/>
  <c r="A8188" i="2" l="1"/>
  <c r="D8187" i="2"/>
  <c r="C8187" i="2"/>
  <c r="A8189" i="2" l="1"/>
  <c r="C8188" i="2"/>
  <c r="D8188" i="2"/>
  <c r="A8190" i="2" l="1"/>
  <c r="D8189" i="2"/>
  <c r="C8189" i="2"/>
  <c r="A8191" i="2" l="1"/>
  <c r="C8190" i="2"/>
  <c r="D8190" i="2"/>
  <c r="A8192" i="2" l="1"/>
  <c r="D8191" i="2"/>
  <c r="C8191" i="2"/>
  <c r="A8193" i="2" l="1"/>
  <c r="C8192" i="2"/>
  <c r="D8192" i="2"/>
  <c r="A8194" i="2" l="1"/>
  <c r="D8193" i="2"/>
  <c r="C8193" i="2"/>
  <c r="A8195" i="2" l="1"/>
  <c r="C8194" i="2"/>
  <c r="D8194" i="2"/>
  <c r="A8196" i="2" l="1"/>
  <c r="D8195" i="2"/>
  <c r="C8195" i="2"/>
  <c r="A8197" i="2" l="1"/>
  <c r="C8196" i="2"/>
  <c r="D8196" i="2"/>
  <c r="A8198" i="2" l="1"/>
  <c r="D8197" i="2"/>
  <c r="C8197" i="2"/>
  <c r="A8199" i="2" l="1"/>
  <c r="C8198" i="2"/>
  <c r="D8198" i="2"/>
  <c r="A8200" i="2" l="1"/>
  <c r="D8199" i="2"/>
  <c r="C8199" i="2"/>
  <c r="A8201" i="2" l="1"/>
  <c r="C8200" i="2"/>
  <c r="D8200" i="2"/>
  <c r="A8202" i="2" l="1"/>
  <c r="D8201" i="2"/>
  <c r="C8201" i="2"/>
  <c r="A8203" i="2" l="1"/>
  <c r="C8202" i="2"/>
  <c r="D8202" i="2"/>
  <c r="A8204" i="2" l="1"/>
  <c r="D8203" i="2"/>
  <c r="C8203" i="2"/>
  <c r="A8205" i="2" l="1"/>
  <c r="C8204" i="2"/>
  <c r="D8204" i="2"/>
  <c r="A8206" i="2" l="1"/>
  <c r="D8205" i="2"/>
  <c r="C8205" i="2"/>
  <c r="A8207" i="2" l="1"/>
  <c r="C8206" i="2"/>
  <c r="D8206" i="2"/>
  <c r="A8208" i="2" l="1"/>
  <c r="D8207" i="2"/>
  <c r="C8207" i="2"/>
  <c r="A8209" i="2" l="1"/>
  <c r="C8208" i="2"/>
  <c r="D8208" i="2"/>
  <c r="A8210" i="2" l="1"/>
  <c r="D8209" i="2"/>
  <c r="C8209" i="2"/>
  <c r="A8211" i="2" l="1"/>
  <c r="C8210" i="2"/>
  <c r="D8210" i="2"/>
  <c r="A8212" i="2" l="1"/>
  <c r="D8211" i="2"/>
  <c r="C8211" i="2"/>
  <c r="A8213" i="2" l="1"/>
  <c r="C8212" i="2"/>
  <c r="D8212" i="2"/>
  <c r="A8214" i="2" l="1"/>
  <c r="D8213" i="2"/>
  <c r="C8213" i="2"/>
  <c r="A8215" i="2" l="1"/>
  <c r="C8214" i="2"/>
  <c r="D8214" i="2"/>
  <c r="A8216" i="2" l="1"/>
  <c r="D8215" i="2"/>
  <c r="C8215" i="2"/>
  <c r="A8217" i="2" l="1"/>
  <c r="C8216" i="2"/>
  <c r="D8216" i="2"/>
  <c r="A8218" i="2" l="1"/>
  <c r="D8217" i="2"/>
  <c r="C8217" i="2"/>
  <c r="A8219" i="2" l="1"/>
  <c r="C8218" i="2"/>
  <c r="D8218" i="2"/>
  <c r="A8220" i="2" l="1"/>
  <c r="D8219" i="2"/>
  <c r="C8219" i="2"/>
  <c r="A8221" i="2" l="1"/>
  <c r="C8220" i="2"/>
  <c r="D8220" i="2"/>
  <c r="A8222" i="2" l="1"/>
  <c r="D8221" i="2"/>
  <c r="C8221" i="2"/>
  <c r="A8223" i="2" l="1"/>
  <c r="C8222" i="2"/>
  <c r="D8222" i="2"/>
  <c r="A8224" i="2" l="1"/>
  <c r="D8223" i="2"/>
  <c r="C8223" i="2"/>
  <c r="A8225" i="2" l="1"/>
  <c r="C8224" i="2"/>
  <c r="D8224" i="2"/>
  <c r="A8226" i="2" l="1"/>
  <c r="D8225" i="2"/>
  <c r="C8225" i="2"/>
  <c r="A8227" i="2" l="1"/>
  <c r="C8226" i="2"/>
  <c r="D8226" i="2"/>
  <c r="A8228" i="2" l="1"/>
  <c r="D8227" i="2"/>
  <c r="C8227" i="2"/>
  <c r="A8229" i="2" l="1"/>
  <c r="C8228" i="2"/>
  <c r="D8228" i="2"/>
  <c r="A8230" i="2" l="1"/>
  <c r="D8229" i="2"/>
  <c r="C8229" i="2"/>
  <c r="A8231" i="2" l="1"/>
  <c r="C8230" i="2"/>
  <c r="D8230" i="2"/>
  <c r="A8232" i="2" l="1"/>
  <c r="D8231" i="2"/>
  <c r="C8231" i="2"/>
  <c r="A8233" i="2" l="1"/>
  <c r="C8232" i="2"/>
  <c r="D8232" i="2"/>
  <c r="A8234" i="2" l="1"/>
  <c r="D8233" i="2"/>
  <c r="C8233" i="2"/>
  <c r="A8235" i="2" l="1"/>
  <c r="C8234" i="2"/>
  <c r="D8234" i="2"/>
  <c r="A8236" i="2" l="1"/>
  <c r="D8235" i="2"/>
  <c r="C8235" i="2"/>
  <c r="A8237" i="2" l="1"/>
  <c r="C8236" i="2"/>
  <c r="D8236" i="2"/>
  <c r="A8238" i="2" l="1"/>
  <c r="D8237" i="2"/>
  <c r="C8237" i="2"/>
  <c r="A8239" i="2" l="1"/>
  <c r="C8238" i="2"/>
  <c r="D8238" i="2"/>
  <c r="A8240" i="2" l="1"/>
  <c r="D8239" i="2"/>
  <c r="C8239" i="2"/>
  <c r="A8241" i="2" l="1"/>
  <c r="C8240" i="2"/>
  <c r="D8240" i="2"/>
  <c r="A8242" i="2" l="1"/>
  <c r="D8241" i="2"/>
  <c r="C8241" i="2"/>
  <c r="A8243" i="2" l="1"/>
  <c r="C8242" i="2"/>
  <c r="D8242" i="2"/>
  <c r="A8244" i="2" l="1"/>
  <c r="D8243" i="2"/>
  <c r="C8243" i="2"/>
  <c r="A8245" i="2" l="1"/>
  <c r="C8244" i="2"/>
  <c r="D8244" i="2"/>
  <c r="A8246" i="2" l="1"/>
  <c r="D8245" i="2"/>
  <c r="C8245" i="2"/>
  <c r="A8247" i="2" l="1"/>
  <c r="C8246" i="2"/>
  <c r="D8246" i="2"/>
  <c r="A8248" i="2" l="1"/>
  <c r="D8247" i="2"/>
  <c r="C8247" i="2"/>
  <c r="A8249" i="2" l="1"/>
  <c r="C8248" i="2"/>
  <c r="D8248" i="2"/>
  <c r="A8250" i="2" l="1"/>
  <c r="D8249" i="2"/>
  <c r="C8249" i="2"/>
  <c r="A8251" i="2" l="1"/>
  <c r="C8250" i="2"/>
  <c r="D8250" i="2"/>
  <c r="A8252" i="2" l="1"/>
  <c r="D8251" i="2"/>
  <c r="C8251" i="2"/>
  <c r="A8253" i="2" l="1"/>
  <c r="C8252" i="2"/>
  <c r="D8252" i="2"/>
  <c r="A8254" i="2" l="1"/>
  <c r="D8253" i="2"/>
  <c r="C8253" i="2"/>
  <c r="A8255" i="2" l="1"/>
  <c r="C8254" i="2"/>
  <c r="D8254" i="2"/>
  <c r="A8256" i="2" l="1"/>
  <c r="D8255" i="2"/>
  <c r="C8255" i="2"/>
  <c r="A8257" i="2" l="1"/>
  <c r="C8256" i="2"/>
  <c r="D8256" i="2"/>
  <c r="A8258" i="2" l="1"/>
  <c r="D8257" i="2"/>
  <c r="C8257" i="2"/>
  <c r="A8259" i="2" l="1"/>
  <c r="C8258" i="2"/>
  <c r="D8258" i="2"/>
  <c r="A8260" i="2" l="1"/>
  <c r="D8259" i="2"/>
  <c r="C8259" i="2"/>
  <c r="A8261" i="2" l="1"/>
  <c r="C8260" i="2"/>
  <c r="D8260" i="2"/>
  <c r="A8262" i="2" l="1"/>
  <c r="D8261" i="2"/>
  <c r="C8261" i="2"/>
  <c r="A8263" i="2" l="1"/>
  <c r="C8262" i="2"/>
  <c r="D8262" i="2"/>
  <c r="A8264" i="2" l="1"/>
  <c r="D8263" i="2"/>
  <c r="C8263" i="2"/>
  <c r="A8265" i="2" l="1"/>
  <c r="C8264" i="2"/>
  <c r="D8264" i="2"/>
  <c r="A8266" i="2" l="1"/>
  <c r="D8265" i="2"/>
  <c r="C8265" i="2"/>
  <c r="A8267" i="2" l="1"/>
  <c r="C8266" i="2"/>
  <c r="D8266" i="2"/>
  <c r="A8268" i="2" l="1"/>
  <c r="D8267" i="2"/>
  <c r="C8267" i="2"/>
  <c r="A8269" i="2" l="1"/>
  <c r="C8268" i="2"/>
  <c r="D8268" i="2"/>
  <c r="A8270" i="2" l="1"/>
  <c r="D8269" i="2"/>
  <c r="C8269" i="2"/>
  <c r="A8271" i="2" l="1"/>
  <c r="C8270" i="2"/>
  <c r="D8270" i="2"/>
  <c r="A8272" i="2" l="1"/>
  <c r="D8271" i="2"/>
  <c r="C8271" i="2"/>
  <c r="A8273" i="2" l="1"/>
  <c r="C8272" i="2"/>
  <c r="D8272" i="2"/>
  <c r="A8274" i="2" l="1"/>
  <c r="D8273" i="2"/>
  <c r="C8273" i="2"/>
  <c r="A8275" i="2" l="1"/>
  <c r="C8274" i="2"/>
  <c r="D8274" i="2"/>
  <c r="A8276" i="2" l="1"/>
  <c r="D8275" i="2"/>
  <c r="C8275" i="2"/>
  <c r="A8277" i="2" l="1"/>
  <c r="C8276" i="2"/>
  <c r="D8276" i="2"/>
  <c r="A8278" i="2" l="1"/>
  <c r="D8277" i="2"/>
  <c r="C8277" i="2"/>
  <c r="A8279" i="2" l="1"/>
  <c r="C8278" i="2"/>
  <c r="D8278" i="2"/>
  <c r="A8280" i="2" l="1"/>
  <c r="D8279" i="2"/>
  <c r="C8279" i="2"/>
  <c r="A8281" i="2" l="1"/>
  <c r="C8280" i="2"/>
  <c r="D8280" i="2"/>
  <c r="A8282" i="2" l="1"/>
  <c r="D8281" i="2"/>
  <c r="C8281" i="2"/>
  <c r="A8283" i="2" l="1"/>
  <c r="C8282" i="2"/>
  <c r="D8282" i="2"/>
  <c r="A8284" i="2" l="1"/>
  <c r="D8283" i="2"/>
  <c r="C8283" i="2"/>
  <c r="A8285" i="2" l="1"/>
  <c r="C8284" i="2"/>
  <c r="D8284" i="2"/>
  <c r="A8286" i="2" l="1"/>
  <c r="D8285" i="2"/>
  <c r="C8285" i="2"/>
  <c r="A8287" i="2" l="1"/>
  <c r="C8286" i="2"/>
  <c r="D8286" i="2"/>
  <c r="A8288" i="2" l="1"/>
  <c r="D8287" i="2"/>
  <c r="C8287" i="2"/>
  <c r="A8289" i="2" l="1"/>
  <c r="C8288" i="2"/>
  <c r="D8288" i="2"/>
  <c r="A8290" i="2" l="1"/>
  <c r="D8289" i="2"/>
  <c r="C8289" i="2"/>
  <c r="A8291" i="2" l="1"/>
  <c r="C8290" i="2"/>
  <c r="D8290" i="2"/>
  <c r="A8292" i="2" l="1"/>
  <c r="D8291" i="2"/>
  <c r="C8291" i="2"/>
  <c r="A8293" i="2" l="1"/>
  <c r="C8292" i="2"/>
  <c r="D8292" i="2"/>
  <c r="A8294" i="2" l="1"/>
  <c r="D8293" i="2"/>
  <c r="C8293" i="2"/>
  <c r="A8295" i="2" l="1"/>
  <c r="C8294" i="2"/>
  <c r="D8294" i="2"/>
  <c r="A8296" i="2" l="1"/>
  <c r="D8295" i="2"/>
  <c r="C8295" i="2"/>
  <c r="A8297" i="2" l="1"/>
  <c r="C8296" i="2"/>
  <c r="D8296" i="2"/>
  <c r="A8298" i="2" l="1"/>
  <c r="D8297" i="2"/>
  <c r="C8297" i="2"/>
  <c r="A8299" i="2" l="1"/>
  <c r="C8298" i="2"/>
  <c r="D8298" i="2"/>
  <c r="A8300" i="2" l="1"/>
  <c r="D8299" i="2"/>
  <c r="C8299" i="2"/>
  <c r="A8301" i="2" l="1"/>
  <c r="C8300" i="2"/>
  <c r="D8300" i="2"/>
  <c r="A8302" i="2" l="1"/>
  <c r="D8301" i="2"/>
  <c r="C8301" i="2"/>
  <c r="A8303" i="2" l="1"/>
  <c r="C8302" i="2"/>
  <c r="D8302" i="2"/>
  <c r="A8304" i="2" l="1"/>
  <c r="D8303" i="2"/>
  <c r="C8303" i="2"/>
  <c r="A8305" i="2" l="1"/>
  <c r="C8304" i="2"/>
  <c r="D8304" i="2"/>
  <c r="A8306" i="2" l="1"/>
  <c r="D8305" i="2"/>
  <c r="C8305" i="2"/>
  <c r="A8307" i="2" l="1"/>
  <c r="C8306" i="2"/>
  <c r="D8306" i="2"/>
  <c r="A8308" i="2" l="1"/>
  <c r="D8307" i="2"/>
  <c r="C8307" i="2"/>
  <c r="A8309" i="2" l="1"/>
  <c r="C8308" i="2"/>
  <c r="D8308" i="2"/>
  <c r="A8310" i="2" l="1"/>
  <c r="D8309" i="2"/>
  <c r="C8309" i="2"/>
  <c r="A8311" i="2" l="1"/>
  <c r="C8310" i="2"/>
  <c r="D8310" i="2"/>
  <c r="A8312" i="2" l="1"/>
  <c r="D8311" i="2"/>
  <c r="C8311" i="2"/>
  <c r="A8313" i="2" l="1"/>
  <c r="C8312" i="2"/>
  <c r="D8312" i="2"/>
  <c r="A8314" i="2" l="1"/>
  <c r="D8313" i="2"/>
  <c r="C8313" i="2"/>
  <c r="A8315" i="2" l="1"/>
  <c r="C8314" i="2"/>
  <c r="D8314" i="2"/>
  <c r="A8316" i="2" l="1"/>
  <c r="D8315" i="2"/>
  <c r="C8315" i="2"/>
  <c r="A8317" i="2" l="1"/>
  <c r="C8316" i="2"/>
  <c r="D8316" i="2"/>
  <c r="A8318" i="2" l="1"/>
  <c r="D8317" i="2"/>
  <c r="C8317" i="2"/>
  <c r="A8319" i="2" l="1"/>
  <c r="C8318" i="2"/>
  <c r="D8318" i="2"/>
  <c r="A8320" i="2" l="1"/>
  <c r="D8319" i="2"/>
  <c r="C8319" i="2"/>
  <c r="A8321" i="2" l="1"/>
  <c r="C8320" i="2"/>
  <c r="D8320" i="2"/>
  <c r="A8322" i="2" l="1"/>
  <c r="D8321" i="2"/>
  <c r="C8321" i="2"/>
  <c r="A8323" i="2" l="1"/>
  <c r="C8322" i="2"/>
  <c r="D8322" i="2"/>
  <c r="A8324" i="2" l="1"/>
  <c r="D8323" i="2"/>
  <c r="C8323" i="2"/>
  <c r="A8325" i="2" l="1"/>
  <c r="C8324" i="2"/>
  <c r="D8324" i="2"/>
  <c r="A8326" i="2" l="1"/>
  <c r="D8325" i="2"/>
  <c r="C8325" i="2"/>
  <c r="A8327" i="2" l="1"/>
  <c r="C8326" i="2"/>
  <c r="D8326" i="2"/>
  <c r="A8328" i="2" l="1"/>
  <c r="D8327" i="2"/>
  <c r="C8327" i="2"/>
  <c r="A8329" i="2" l="1"/>
  <c r="C8328" i="2"/>
  <c r="D8328" i="2"/>
  <c r="A8330" i="2" l="1"/>
  <c r="D8329" i="2"/>
  <c r="C8329" i="2"/>
  <c r="A8331" i="2" l="1"/>
  <c r="C8330" i="2"/>
  <c r="D8330" i="2"/>
  <c r="A8332" i="2" l="1"/>
  <c r="D8331" i="2"/>
  <c r="C8331" i="2"/>
  <c r="A8333" i="2" l="1"/>
  <c r="C8332" i="2"/>
  <c r="D8332" i="2"/>
  <c r="A8334" i="2" l="1"/>
  <c r="D8333" i="2"/>
  <c r="C8333" i="2"/>
  <c r="A8335" i="2" l="1"/>
  <c r="C8334" i="2"/>
  <c r="D8334" i="2"/>
  <c r="A8336" i="2" l="1"/>
  <c r="D8335" i="2"/>
  <c r="C8335" i="2"/>
  <c r="A8337" i="2" l="1"/>
  <c r="C8336" i="2"/>
  <c r="D8336" i="2"/>
  <c r="A8338" i="2" l="1"/>
  <c r="D8337" i="2"/>
  <c r="C8337" i="2"/>
  <c r="A8339" i="2" l="1"/>
  <c r="C8338" i="2"/>
  <c r="D8338" i="2"/>
  <c r="A8340" i="2" l="1"/>
  <c r="D8339" i="2"/>
  <c r="C8339" i="2"/>
  <c r="A8341" i="2" l="1"/>
  <c r="C8340" i="2"/>
  <c r="D8340" i="2"/>
  <c r="A8342" i="2" l="1"/>
  <c r="D8341" i="2"/>
  <c r="C8341" i="2"/>
  <c r="A8343" i="2" l="1"/>
  <c r="C8342" i="2"/>
  <c r="D8342" i="2"/>
  <c r="A8344" i="2" l="1"/>
  <c r="D8343" i="2"/>
  <c r="C8343" i="2"/>
  <c r="A8345" i="2" l="1"/>
  <c r="C8344" i="2"/>
  <c r="D8344" i="2"/>
  <c r="A8346" i="2" l="1"/>
  <c r="D8345" i="2"/>
  <c r="C8345" i="2"/>
  <c r="A8347" i="2" l="1"/>
  <c r="C8346" i="2"/>
  <c r="D8346" i="2"/>
  <c r="A8348" i="2" l="1"/>
  <c r="D8347" i="2"/>
  <c r="C8347" i="2"/>
  <c r="A8349" i="2" l="1"/>
  <c r="C8348" i="2"/>
  <c r="D8348" i="2"/>
  <c r="A8350" i="2" l="1"/>
  <c r="D8349" i="2"/>
  <c r="C8349" i="2"/>
  <c r="A8351" i="2" l="1"/>
  <c r="C8350" i="2"/>
  <c r="D8350" i="2"/>
  <c r="A8352" i="2" l="1"/>
  <c r="D8351" i="2"/>
  <c r="C8351" i="2"/>
  <c r="A8353" i="2" l="1"/>
  <c r="C8352" i="2"/>
  <c r="D8352" i="2"/>
  <c r="A8354" i="2" l="1"/>
  <c r="D8353" i="2"/>
  <c r="C8353" i="2"/>
  <c r="A8355" i="2" l="1"/>
  <c r="C8354" i="2"/>
  <c r="D8354" i="2"/>
  <c r="A8356" i="2" l="1"/>
  <c r="D8355" i="2"/>
  <c r="C8355" i="2"/>
  <c r="A8357" i="2" l="1"/>
  <c r="C8356" i="2"/>
  <c r="D8356" i="2"/>
  <c r="A8358" i="2" l="1"/>
  <c r="D8357" i="2"/>
  <c r="C8357" i="2"/>
  <c r="A8359" i="2" l="1"/>
  <c r="C8358" i="2"/>
  <c r="D8358" i="2"/>
  <c r="A8360" i="2" l="1"/>
  <c r="D8359" i="2"/>
  <c r="C8359" i="2"/>
  <c r="A8361" i="2" l="1"/>
  <c r="C8360" i="2"/>
  <c r="D8360" i="2"/>
  <c r="A8362" i="2" l="1"/>
  <c r="D8361" i="2"/>
  <c r="C8361" i="2"/>
  <c r="A8363" i="2" l="1"/>
  <c r="C8362" i="2"/>
  <c r="D8362" i="2"/>
  <c r="A8364" i="2" l="1"/>
  <c r="D8363" i="2"/>
  <c r="C8363" i="2"/>
  <c r="A8365" i="2" l="1"/>
  <c r="C8364" i="2"/>
  <c r="D8364" i="2"/>
  <c r="A8366" i="2" l="1"/>
  <c r="D8365" i="2"/>
  <c r="C8365" i="2"/>
  <c r="A8367" i="2" l="1"/>
  <c r="C8366" i="2"/>
  <c r="D8366" i="2"/>
  <c r="A8368" i="2" l="1"/>
  <c r="D8367" i="2"/>
  <c r="C8367" i="2"/>
  <c r="A8369" i="2" l="1"/>
  <c r="C8368" i="2"/>
  <c r="D8368" i="2"/>
  <c r="A8370" i="2" l="1"/>
  <c r="D8369" i="2"/>
  <c r="C8369" i="2"/>
  <c r="A8371" i="2" l="1"/>
  <c r="C8370" i="2"/>
  <c r="D8370" i="2"/>
  <c r="A8372" i="2" l="1"/>
  <c r="D8371" i="2"/>
  <c r="C8371" i="2"/>
  <c r="A8373" i="2" l="1"/>
  <c r="C8372" i="2"/>
  <c r="D8372" i="2"/>
  <c r="A8374" i="2" l="1"/>
  <c r="D8373" i="2"/>
  <c r="C8373" i="2"/>
  <c r="A8375" i="2" l="1"/>
  <c r="C8374" i="2"/>
  <c r="D8374" i="2"/>
  <c r="A8376" i="2" l="1"/>
  <c r="D8375" i="2"/>
  <c r="C8375" i="2"/>
  <c r="A8377" i="2" l="1"/>
  <c r="C8376" i="2"/>
  <c r="D8376" i="2"/>
  <c r="A8378" i="2" l="1"/>
  <c r="D8377" i="2"/>
  <c r="C8377" i="2"/>
  <c r="A8379" i="2" l="1"/>
  <c r="C8378" i="2"/>
  <c r="D8378" i="2"/>
  <c r="A8380" i="2" l="1"/>
  <c r="D8379" i="2"/>
  <c r="C8379" i="2"/>
  <c r="A8381" i="2" l="1"/>
  <c r="C8380" i="2"/>
  <c r="D8380" i="2"/>
  <c r="A8382" i="2" l="1"/>
  <c r="D8381" i="2"/>
  <c r="C8381" i="2"/>
  <c r="A8383" i="2" l="1"/>
  <c r="C8382" i="2"/>
  <c r="D8382" i="2"/>
  <c r="A8384" i="2" l="1"/>
  <c r="D8383" i="2"/>
  <c r="C8383" i="2"/>
  <c r="A8385" i="2" l="1"/>
  <c r="C8384" i="2"/>
  <c r="D8384" i="2"/>
  <c r="A8386" i="2" l="1"/>
  <c r="D8385" i="2"/>
  <c r="C8385" i="2"/>
  <c r="A8387" i="2" l="1"/>
  <c r="C8386" i="2"/>
  <c r="D8386" i="2"/>
  <c r="A8388" i="2" l="1"/>
  <c r="D8387" i="2"/>
  <c r="C8387" i="2"/>
  <c r="A8389" i="2" l="1"/>
  <c r="C8388" i="2"/>
  <c r="D8388" i="2"/>
  <c r="A8390" i="2" l="1"/>
  <c r="D8389" i="2"/>
  <c r="C8389" i="2"/>
  <c r="A8391" i="2" l="1"/>
  <c r="C8390" i="2"/>
  <c r="D8390" i="2"/>
  <c r="A8392" i="2" l="1"/>
  <c r="D8391" i="2"/>
  <c r="C8391" i="2"/>
  <c r="A8393" i="2" l="1"/>
  <c r="C8392" i="2"/>
  <c r="D8392" i="2"/>
  <c r="A8394" i="2" l="1"/>
  <c r="D8393" i="2"/>
  <c r="C8393" i="2"/>
  <c r="A8395" i="2" l="1"/>
  <c r="C8394" i="2"/>
  <c r="D8394" i="2"/>
  <c r="A8396" i="2" l="1"/>
  <c r="D8395" i="2"/>
  <c r="C8395" i="2"/>
  <c r="A8397" i="2" l="1"/>
  <c r="C8396" i="2"/>
  <c r="D8396" i="2"/>
  <c r="A8398" i="2" l="1"/>
  <c r="D8397" i="2"/>
  <c r="C8397" i="2"/>
  <c r="A8399" i="2" l="1"/>
  <c r="C8398" i="2"/>
  <c r="D8398" i="2"/>
  <c r="A8400" i="2" l="1"/>
  <c r="D8399" i="2"/>
  <c r="C8399" i="2"/>
  <c r="A8401" i="2" l="1"/>
  <c r="C8400" i="2"/>
  <c r="D8400" i="2"/>
  <c r="A8402" i="2" l="1"/>
  <c r="D8401" i="2"/>
  <c r="C8401" i="2"/>
  <c r="A8403" i="2" l="1"/>
  <c r="C8402" i="2"/>
  <c r="D8402" i="2"/>
  <c r="A8404" i="2" l="1"/>
  <c r="D8403" i="2"/>
  <c r="C8403" i="2"/>
  <c r="A8405" i="2" l="1"/>
  <c r="C8404" i="2"/>
  <c r="D8404" i="2"/>
  <c r="A8406" i="2" l="1"/>
  <c r="D8405" i="2"/>
  <c r="C8405" i="2"/>
  <c r="A8407" i="2" l="1"/>
  <c r="C8406" i="2"/>
  <c r="D8406" i="2"/>
  <c r="A8408" i="2" l="1"/>
  <c r="D8407" i="2"/>
  <c r="C8407" i="2"/>
  <c r="A8409" i="2" l="1"/>
  <c r="C8408" i="2"/>
  <c r="D8408" i="2"/>
  <c r="A8410" i="2" l="1"/>
  <c r="D8409" i="2"/>
  <c r="C8409" i="2"/>
  <c r="A8411" i="2" l="1"/>
  <c r="C8410" i="2"/>
  <c r="D8410" i="2"/>
  <c r="A8412" i="2" l="1"/>
  <c r="D8411" i="2"/>
  <c r="C8411" i="2"/>
  <c r="A8413" i="2" l="1"/>
  <c r="C8412" i="2"/>
  <c r="D8412" i="2"/>
  <c r="A8414" i="2" l="1"/>
  <c r="D8413" i="2"/>
  <c r="C8413" i="2"/>
  <c r="A8415" i="2" l="1"/>
  <c r="C8414" i="2"/>
  <c r="D8414" i="2"/>
  <c r="A8416" i="2" l="1"/>
  <c r="D8415" i="2"/>
  <c r="C8415" i="2"/>
  <c r="A8417" i="2" l="1"/>
  <c r="C8416" i="2"/>
  <c r="D8416" i="2"/>
  <c r="A8418" i="2" l="1"/>
  <c r="D8417" i="2"/>
  <c r="C8417" i="2"/>
  <c r="A8419" i="2" l="1"/>
  <c r="C8418" i="2"/>
  <c r="D8418" i="2"/>
  <c r="A8420" i="2" l="1"/>
  <c r="D8419" i="2"/>
  <c r="C8419" i="2"/>
  <c r="A8421" i="2" l="1"/>
  <c r="C8420" i="2"/>
  <c r="D8420" i="2"/>
  <c r="A8422" i="2" l="1"/>
  <c r="D8421" i="2"/>
  <c r="C8421" i="2"/>
  <c r="A8423" i="2" l="1"/>
  <c r="C8422" i="2"/>
  <c r="D8422" i="2"/>
  <c r="A8424" i="2" l="1"/>
  <c r="D8423" i="2"/>
  <c r="C8423" i="2"/>
  <c r="A8425" i="2" l="1"/>
  <c r="C8424" i="2"/>
  <c r="D8424" i="2"/>
  <c r="A8426" i="2" l="1"/>
  <c r="D8425" i="2"/>
  <c r="C8425" i="2"/>
  <c r="A8427" i="2" l="1"/>
  <c r="C8426" i="2"/>
  <c r="D8426" i="2"/>
  <c r="A8428" i="2" l="1"/>
  <c r="D8427" i="2"/>
  <c r="C8427" i="2"/>
  <c r="A8429" i="2" l="1"/>
  <c r="C8428" i="2"/>
  <c r="D8428" i="2"/>
  <c r="A8430" i="2" l="1"/>
  <c r="D8429" i="2"/>
  <c r="C8429" i="2"/>
  <c r="A8431" i="2" l="1"/>
  <c r="C8430" i="2"/>
  <c r="D8430" i="2"/>
  <c r="A8432" i="2" l="1"/>
  <c r="D8431" i="2"/>
  <c r="C8431" i="2"/>
  <c r="A8433" i="2" l="1"/>
  <c r="C8432" i="2"/>
  <c r="D8432" i="2"/>
  <c r="A8434" i="2" l="1"/>
  <c r="D8433" i="2"/>
  <c r="C8433" i="2"/>
  <c r="A8435" i="2" l="1"/>
  <c r="C8434" i="2"/>
  <c r="D8434" i="2"/>
  <c r="A8436" i="2" l="1"/>
  <c r="D8435" i="2"/>
  <c r="C8435" i="2"/>
  <c r="A8437" i="2" l="1"/>
  <c r="C8436" i="2"/>
  <c r="D8436" i="2"/>
  <c r="A8438" i="2" l="1"/>
  <c r="D8437" i="2"/>
  <c r="C8437" i="2"/>
  <c r="A8439" i="2" l="1"/>
  <c r="C8438" i="2"/>
  <c r="D8438" i="2"/>
  <c r="A8440" i="2" l="1"/>
  <c r="D8439" i="2"/>
  <c r="C8439" i="2"/>
  <c r="A8441" i="2" l="1"/>
  <c r="C8440" i="2"/>
  <c r="D8440" i="2"/>
  <c r="A8442" i="2" l="1"/>
  <c r="D8441" i="2"/>
  <c r="C8441" i="2"/>
  <c r="A8443" i="2" l="1"/>
  <c r="C8442" i="2"/>
  <c r="D8442" i="2"/>
  <c r="A8444" i="2" l="1"/>
  <c r="D8443" i="2"/>
  <c r="C8443" i="2"/>
  <c r="A8445" i="2" l="1"/>
  <c r="C8444" i="2"/>
  <c r="D8444" i="2"/>
  <c r="A8446" i="2" l="1"/>
  <c r="D8445" i="2"/>
  <c r="C8445" i="2"/>
  <c r="A8447" i="2" l="1"/>
  <c r="C8446" i="2"/>
  <c r="D8446" i="2"/>
  <c r="A8448" i="2" l="1"/>
  <c r="D8447" i="2"/>
  <c r="C8447" i="2"/>
  <c r="A8449" i="2" l="1"/>
  <c r="C8448" i="2"/>
  <c r="D8448" i="2"/>
  <c r="A8450" i="2" l="1"/>
  <c r="D8449" i="2"/>
  <c r="C8449" i="2"/>
  <c r="A8451" i="2" l="1"/>
  <c r="C8450" i="2"/>
  <c r="D8450" i="2"/>
  <c r="A8452" i="2" l="1"/>
  <c r="D8451" i="2"/>
  <c r="C8451" i="2"/>
  <c r="A8453" i="2" l="1"/>
  <c r="C8452" i="2"/>
  <c r="D8452" i="2"/>
  <c r="A8454" i="2" l="1"/>
  <c r="D8453" i="2"/>
  <c r="C8453" i="2"/>
  <c r="A8455" i="2" l="1"/>
  <c r="C8454" i="2"/>
  <c r="D8454" i="2"/>
  <c r="A8456" i="2" l="1"/>
  <c r="D8455" i="2"/>
  <c r="C8455" i="2"/>
  <c r="A8457" i="2" l="1"/>
  <c r="C8456" i="2"/>
  <c r="D8456" i="2"/>
  <c r="A8458" i="2" l="1"/>
  <c r="D8457" i="2"/>
  <c r="C8457" i="2"/>
  <c r="A8459" i="2" l="1"/>
  <c r="C8458" i="2"/>
  <c r="D8458" i="2"/>
  <c r="A8460" i="2" l="1"/>
  <c r="D8459" i="2"/>
  <c r="C8459" i="2"/>
  <c r="A8461" i="2" l="1"/>
  <c r="C8460" i="2"/>
  <c r="D8460" i="2"/>
  <c r="A8462" i="2" l="1"/>
  <c r="D8461" i="2"/>
  <c r="C8461" i="2"/>
  <c r="A8463" i="2" l="1"/>
  <c r="C8462" i="2"/>
  <c r="D8462" i="2"/>
  <c r="A8464" i="2" l="1"/>
  <c r="D8463" i="2"/>
  <c r="C8463" i="2"/>
  <c r="A8465" i="2" l="1"/>
  <c r="C8464" i="2"/>
  <c r="D8464" i="2"/>
  <c r="A8466" i="2" l="1"/>
  <c r="D8465" i="2"/>
  <c r="C8465" i="2"/>
  <c r="A8467" i="2" l="1"/>
  <c r="C8466" i="2"/>
  <c r="D8466" i="2"/>
  <c r="A8468" i="2" l="1"/>
  <c r="D8467" i="2"/>
  <c r="C8467" i="2"/>
  <c r="A8469" i="2" l="1"/>
  <c r="C8468" i="2"/>
  <c r="D8468" i="2"/>
  <c r="A8470" i="2" l="1"/>
  <c r="D8469" i="2"/>
  <c r="C8469" i="2"/>
  <c r="A8471" i="2" l="1"/>
  <c r="C8470" i="2"/>
  <c r="D8470" i="2"/>
  <c r="A8472" i="2" l="1"/>
  <c r="D8471" i="2"/>
  <c r="C8471" i="2"/>
  <c r="A8473" i="2" l="1"/>
  <c r="C8472" i="2"/>
  <c r="D8472" i="2"/>
  <c r="A8474" i="2" l="1"/>
  <c r="D8473" i="2"/>
  <c r="C8473" i="2"/>
  <c r="A8475" i="2" l="1"/>
  <c r="C8474" i="2"/>
  <c r="D8474" i="2"/>
  <c r="A8476" i="2" l="1"/>
  <c r="D8475" i="2"/>
  <c r="C8475" i="2"/>
  <c r="A8477" i="2" l="1"/>
  <c r="C8476" i="2"/>
  <c r="D8476" i="2"/>
  <c r="A8478" i="2" l="1"/>
  <c r="D8477" i="2"/>
  <c r="C8477" i="2"/>
  <c r="A8479" i="2" l="1"/>
  <c r="C8478" i="2"/>
  <c r="D8478" i="2"/>
  <c r="A8480" i="2" l="1"/>
  <c r="D8479" i="2"/>
  <c r="C8479" i="2"/>
  <c r="A8481" i="2" l="1"/>
  <c r="C8480" i="2"/>
  <c r="D8480" i="2"/>
  <c r="A8482" i="2" l="1"/>
  <c r="D8481" i="2"/>
  <c r="C8481" i="2"/>
  <c r="A8483" i="2" l="1"/>
  <c r="C8482" i="2"/>
  <c r="D8482" i="2"/>
  <c r="A8484" i="2" l="1"/>
  <c r="D8483" i="2"/>
  <c r="C8483" i="2"/>
  <c r="A8485" i="2" l="1"/>
  <c r="C8484" i="2"/>
  <c r="D8484" i="2"/>
  <c r="A8486" i="2" l="1"/>
  <c r="D8485" i="2"/>
  <c r="C8485" i="2"/>
  <c r="A8487" i="2" l="1"/>
  <c r="C8486" i="2"/>
  <c r="D8486" i="2"/>
  <c r="A8488" i="2" l="1"/>
  <c r="D8487" i="2"/>
  <c r="C8487" i="2"/>
  <c r="A8489" i="2" l="1"/>
  <c r="C8488" i="2"/>
  <c r="D8488" i="2"/>
  <c r="A8490" i="2" l="1"/>
  <c r="D8489" i="2"/>
  <c r="C8489" i="2"/>
  <c r="A8491" i="2" l="1"/>
  <c r="C8490" i="2"/>
  <c r="D8490" i="2"/>
  <c r="A8492" i="2" l="1"/>
  <c r="D8491" i="2"/>
  <c r="C8491" i="2"/>
  <c r="A8493" i="2" l="1"/>
  <c r="C8492" i="2"/>
  <c r="D8492" i="2"/>
  <c r="A8494" i="2" l="1"/>
  <c r="D8493" i="2"/>
  <c r="C8493" i="2"/>
  <c r="A8495" i="2" l="1"/>
  <c r="C8494" i="2"/>
  <c r="D8494" i="2"/>
  <c r="A8496" i="2" l="1"/>
  <c r="D8495" i="2"/>
  <c r="C8495" i="2"/>
  <c r="A8497" i="2" l="1"/>
  <c r="C8496" i="2"/>
  <c r="D8496" i="2"/>
  <c r="A8498" i="2" l="1"/>
  <c r="D8497" i="2"/>
  <c r="C8497" i="2"/>
  <c r="A8499" i="2" l="1"/>
  <c r="C8498" i="2"/>
  <c r="D8498" i="2"/>
  <c r="A8500" i="2" l="1"/>
  <c r="D8499" i="2"/>
  <c r="C8499" i="2"/>
  <c r="A8501" i="2" l="1"/>
  <c r="C8500" i="2"/>
  <c r="D8500" i="2"/>
  <c r="A8502" i="2" l="1"/>
  <c r="D8501" i="2"/>
  <c r="C8501" i="2"/>
  <c r="A8503" i="2" l="1"/>
  <c r="C8502" i="2"/>
  <c r="D8502" i="2"/>
  <c r="A8504" i="2" l="1"/>
  <c r="D8503" i="2"/>
  <c r="C8503" i="2"/>
  <c r="A8505" i="2" l="1"/>
  <c r="C8504" i="2"/>
  <c r="D8504" i="2"/>
  <c r="A8506" i="2" l="1"/>
  <c r="D8505" i="2"/>
  <c r="C8505" i="2"/>
  <c r="A8507" i="2" l="1"/>
  <c r="C8506" i="2"/>
  <c r="D8506" i="2"/>
  <c r="A8508" i="2" l="1"/>
  <c r="D8507" i="2"/>
  <c r="C8507" i="2"/>
  <c r="A8509" i="2" l="1"/>
  <c r="C8508" i="2"/>
  <c r="D8508" i="2"/>
  <c r="A8510" i="2" l="1"/>
  <c r="D8509" i="2"/>
  <c r="C8509" i="2"/>
  <c r="A8511" i="2" l="1"/>
  <c r="C8510" i="2"/>
  <c r="D8510" i="2"/>
  <c r="A8512" i="2" l="1"/>
  <c r="D8511" i="2"/>
  <c r="C8511" i="2"/>
  <c r="A8513" i="2" l="1"/>
  <c r="C8512" i="2"/>
  <c r="D8512" i="2"/>
  <c r="A8514" i="2" l="1"/>
  <c r="D8513" i="2"/>
  <c r="C8513" i="2"/>
  <c r="A8515" i="2" l="1"/>
  <c r="C8514" i="2"/>
  <c r="D8514" i="2"/>
  <c r="A8516" i="2" l="1"/>
  <c r="D8515" i="2"/>
  <c r="C8515" i="2"/>
  <c r="A8517" i="2" l="1"/>
  <c r="C8516" i="2"/>
  <c r="D8516" i="2"/>
  <c r="A8518" i="2" l="1"/>
  <c r="D8517" i="2"/>
  <c r="C8517" i="2"/>
  <c r="A8519" i="2" l="1"/>
  <c r="C8518" i="2"/>
  <c r="D8518" i="2"/>
  <c r="A8520" i="2" l="1"/>
  <c r="D8519" i="2"/>
  <c r="C8519" i="2"/>
  <c r="A8521" i="2" l="1"/>
  <c r="C8520" i="2"/>
  <c r="D8520" i="2"/>
  <c r="A8522" i="2" l="1"/>
  <c r="D8521" i="2"/>
  <c r="C8521" i="2"/>
  <c r="A8523" i="2" l="1"/>
  <c r="C8522" i="2"/>
  <c r="D8522" i="2"/>
  <c r="A8524" i="2" l="1"/>
  <c r="D8523" i="2"/>
  <c r="C8523" i="2"/>
  <c r="A8525" i="2" l="1"/>
  <c r="C8524" i="2"/>
  <c r="D8524" i="2"/>
  <c r="A8526" i="2" l="1"/>
  <c r="D8525" i="2"/>
  <c r="C8525" i="2"/>
  <c r="A8527" i="2" l="1"/>
  <c r="C8526" i="2"/>
  <c r="D8526" i="2"/>
  <c r="A8528" i="2" l="1"/>
  <c r="D8527" i="2"/>
  <c r="C8527" i="2"/>
  <c r="A8529" i="2" l="1"/>
  <c r="C8528" i="2"/>
  <c r="D8528" i="2"/>
  <c r="A8530" i="2" l="1"/>
  <c r="D8529" i="2"/>
  <c r="C8529" i="2"/>
  <c r="A8531" i="2" l="1"/>
  <c r="C8530" i="2"/>
  <c r="D8530" i="2"/>
  <c r="A8532" i="2" l="1"/>
  <c r="D8531" i="2"/>
  <c r="C8531" i="2"/>
  <c r="A8533" i="2" l="1"/>
  <c r="C8532" i="2"/>
  <c r="D8532" i="2"/>
  <c r="A8534" i="2" l="1"/>
  <c r="D8533" i="2"/>
  <c r="C8533" i="2"/>
  <c r="A8535" i="2" l="1"/>
  <c r="C8534" i="2"/>
  <c r="D8534" i="2"/>
  <c r="A8536" i="2" l="1"/>
  <c r="D8535" i="2"/>
  <c r="C8535" i="2"/>
  <c r="A8537" i="2" l="1"/>
  <c r="C8536" i="2"/>
  <c r="D8536" i="2"/>
  <c r="A8538" i="2" l="1"/>
  <c r="D8537" i="2"/>
  <c r="C8537" i="2"/>
  <c r="A8539" i="2" l="1"/>
  <c r="C8538" i="2"/>
  <c r="D8538" i="2"/>
  <c r="A8540" i="2" l="1"/>
  <c r="D8539" i="2"/>
  <c r="C8539" i="2"/>
  <c r="A8541" i="2" l="1"/>
  <c r="C8540" i="2"/>
  <c r="D8540" i="2"/>
  <c r="A8542" i="2" l="1"/>
  <c r="D8541" i="2"/>
  <c r="C8541" i="2"/>
  <c r="A8543" i="2" l="1"/>
  <c r="C8542" i="2"/>
  <c r="D8542" i="2"/>
  <c r="A8544" i="2" l="1"/>
  <c r="D8543" i="2"/>
  <c r="C8543" i="2"/>
  <c r="A8545" i="2" l="1"/>
  <c r="C8544" i="2"/>
  <c r="D8544" i="2"/>
  <c r="A8546" i="2" l="1"/>
  <c r="D8545" i="2"/>
  <c r="C8545" i="2"/>
  <c r="A8547" i="2" l="1"/>
  <c r="C8546" i="2"/>
  <c r="D8546" i="2"/>
  <c r="A8548" i="2" l="1"/>
  <c r="D8547" i="2"/>
  <c r="C8547" i="2"/>
  <c r="A8549" i="2" l="1"/>
  <c r="C8548" i="2"/>
  <c r="D8548" i="2"/>
  <c r="A8550" i="2" l="1"/>
  <c r="D8549" i="2"/>
  <c r="C8549" i="2"/>
  <c r="A8551" i="2" l="1"/>
  <c r="C8550" i="2"/>
  <c r="D8550" i="2"/>
  <c r="A8552" i="2" l="1"/>
  <c r="D8551" i="2"/>
  <c r="C8551" i="2"/>
  <c r="A8553" i="2" l="1"/>
  <c r="C8552" i="2"/>
  <c r="D8552" i="2"/>
  <c r="A8554" i="2" l="1"/>
  <c r="D8553" i="2"/>
  <c r="C8553" i="2"/>
  <c r="A8555" i="2" l="1"/>
  <c r="C8554" i="2"/>
  <c r="D8554" i="2"/>
  <c r="A8556" i="2" l="1"/>
  <c r="D8555" i="2"/>
  <c r="C8555" i="2"/>
  <c r="A8557" i="2" l="1"/>
  <c r="C8556" i="2"/>
  <c r="D8556" i="2"/>
  <c r="A8558" i="2" l="1"/>
  <c r="D8557" i="2"/>
  <c r="C8557" i="2"/>
  <c r="A8559" i="2" l="1"/>
  <c r="C8558" i="2"/>
  <c r="D8558" i="2"/>
  <c r="A8560" i="2" l="1"/>
  <c r="D8559" i="2"/>
  <c r="C8559" i="2"/>
  <c r="A8561" i="2" l="1"/>
  <c r="C8560" i="2"/>
  <c r="D8560" i="2"/>
  <c r="A8562" i="2" l="1"/>
  <c r="D8561" i="2"/>
  <c r="C8561" i="2"/>
  <c r="A8563" i="2" l="1"/>
  <c r="C8562" i="2"/>
  <c r="D8562" i="2"/>
  <c r="A8564" i="2" l="1"/>
  <c r="D8563" i="2"/>
  <c r="C8563" i="2"/>
  <c r="A8565" i="2" l="1"/>
  <c r="C8564" i="2"/>
  <c r="D8564" i="2"/>
  <c r="A8566" i="2" l="1"/>
  <c r="D8565" i="2"/>
  <c r="C8565" i="2"/>
  <c r="A8567" i="2" l="1"/>
  <c r="C8566" i="2"/>
  <c r="D8566" i="2"/>
  <c r="A8568" i="2" l="1"/>
  <c r="D8567" i="2"/>
  <c r="C8567" i="2"/>
  <c r="A8569" i="2" l="1"/>
  <c r="C8568" i="2"/>
  <c r="D8568" i="2"/>
  <c r="A8570" i="2" l="1"/>
  <c r="D8569" i="2"/>
  <c r="C8569" i="2"/>
  <c r="A8571" i="2" l="1"/>
  <c r="C8570" i="2"/>
  <c r="D8570" i="2"/>
  <c r="A8572" i="2" l="1"/>
  <c r="D8571" i="2"/>
  <c r="C8571" i="2"/>
  <c r="A8573" i="2" l="1"/>
  <c r="C8572" i="2"/>
  <c r="D8572" i="2"/>
  <c r="A8574" i="2" l="1"/>
  <c r="D8573" i="2"/>
  <c r="C8573" i="2"/>
  <c r="A8575" i="2" l="1"/>
  <c r="C8574" i="2"/>
  <c r="D8574" i="2"/>
  <c r="A8576" i="2" l="1"/>
  <c r="D8575" i="2"/>
  <c r="C8575" i="2"/>
  <c r="A8577" i="2" l="1"/>
  <c r="C8576" i="2"/>
  <c r="D8576" i="2"/>
  <c r="A8578" i="2" l="1"/>
  <c r="D8577" i="2"/>
  <c r="C8577" i="2"/>
  <c r="A8579" i="2" l="1"/>
  <c r="C8578" i="2"/>
  <c r="D8578" i="2"/>
  <c r="A8580" i="2" l="1"/>
  <c r="D8579" i="2"/>
  <c r="C8579" i="2"/>
  <c r="A8581" i="2" l="1"/>
  <c r="C8580" i="2"/>
  <c r="D8580" i="2"/>
  <c r="A8582" i="2" l="1"/>
  <c r="D8581" i="2"/>
  <c r="C8581" i="2"/>
  <c r="A8583" i="2" l="1"/>
  <c r="C8582" i="2"/>
  <c r="D8582" i="2"/>
  <c r="A8584" i="2" l="1"/>
  <c r="D8583" i="2"/>
  <c r="C8583" i="2"/>
  <c r="A8585" i="2" l="1"/>
  <c r="C8584" i="2"/>
  <c r="D8584" i="2"/>
  <c r="A8586" i="2" l="1"/>
  <c r="D8585" i="2"/>
  <c r="C8585" i="2"/>
  <c r="A8587" i="2" l="1"/>
  <c r="C8586" i="2"/>
  <c r="D8586" i="2"/>
  <c r="A8588" i="2" l="1"/>
  <c r="D8587" i="2"/>
  <c r="C8587" i="2"/>
  <c r="A8589" i="2" l="1"/>
  <c r="C8588" i="2"/>
  <c r="D8588" i="2"/>
  <c r="A8590" i="2" l="1"/>
  <c r="D8589" i="2"/>
  <c r="C8589" i="2"/>
  <c r="A8591" i="2" l="1"/>
  <c r="C8590" i="2"/>
  <c r="D8590" i="2"/>
  <c r="A8592" i="2" l="1"/>
  <c r="D8591" i="2"/>
  <c r="C8591" i="2"/>
  <c r="A8593" i="2" l="1"/>
  <c r="C8592" i="2"/>
  <c r="D8592" i="2"/>
  <c r="A8594" i="2" l="1"/>
  <c r="D8593" i="2"/>
  <c r="C8593" i="2"/>
  <c r="A8595" i="2" l="1"/>
  <c r="C8594" i="2"/>
  <c r="D8594" i="2"/>
  <c r="A8596" i="2" l="1"/>
  <c r="D8595" i="2"/>
  <c r="C8595" i="2"/>
  <c r="A8597" i="2" l="1"/>
  <c r="C8596" i="2"/>
  <c r="D8596" i="2"/>
  <c r="A8598" i="2" l="1"/>
  <c r="D8597" i="2"/>
  <c r="C8597" i="2"/>
  <c r="A8599" i="2" l="1"/>
  <c r="C8598" i="2"/>
  <c r="D8598" i="2"/>
  <c r="A8600" i="2" l="1"/>
  <c r="D8599" i="2"/>
  <c r="C8599" i="2"/>
  <c r="A8601" i="2" l="1"/>
  <c r="C8600" i="2"/>
  <c r="D8600" i="2"/>
  <c r="A8602" i="2" l="1"/>
  <c r="D8601" i="2"/>
  <c r="C8601" i="2"/>
  <c r="A8603" i="2" l="1"/>
  <c r="C8602" i="2"/>
  <c r="D8602" i="2"/>
  <c r="A8604" i="2" l="1"/>
  <c r="D8603" i="2"/>
  <c r="C8603" i="2"/>
  <c r="A8605" i="2" l="1"/>
  <c r="C8604" i="2"/>
  <c r="D8604" i="2"/>
  <c r="A8606" i="2" l="1"/>
  <c r="D8605" i="2"/>
  <c r="C8605" i="2"/>
  <c r="A8607" i="2" l="1"/>
  <c r="C8606" i="2"/>
  <c r="D8606" i="2"/>
  <c r="A8608" i="2" l="1"/>
  <c r="D8607" i="2"/>
  <c r="C8607" i="2"/>
  <c r="A8609" i="2" l="1"/>
  <c r="C8608" i="2"/>
  <c r="D8608" i="2"/>
  <c r="A8610" i="2" l="1"/>
  <c r="D8609" i="2"/>
  <c r="C8609" i="2"/>
  <c r="A8611" i="2" l="1"/>
  <c r="C8610" i="2"/>
  <c r="D8610" i="2"/>
  <c r="A8612" i="2" l="1"/>
  <c r="D8611" i="2"/>
  <c r="C8611" i="2"/>
  <c r="A8613" i="2" l="1"/>
  <c r="C8612" i="2"/>
  <c r="D8612" i="2"/>
  <c r="A8614" i="2" l="1"/>
  <c r="D8613" i="2"/>
  <c r="C8613" i="2"/>
  <c r="A8615" i="2" l="1"/>
  <c r="C8614" i="2"/>
  <c r="D8614" i="2"/>
  <c r="A8616" i="2" l="1"/>
  <c r="D8615" i="2"/>
  <c r="C8615" i="2"/>
  <c r="A8617" i="2" l="1"/>
  <c r="C8616" i="2"/>
  <c r="D8616" i="2"/>
  <c r="A8618" i="2" l="1"/>
  <c r="D8617" i="2"/>
  <c r="C8617" i="2"/>
  <c r="A8619" i="2" l="1"/>
  <c r="C8618" i="2"/>
  <c r="D8618" i="2"/>
  <c r="A8620" i="2" l="1"/>
  <c r="D8619" i="2"/>
  <c r="C8619" i="2"/>
  <c r="A8621" i="2" l="1"/>
  <c r="C8620" i="2"/>
  <c r="D8620" i="2"/>
  <c r="A8622" i="2" l="1"/>
  <c r="D8621" i="2"/>
  <c r="C8621" i="2"/>
  <c r="A8623" i="2" l="1"/>
  <c r="C8622" i="2"/>
  <c r="D8622" i="2"/>
  <c r="A8624" i="2" l="1"/>
  <c r="D8623" i="2"/>
  <c r="C8623" i="2"/>
  <c r="A8625" i="2" l="1"/>
  <c r="C8624" i="2"/>
  <c r="D8624" i="2"/>
  <c r="A8626" i="2" l="1"/>
  <c r="D8625" i="2"/>
  <c r="C8625" i="2"/>
  <c r="A8627" i="2" l="1"/>
  <c r="C8626" i="2"/>
  <c r="D8626" i="2"/>
  <c r="A8628" i="2" l="1"/>
  <c r="D8627" i="2"/>
  <c r="C8627" i="2"/>
  <c r="A8629" i="2" l="1"/>
  <c r="C8628" i="2"/>
  <c r="D8628" i="2"/>
  <c r="A8630" i="2" l="1"/>
  <c r="D8629" i="2"/>
  <c r="C8629" i="2"/>
  <c r="A8631" i="2" l="1"/>
  <c r="C8630" i="2"/>
  <c r="D8630" i="2"/>
  <c r="A8632" i="2" l="1"/>
  <c r="D8631" i="2"/>
  <c r="C8631" i="2"/>
  <c r="A8633" i="2" l="1"/>
  <c r="C8632" i="2"/>
  <c r="D8632" i="2"/>
  <c r="A8634" i="2" l="1"/>
  <c r="D8633" i="2"/>
  <c r="C8633" i="2"/>
  <c r="A8635" i="2" l="1"/>
  <c r="C8634" i="2"/>
  <c r="D8634" i="2"/>
  <c r="A8636" i="2" l="1"/>
  <c r="D8635" i="2"/>
  <c r="C8635" i="2"/>
  <c r="A8637" i="2" l="1"/>
  <c r="C8636" i="2"/>
  <c r="D8636" i="2"/>
  <c r="A8638" i="2" l="1"/>
  <c r="D8637" i="2"/>
  <c r="C8637" i="2"/>
  <c r="A8639" i="2" l="1"/>
  <c r="C8638" i="2"/>
  <c r="D8638" i="2"/>
  <c r="A8640" i="2" l="1"/>
  <c r="D8639" i="2"/>
  <c r="C8639" i="2"/>
  <c r="A8641" i="2" l="1"/>
  <c r="C8640" i="2"/>
  <c r="D8640" i="2"/>
  <c r="A8642" i="2" l="1"/>
  <c r="D8641" i="2"/>
  <c r="C8641" i="2"/>
  <c r="A8643" i="2" l="1"/>
  <c r="C8642" i="2"/>
  <c r="D8642" i="2"/>
  <c r="A8644" i="2" l="1"/>
  <c r="D8643" i="2"/>
  <c r="C8643" i="2"/>
  <c r="A8645" i="2" l="1"/>
  <c r="C8644" i="2"/>
  <c r="D8644" i="2"/>
  <c r="A8646" i="2" l="1"/>
  <c r="D8645" i="2"/>
  <c r="C8645" i="2"/>
  <c r="A8647" i="2" l="1"/>
  <c r="C8646" i="2"/>
  <c r="D8646" i="2"/>
  <c r="A8648" i="2" l="1"/>
  <c r="D8647" i="2"/>
  <c r="C8647" i="2"/>
  <c r="A8649" i="2" l="1"/>
  <c r="C8648" i="2"/>
  <c r="D8648" i="2"/>
  <c r="A8650" i="2" l="1"/>
  <c r="D8649" i="2"/>
  <c r="C8649" i="2"/>
  <c r="A8651" i="2" l="1"/>
  <c r="C8650" i="2"/>
  <c r="D8650" i="2"/>
  <c r="A8652" i="2" l="1"/>
  <c r="D8651" i="2"/>
  <c r="C8651" i="2"/>
  <c r="A8653" i="2" l="1"/>
  <c r="C8652" i="2"/>
  <c r="D8652" i="2"/>
  <c r="A8654" i="2" l="1"/>
  <c r="D8653" i="2"/>
  <c r="C8653" i="2"/>
  <c r="A8655" i="2" l="1"/>
  <c r="C8654" i="2"/>
  <c r="D8654" i="2"/>
  <c r="A8656" i="2" l="1"/>
  <c r="D8655" i="2"/>
  <c r="C8655" i="2"/>
  <c r="A8657" i="2" l="1"/>
  <c r="C8656" i="2"/>
  <c r="D8656" i="2"/>
  <c r="A8658" i="2" l="1"/>
  <c r="D8657" i="2"/>
  <c r="C8657" i="2"/>
  <c r="A8659" i="2" l="1"/>
  <c r="C8658" i="2"/>
  <c r="D8658" i="2"/>
  <c r="A8660" i="2" l="1"/>
  <c r="D8659" i="2"/>
  <c r="C8659" i="2"/>
  <c r="A8661" i="2" l="1"/>
  <c r="C8660" i="2"/>
  <c r="D8660" i="2"/>
  <c r="A8662" i="2" l="1"/>
  <c r="D8661" i="2"/>
  <c r="C8661" i="2"/>
  <c r="A8663" i="2" l="1"/>
  <c r="C8662" i="2"/>
  <c r="D8662" i="2"/>
  <c r="A8664" i="2" l="1"/>
  <c r="D8663" i="2"/>
  <c r="C8663" i="2"/>
  <c r="A8665" i="2" l="1"/>
  <c r="C8664" i="2"/>
  <c r="D8664" i="2"/>
  <c r="A8666" i="2" l="1"/>
  <c r="D8665" i="2"/>
  <c r="C8665" i="2"/>
  <c r="A8667" i="2" l="1"/>
  <c r="C8666" i="2"/>
  <c r="D8666" i="2"/>
  <c r="A8668" i="2" l="1"/>
  <c r="D8667" i="2"/>
  <c r="C8667" i="2"/>
  <c r="A8669" i="2" l="1"/>
  <c r="C8668" i="2"/>
  <c r="D8668" i="2"/>
  <c r="A8670" i="2" l="1"/>
  <c r="D8669" i="2"/>
  <c r="C8669" i="2"/>
  <c r="A8671" i="2" l="1"/>
  <c r="C8670" i="2"/>
  <c r="D8670" i="2"/>
  <c r="A8672" i="2" l="1"/>
  <c r="D8671" i="2"/>
  <c r="C8671" i="2"/>
  <c r="A8673" i="2" l="1"/>
  <c r="C8672" i="2"/>
  <c r="D8672" i="2"/>
  <c r="A8674" i="2" l="1"/>
  <c r="D8673" i="2"/>
  <c r="C8673" i="2"/>
  <c r="A8675" i="2" l="1"/>
  <c r="C8674" i="2"/>
  <c r="D8674" i="2"/>
  <c r="A8676" i="2" l="1"/>
  <c r="D8675" i="2"/>
  <c r="C8675" i="2"/>
  <c r="A8677" i="2" l="1"/>
  <c r="C8676" i="2"/>
  <c r="D8676" i="2"/>
  <c r="A8678" i="2" l="1"/>
  <c r="D8677" i="2"/>
  <c r="C8677" i="2"/>
  <c r="A8679" i="2" l="1"/>
  <c r="C8678" i="2"/>
  <c r="D8678" i="2"/>
  <c r="A8680" i="2" l="1"/>
  <c r="D8679" i="2"/>
  <c r="C8679" i="2"/>
  <c r="A8681" i="2" l="1"/>
  <c r="C8680" i="2"/>
  <c r="D8680" i="2"/>
  <c r="A8682" i="2" l="1"/>
  <c r="D8681" i="2"/>
  <c r="C8681" i="2"/>
  <c r="A8683" i="2" l="1"/>
  <c r="C8682" i="2"/>
  <c r="D8682" i="2"/>
  <c r="A8684" i="2" l="1"/>
  <c r="D8683" i="2"/>
  <c r="C8683" i="2"/>
  <c r="A8685" i="2" l="1"/>
  <c r="C8684" i="2"/>
  <c r="D8684" i="2"/>
  <c r="A8686" i="2" l="1"/>
  <c r="D8685" i="2"/>
  <c r="C8685" i="2"/>
  <c r="A8687" i="2" l="1"/>
  <c r="C8686" i="2"/>
  <c r="D8686" i="2"/>
  <c r="A8688" i="2" l="1"/>
  <c r="D8687" i="2"/>
  <c r="C8687" i="2"/>
  <c r="A8689" i="2" l="1"/>
  <c r="C8688" i="2"/>
  <c r="D8688" i="2"/>
  <c r="A8690" i="2" l="1"/>
  <c r="D8689" i="2"/>
  <c r="C8689" i="2"/>
  <c r="A8691" i="2" l="1"/>
  <c r="C8690" i="2"/>
  <c r="D8690" i="2"/>
  <c r="A8692" i="2" l="1"/>
  <c r="D8691" i="2"/>
  <c r="C8691" i="2"/>
  <c r="A8693" i="2" l="1"/>
  <c r="C8692" i="2"/>
  <c r="D8692" i="2"/>
  <c r="A8694" i="2" l="1"/>
  <c r="D8693" i="2"/>
  <c r="C8693" i="2"/>
  <c r="A8695" i="2" l="1"/>
  <c r="C8694" i="2"/>
  <c r="D8694" i="2"/>
  <c r="A8696" i="2" l="1"/>
  <c r="D8695" i="2"/>
  <c r="C8695" i="2"/>
  <c r="A8697" i="2" l="1"/>
  <c r="C8696" i="2"/>
  <c r="D8696" i="2"/>
  <c r="A8698" i="2" l="1"/>
  <c r="D8697" i="2"/>
  <c r="C8697" i="2"/>
  <c r="A8699" i="2" l="1"/>
  <c r="C8698" i="2"/>
  <c r="D8698" i="2"/>
  <c r="A8700" i="2" l="1"/>
  <c r="D8699" i="2"/>
  <c r="C8699" i="2"/>
  <c r="A8701" i="2" l="1"/>
  <c r="C8700" i="2"/>
  <c r="D8700" i="2"/>
  <c r="A8702" i="2" l="1"/>
  <c r="D8701" i="2"/>
  <c r="C8701" i="2"/>
  <c r="A8703" i="2" l="1"/>
  <c r="C8702" i="2"/>
  <c r="D8702" i="2"/>
  <c r="A8704" i="2" l="1"/>
  <c r="D8703" i="2"/>
  <c r="C8703" i="2"/>
  <c r="A8705" i="2" l="1"/>
  <c r="C8704" i="2"/>
  <c r="D8704" i="2"/>
  <c r="A8706" i="2" l="1"/>
  <c r="D8705" i="2"/>
  <c r="C8705" i="2"/>
  <c r="A8707" i="2" l="1"/>
  <c r="C8706" i="2"/>
  <c r="D8706" i="2"/>
  <c r="A8708" i="2" l="1"/>
  <c r="D8707" i="2"/>
  <c r="C8707" i="2"/>
  <c r="A8709" i="2" l="1"/>
  <c r="C8708" i="2"/>
  <c r="D8708" i="2"/>
  <c r="A8710" i="2" l="1"/>
  <c r="D8709" i="2"/>
  <c r="C8709" i="2"/>
  <c r="A8711" i="2" l="1"/>
  <c r="C8710" i="2"/>
  <c r="D8710" i="2"/>
  <c r="A8712" i="2" l="1"/>
  <c r="D8711" i="2"/>
  <c r="C8711" i="2"/>
  <c r="A8713" i="2" l="1"/>
  <c r="C8712" i="2"/>
  <c r="D8712" i="2"/>
  <c r="A8714" i="2" l="1"/>
  <c r="D8713" i="2"/>
  <c r="C8713" i="2"/>
  <c r="A8715" i="2" l="1"/>
  <c r="C8714" i="2"/>
  <c r="D8714" i="2"/>
  <c r="A8716" i="2" l="1"/>
  <c r="D8715" i="2"/>
  <c r="C8715" i="2"/>
  <c r="A8717" i="2" l="1"/>
  <c r="C8716" i="2"/>
  <c r="D8716" i="2"/>
  <c r="A8718" i="2" l="1"/>
  <c r="D8717" i="2"/>
  <c r="C8717" i="2"/>
  <c r="A8719" i="2" l="1"/>
  <c r="C8718" i="2"/>
  <c r="D8718" i="2"/>
  <c r="A8720" i="2" l="1"/>
  <c r="D8719" i="2"/>
  <c r="C8719" i="2"/>
  <c r="A8721" i="2" l="1"/>
  <c r="C8720" i="2"/>
  <c r="D8720" i="2"/>
  <c r="A8722" i="2" l="1"/>
  <c r="D8721" i="2"/>
  <c r="C8721" i="2"/>
  <c r="A8723" i="2" l="1"/>
  <c r="C8722" i="2"/>
  <c r="D8722" i="2"/>
  <c r="A8724" i="2" l="1"/>
  <c r="D8723" i="2"/>
  <c r="C8723" i="2"/>
  <c r="A8725" i="2" l="1"/>
  <c r="C8724" i="2"/>
  <c r="D8724" i="2"/>
  <c r="A8726" i="2" l="1"/>
  <c r="D8725" i="2"/>
  <c r="C8725" i="2"/>
  <c r="A8727" i="2" l="1"/>
  <c r="C8726" i="2"/>
  <c r="D8726" i="2"/>
  <c r="A8728" i="2" l="1"/>
  <c r="D8727" i="2"/>
  <c r="C8727" i="2"/>
  <c r="A8729" i="2" l="1"/>
  <c r="C8728" i="2"/>
  <c r="D8728" i="2"/>
  <c r="A8730" i="2" l="1"/>
  <c r="D8729" i="2"/>
  <c r="C8729" i="2"/>
  <c r="A8731" i="2" l="1"/>
  <c r="C8730" i="2"/>
  <c r="D8730" i="2"/>
  <c r="A8732" i="2" l="1"/>
  <c r="D8731" i="2"/>
  <c r="C8731" i="2"/>
  <c r="A8733" i="2" l="1"/>
  <c r="C8732" i="2"/>
  <c r="D8732" i="2"/>
  <c r="A8734" i="2" l="1"/>
  <c r="D8733" i="2"/>
  <c r="C8733" i="2"/>
  <c r="A8735" i="2" l="1"/>
  <c r="C8734" i="2"/>
  <c r="D8734" i="2"/>
  <c r="A8736" i="2" l="1"/>
  <c r="D8735" i="2"/>
  <c r="C8735" i="2"/>
  <c r="A8737" i="2" l="1"/>
  <c r="C8736" i="2"/>
  <c r="D8736" i="2"/>
  <c r="A8738" i="2" l="1"/>
  <c r="D8737" i="2"/>
  <c r="C8737" i="2"/>
  <c r="A8739" i="2" l="1"/>
  <c r="C8738" i="2"/>
  <c r="D8738" i="2"/>
  <c r="A8740" i="2" l="1"/>
  <c r="D8739" i="2"/>
  <c r="C8739" i="2"/>
  <c r="A8741" i="2" l="1"/>
  <c r="C8740" i="2"/>
  <c r="D8740" i="2"/>
  <c r="A8742" i="2" l="1"/>
  <c r="D8741" i="2"/>
  <c r="C8741" i="2"/>
  <c r="A8743" i="2" l="1"/>
  <c r="C8742" i="2"/>
  <c r="D8742" i="2"/>
  <c r="A8744" i="2" l="1"/>
  <c r="D8743" i="2"/>
  <c r="C8743" i="2"/>
  <c r="A8745" i="2" l="1"/>
  <c r="C8744" i="2"/>
  <c r="D8744" i="2"/>
  <c r="A8746" i="2" l="1"/>
  <c r="D8745" i="2"/>
  <c r="C8745" i="2"/>
  <c r="A8747" i="2" l="1"/>
  <c r="C8746" i="2"/>
  <c r="D8746" i="2"/>
  <c r="A8748" i="2" l="1"/>
  <c r="D8747" i="2"/>
  <c r="C8747" i="2"/>
  <c r="A8749" i="2" l="1"/>
  <c r="C8748" i="2"/>
  <c r="D8748" i="2"/>
  <c r="A8750" i="2" l="1"/>
  <c r="D8749" i="2"/>
  <c r="C8749" i="2"/>
  <c r="A8751" i="2" l="1"/>
  <c r="C8750" i="2"/>
  <c r="D8750" i="2"/>
  <c r="A8752" i="2" l="1"/>
  <c r="D8751" i="2"/>
  <c r="C8751" i="2"/>
  <c r="A8753" i="2" l="1"/>
  <c r="C8752" i="2"/>
  <c r="D8752" i="2"/>
  <c r="A8754" i="2" l="1"/>
  <c r="D8753" i="2"/>
  <c r="C8753" i="2"/>
  <c r="A8755" i="2" l="1"/>
  <c r="C8754" i="2"/>
  <c r="D8754" i="2"/>
  <c r="A8756" i="2" l="1"/>
  <c r="D8755" i="2"/>
  <c r="C8755" i="2"/>
  <c r="A8757" i="2" l="1"/>
  <c r="C8756" i="2"/>
  <c r="D8756" i="2"/>
  <c r="A8758" i="2" l="1"/>
  <c r="D8757" i="2"/>
  <c r="C8757" i="2"/>
  <c r="A8759" i="2" l="1"/>
  <c r="C8758" i="2"/>
  <c r="D8758" i="2"/>
  <c r="A8760" i="2" l="1"/>
  <c r="D8759" i="2"/>
  <c r="C8759" i="2"/>
  <c r="A8761" i="2" l="1"/>
  <c r="C8760" i="2"/>
  <c r="D8760" i="2"/>
  <c r="A8762" i="2" l="1"/>
  <c r="D8761" i="2"/>
  <c r="C8761" i="2"/>
  <c r="A8763" i="2" l="1"/>
  <c r="C8762" i="2"/>
  <c r="D8762" i="2"/>
  <c r="A8764" i="2" l="1"/>
  <c r="D8763" i="2"/>
  <c r="C8763" i="2"/>
  <c r="A8765" i="2" l="1"/>
  <c r="C8764" i="2"/>
  <c r="D8764" i="2"/>
  <c r="A8766" i="2" l="1"/>
  <c r="D8765" i="2"/>
  <c r="C8765" i="2"/>
  <c r="A8767" i="2" l="1"/>
  <c r="C8766" i="2"/>
  <c r="D8766" i="2"/>
  <c r="A8768" i="2" l="1"/>
  <c r="D8767" i="2"/>
  <c r="C8767" i="2"/>
  <c r="C8768" i="2" l="1"/>
  <c r="D8768" i="2"/>
</calcChain>
</file>

<file path=xl/comments1.xml><?xml version="1.0" encoding="utf-8"?>
<comments xmlns="http://schemas.openxmlformats.org/spreadsheetml/2006/main">
  <authors>
    <author>s207409</author>
  </authors>
  <commentList>
    <comment ref="C31" authorId="0" shapeId="0">
      <text>
        <r>
          <rPr>
            <b/>
            <sz val="9"/>
            <color indexed="81"/>
            <rFont val="Tahoma"/>
            <family val="2"/>
          </rPr>
          <t>s207409:</t>
        </r>
        <r>
          <rPr>
            <sz val="9"/>
            <color indexed="81"/>
            <rFont val="Tahoma"/>
            <family val="2"/>
          </rPr>
          <t xml:space="preserve">
total bills divided by 12 from rev file</t>
        </r>
      </text>
    </comment>
  </commentList>
</comments>
</file>

<file path=xl/sharedStrings.xml><?xml version="1.0" encoding="utf-8"?>
<sst xmlns="http://schemas.openxmlformats.org/spreadsheetml/2006/main" count="166" uniqueCount="74">
  <si>
    <t>EDF</t>
  </si>
  <si>
    <t>Pikeville</t>
  </si>
  <si>
    <t>Date / Hour Ending</t>
  </si>
  <si>
    <t>Appendix A</t>
  </si>
  <si>
    <t>Projected Hourly Supply Data</t>
  </si>
  <si>
    <t>KPCo Solar RFP</t>
  </si>
  <si>
    <t xml:space="preserve">Total </t>
  </si>
  <si>
    <t>Hour</t>
  </si>
  <si>
    <t>Month</t>
  </si>
  <si>
    <t>Row Labels</t>
  </si>
  <si>
    <t>Grand Total</t>
  </si>
  <si>
    <t>begin</t>
  </si>
  <si>
    <t>end</t>
  </si>
  <si>
    <t>midnight</t>
  </si>
  <si>
    <t>M</t>
  </si>
  <si>
    <t>AM</t>
  </si>
  <si>
    <t>PM</t>
  </si>
  <si>
    <t>Summer</t>
  </si>
  <si>
    <t>Kentucky Power Company</t>
  </si>
  <si>
    <t>Residential Class Load Data</t>
  </si>
  <si>
    <t>Date/Time</t>
  </si>
  <si>
    <t>Profile Demand</t>
  </si>
  <si>
    <t>Class Demand</t>
  </si>
  <si>
    <t>Average of Class Demand</t>
  </si>
  <si>
    <t>Avg Customer</t>
  </si>
  <si>
    <t>Avg Customers</t>
  </si>
  <si>
    <t>Typical  Res</t>
  </si>
  <si>
    <t>Customer</t>
  </si>
  <si>
    <t>kWh/Month</t>
  </si>
  <si>
    <t>Shape %</t>
  </si>
  <si>
    <t xml:space="preserve">Typical  </t>
  </si>
  <si>
    <t>kW-ICAP</t>
  </si>
  <si>
    <t xml:space="preserve">Typical </t>
  </si>
  <si>
    <t>Solar</t>
  </si>
  <si>
    <t>Net Excess Gen</t>
  </si>
  <si>
    <t xml:space="preserve">12CP </t>
  </si>
  <si>
    <t>Hours wt</t>
  </si>
  <si>
    <t>Hours Wt</t>
  </si>
  <si>
    <t xml:space="preserve">HE </t>
  </si>
  <si>
    <t>Excess %</t>
  </si>
  <si>
    <t>Wtd Hours Excess</t>
  </si>
  <si>
    <t xml:space="preserve">12 CP </t>
  </si>
  <si>
    <t xml:space="preserve"> Wtd Excess Gen %</t>
  </si>
  <si>
    <t>Hour of the Day</t>
  </si>
  <si>
    <t>Peak 5CP</t>
  </si>
  <si>
    <t>Net Billing kWh</t>
  </si>
  <si>
    <t>Netted kWh</t>
  </si>
  <si>
    <t>Total annual MWh from solar plant</t>
  </si>
  <si>
    <t>Solar Pk Reduction MW</t>
  </si>
  <si>
    <t>Price</t>
  </si>
  <si>
    <t>$ Value</t>
  </si>
  <si>
    <t>G Capacity</t>
  </si>
  <si>
    <t>T Avoided Cost</t>
  </si>
  <si>
    <t>Net Metering Shape Discount</t>
  </si>
  <si>
    <t>Gen Capacity</t>
  </si>
  <si>
    <t>Cogen SPP Energy</t>
  </si>
  <si>
    <t>$/kWh</t>
  </si>
  <si>
    <t>On Pk</t>
  </si>
  <si>
    <t>input from cogen spp rate design</t>
  </si>
  <si>
    <t>Off Pk</t>
  </si>
  <si>
    <t>5/7 on-pk 2/7 off-pk</t>
  </si>
  <si>
    <t>Energy</t>
  </si>
  <si>
    <t>T Fixed Cost</t>
  </si>
  <si>
    <t>NMS Price for Excess Gen</t>
  </si>
  <si>
    <t>Full Solar Output Shape Value From Example Solar Plant</t>
  </si>
  <si>
    <t xml:space="preserve"> $/kWh Price</t>
  </si>
  <si>
    <t>NMS II Excess Generation Pricing</t>
  </si>
  <si>
    <t>Exhibit AEV - 3</t>
  </si>
  <si>
    <t>Example of Typical Customer and Typical Solar Install</t>
  </si>
  <si>
    <t>NMS Solar System</t>
  </si>
  <si>
    <t>Avg Monthly kWh</t>
  </si>
  <si>
    <t>Average of Solar Gen</t>
  </si>
  <si>
    <t>Utility Scale (20 MW) Fixed Tilt Solar Profile Eastern KY</t>
  </si>
  <si>
    <t xml:space="preserve">Sample Solar Project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0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#,##0&quot; MWh&quot;"/>
    <numFmt numFmtId="165" formatCode="m/dd/yy\-hh"/>
    <numFmt numFmtId="166" formatCode="0.000"/>
    <numFmt numFmtId="167" formatCode="_(* #,##0_);_(* \(#,##0\);_(* &quot;-&quot;??_);_(@_)"/>
    <numFmt numFmtId="168" formatCode="#,##0.000"/>
    <numFmt numFmtId="170" formatCode="_(&quot;$&quot;* #,##0_);_(&quot;$&quot;* \(#,##0\);_(&quot;$&quot;* &quot;-&quot;??_);_(@_)"/>
    <numFmt numFmtId="171" formatCode="0.0000"/>
    <numFmt numFmtId="172" formatCode="0.00000"/>
  </numFmts>
  <fonts count="1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20"/>
      <color theme="1"/>
      <name val="Calibri"/>
      <family val="2"/>
      <scheme val="minor"/>
    </font>
    <font>
      <sz val="20"/>
      <color theme="1"/>
      <name val="Calibri"/>
      <family val="2"/>
      <scheme val="minor"/>
    </font>
    <font>
      <b/>
      <sz val="10"/>
      <name val="Times New Roman"/>
      <family val="1"/>
    </font>
    <font>
      <b/>
      <sz val="10"/>
      <color rgb="FFFF0000"/>
      <name val="Times New Roman"/>
      <family val="1"/>
    </font>
    <font>
      <sz val="10"/>
      <name val="Times New Roman"/>
      <family val="1"/>
    </font>
    <font>
      <b/>
      <sz val="12"/>
      <name val="Arial"/>
      <family val="2"/>
    </font>
    <font>
      <sz val="11"/>
      <name val="Arial"/>
      <family val="2"/>
    </font>
    <font>
      <b/>
      <sz val="11"/>
      <color theme="1"/>
      <name val="Calibri"/>
      <family val="2"/>
      <scheme val="minor"/>
    </font>
    <font>
      <sz val="9"/>
      <color indexed="81"/>
      <name val="Tahoma"/>
      <family val="2"/>
    </font>
    <font>
      <b/>
      <sz val="9"/>
      <color indexed="81"/>
      <name val="Tahoma"/>
      <family val="2"/>
    </font>
    <font>
      <b/>
      <u/>
      <sz val="11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b/>
      <sz val="12"/>
      <color theme="1"/>
      <name val="Calibri"/>
      <family val="2"/>
      <scheme val="minor"/>
    </font>
    <font>
      <u/>
      <sz val="11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theme="4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6">
    <xf numFmtId="0" fontId="0" fillId="0" borderId="0"/>
    <xf numFmtId="0" fontId="1" fillId="0" borderId="0"/>
    <xf numFmtId="43" fontId="1" fillId="0" borderId="0" applyFont="0" applyFill="0" applyBorder="0" applyAlignment="0" applyProtection="0"/>
    <xf numFmtId="0" fontId="1" fillId="0" borderId="0"/>
    <xf numFmtId="9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78">
    <xf numFmtId="0" fontId="0" fillId="0" borderId="0" xfId="0"/>
    <xf numFmtId="0" fontId="3" fillId="0" borderId="1" xfId="0" applyFont="1" applyBorder="1" applyAlignment="1">
      <alignment horizontal="center" vertical="center"/>
    </xf>
    <xf numFmtId="0" fontId="0" fillId="0" borderId="1" xfId="0" applyBorder="1"/>
    <xf numFmtId="0" fontId="2" fillId="2" borderId="1" xfId="0" applyFont="1" applyFill="1" applyBorder="1" applyAlignment="1">
      <alignment horizontal="left" vertical="center" wrapText="1"/>
    </xf>
    <xf numFmtId="0" fontId="2" fillId="0" borderId="1" xfId="0" applyFont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 wrapText="1"/>
    </xf>
    <xf numFmtId="165" fontId="5" fillId="0" borderId="1" xfId="0" applyNumberFormat="1" applyFont="1" applyFill="1" applyBorder="1" applyAlignment="1">
      <alignment horizontal="center"/>
    </xf>
    <xf numFmtId="165" fontId="6" fillId="0" borderId="1" xfId="0" applyNumberFormat="1" applyFont="1" applyFill="1" applyBorder="1" applyAlignment="1">
      <alignment horizontal="center"/>
    </xf>
    <xf numFmtId="166" fontId="0" fillId="3" borderId="1" xfId="0" applyNumberFormat="1" applyFont="1" applyFill="1" applyBorder="1" applyAlignment="1">
      <alignment horizontal="center"/>
    </xf>
    <xf numFmtId="164" fontId="3" fillId="0" borderId="1" xfId="0" applyNumberFormat="1" applyFont="1" applyBorder="1" applyAlignment="1">
      <alignment horizontal="center" vertical="center"/>
    </xf>
    <xf numFmtId="164" fontId="3" fillId="0" borderId="2" xfId="0" applyNumberFormat="1" applyFont="1" applyFill="1" applyBorder="1" applyAlignment="1">
      <alignment horizontal="center" vertical="center"/>
    </xf>
    <xf numFmtId="0" fontId="0" fillId="0" borderId="0" xfId="0" pivotButton="1"/>
    <xf numFmtId="0" fontId="0" fillId="0" borderId="0" xfId="0" applyAlignment="1">
      <alignment horizontal="left"/>
    </xf>
    <xf numFmtId="43" fontId="0" fillId="0" borderId="0" xfId="2" applyFont="1"/>
    <xf numFmtId="0" fontId="0" fillId="0" borderId="0" xfId="0" quotePrefix="1"/>
    <xf numFmtId="0" fontId="0" fillId="0" borderId="0" xfId="0" applyAlignment="1">
      <alignment horizontal="center"/>
    </xf>
    <xf numFmtId="43" fontId="0" fillId="0" borderId="0" xfId="0" applyNumberFormat="1"/>
    <xf numFmtId="0" fontId="0" fillId="0" borderId="3" xfId="0" applyBorder="1"/>
    <xf numFmtId="43" fontId="0" fillId="0" borderId="3" xfId="2" applyFont="1" applyBorder="1"/>
    <xf numFmtId="0" fontId="0" fillId="0" borderId="3" xfId="0" applyBorder="1" applyAlignment="1">
      <alignment horizontal="center"/>
    </xf>
    <xf numFmtId="22" fontId="0" fillId="0" borderId="0" xfId="0" applyNumberFormat="1"/>
    <xf numFmtId="167" fontId="0" fillId="0" borderId="0" xfId="2" applyNumberFormat="1" applyFont="1"/>
    <xf numFmtId="168" fontId="0" fillId="0" borderId="0" xfId="0" applyNumberFormat="1"/>
    <xf numFmtId="167" fontId="0" fillId="0" borderId="0" xfId="0" applyNumberFormat="1"/>
    <xf numFmtId="0" fontId="0" fillId="0" borderId="0" xfId="0" applyAlignment="1">
      <alignment horizontal="center"/>
    </xf>
    <xf numFmtId="0" fontId="0" fillId="0" borderId="0" xfId="0" applyFill="1" applyBorder="1" applyAlignment="1">
      <alignment horizontal="center"/>
    </xf>
    <xf numFmtId="0" fontId="0" fillId="0" borderId="3" xfId="0" applyFill="1" applyBorder="1" applyAlignment="1">
      <alignment horizontal="center"/>
    </xf>
    <xf numFmtId="0" fontId="0" fillId="0" borderId="0" xfId="0" applyBorder="1" applyAlignment="1">
      <alignment horizontal="center"/>
    </xf>
    <xf numFmtId="0" fontId="0" fillId="0" borderId="0" xfId="0" applyAlignment="1">
      <alignment horizontal="right"/>
    </xf>
    <xf numFmtId="9" fontId="0" fillId="0" borderId="0" xfId="4" applyFont="1"/>
    <xf numFmtId="10" fontId="0" fillId="0" borderId="0" xfId="4" applyNumberFormat="1" applyFont="1"/>
    <xf numFmtId="43" fontId="9" fillId="0" borderId="0" xfId="0" applyNumberFormat="1" applyFont="1"/>
    <xf numFmtId="10" fontId="9" fillId="0" borderId="0" xfId="4" applyNumberFormat="1" applyFont="1"/>
    <xf numFmtId="0" fontId="0" fillId="0" borderId="0" xfId="0" applyAlignment="1">
      <alignment horizontal="center"/>
    </xf>
    <xf numFmtId="0" fontId="0" fillId="0" borderId="0" xfId="0" applyFill="1"/>
    <xf numFmtId="0" fontId="0" fillId="0" borderId="5" xfId="0" applyBorder="1"/>
    <xf numFmtId="0" fontId="0" fillId="0" borderId="6" xfId="0" applyBorder="1"/>
    <xf numFmtId="0" fontId="0" fillId="0" borderId="7" xfId="0" applyBorder="1"/>
    <xf numFmtId="0" fontId="0" fillId="0" borderId="0" xfId="0" applyBorder="1"/>
    <xf numFmtId="167" fontId="0" fillId="0" borderId="0" xfId="2" applyNumberFormat="1" applyFont="1" applyBorder="1"/>
    <xf numFmtId="0" fontId="0" fillId="0" borderId="8" xfId="0" applyBorder="1"/>
    <xf numFmtId="43" fontId="0" fillId="0" borderId="0" xfId="0" applyNumberFormat="1" applyBorder="1"/>
    <xf numFmtId="170" fontId="0" fillId="0" borderId="0" xfId="5" applyNumberFormat="1" applyFont="1" applyBorder="1"/>
    <xf numFmtId="171" fontId="0" fillId="0" borderId="0" xfId="0" applyNumberFormat="1" applyBorder="1"/>
    <xf numFmtId="0" fontId="0" fillId="0" borderId="9" xfId="0" applyBorder="1"/>
    <xf numFmtId="43" fontId="0" fillId="0" borderId="10" xfId="0" applyNumberFormat="1" applyBorder="1"/>
    <xf numFmtId="170" fontId="0" fillId="0" borderId="10" xfId="5" applyNumberFormat="1" applyFont="1" applyBorder="1"/>
    <xf numFmtId="171" fontId="0" fillId="0" borderId="10" xfId="0" applyNumberFormat="1" applyBorder="1"/>
    <xf numFmtId="0" fontId="0" fillId="0" borderId="10" xfId="0" applyBorder="1"/>
    <xf numFmtId="0" fontId="0" fillId="0" borderId="11" xfId="0" applyBorder="1"/>
    <xf numFmtId="0" fontId="9" fillId="0" borderId="0" xfId="0" applyFont="1"/>
    <xf numFmtId="172" fontId="0" fillId="0" borderId="0" xfId="0" applyNumberFormat="1"/>
    <xf numFmtId="16" fontId="0" fillId="0" borderId="0" xfId="0" applyNumberFormat="1"/>
    <xf numFmtId="0" fontId="12" fillId="0" borderId="0" xfId="0" applyFont="1"/>
    <xf numFmtId="172" fontId="0" fillId="0" borderId="0" xfId="0" applyNumberFormat="1" applyFill="1"/>
    <xf numFmtId="0" fontId="0" fillId="0" borderId="3" xfId="0" applyFill="1" applyBorder="1"/>
    <xf numFmtId="172" fontId="0" fillId="0" borderId="3" xfId="0" applyNumberFormat="1" applyFill="1" applyBorder="1"/>
    <xf numFmtId="0" fontId="13" fillId="0" borderId="0" xfId="0" applyFont="1" applyFill="1"/>
    <xf numFmtId="172" fontId="13" fillId="0" borderId="0" xfId="0" applyNumberFormat="1" applyFont="1" applyFill="1"/>
    <xf numFmtId="0" fontId="14" fillId="0" borderId="0" xfId="0" applyFont="1"/>
    <xf numFmtId="0" fontId="0" fillId="4" borderId="0" xfId="0" quotePrefix="1" applyFill="1"/>
    <xf numFmtId="0" fontId="0" fillId="4" borderId="0" xfId="0" applyFill="1"/>
    <xf numFmtId="0" fontId="15" fillId="0" borderId="0" xfId="0" applyFont="1"/>
    <xf numFmtId="167" fontId="0" fillId="4" borderId="0" xfId="2" applyNumberFormat="1" applyFont="1" applyFill="1"/>
    <xf numFmtId="167" fontId="0" fillId="0" borderId="3" xfId="2" applyNumberFormat="1" applyFont="1" applyBorder="1"/>
    <xf numFmtId="43" fontId="0" fillId="0" borderId="0" xfId="2" applyFont="1" applyBorder="1"/>
    <xf numFmtId="0" fontId="0" fillId="0" borderId="0" xfId="0" applyAlignment="1">
      <alignment horizontal="center"/>
    </xf>
    <xf numFmtId="0" fontId="9" fillId="0" borderId="4" xfId="0" applyFont="1" applyBorder="1" applyAlignment="1">
      <alignment horizontal="center"/>
    </xf>
    <xf numFmtId="0" fontId="9" fillId="0" borderId="5" xfId="0" applyFont="1" applyBorder="1" applyAlignment="1">
      <alignment horizontal="center"/>
    </xf>
    <xf numFmtId="0" fontId="9" fillId="0" borderId="3" xfId="0" applyFont="1" applyBorder="1" applyAlignment="1">
      <alignment horizontal="center"/>
    </xf>
    <xf numFmtId="0" fontId="7" fillId="0" borderId="1" xfId="0" applyFont="1" applyBorder="1" applyAlignment="1">
      <alignment horizontal="center"/>
    </xf>
    <xf numFmtId="0" fontId="8" fillId="0" borderId="1" xfId="0" applyFont="1" applyBorder="1" applyAlignment="1">
      <alignment horizontal="center"/>
    </xf>
    <xf numFmtId="0" fontId="0" fillId="0" borderId="0" xfId="0" quotePrefix="1" applyFill="1"/>
    <xf numFmtId="0" fontId="0" fillId="0" borderId="0" xfId="0" applyFill="1" applyAlignment="1">
      <alignment horizontal="left"/>
    </xf>
    <xf numFmtId="167" fontId="0" fillId="0" borderId="0" xfId="0" applyNumberFormat="1" applyFill="1"/>
    <xf numFmtId="43" fontId="0" fillId="0" borderId="0" xfId="2" applyFont="1" applyFill="1"/>
    <xf numFmtId="43" fontId="0" fillId="0" borderId="0" xfId="0" applyNumberFormat="1" applyFill="1"/>
    <xf numFmtId="167" fontId="0" fillId="0" borderId="0" xfId="2" applyNumberFormat="1" applyFont="1" applyFill="1"/>
  </cellXfs>
  <cellStyles count="6">
    <cellStyle name="Comma" xfId="2" builtinId="3"/>
    <cellStyle name="Currency" xfId="5" builtinId="4"/>
    <cellStyle name="Normal" xfId="0" builtinId="0"/>
    <cellStyle name="Normal 299" xfId="3"/>
    <cellStyle name="Normal 3" xfId="1"/>
    <cellStyle name="Percent" xfId="4" builtinId="5"/>
  </cellStyles>
  <dxfs count="10"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fill>
        <patternFill patternType="none">
          <bgColor auto="1"/>
        </patternFill>
      </fill>
    </dxf>
    <dxf>
      <numFmt numFmtId="167" formatCode="_(* #,##0_);_(* \(#,##0\);_(* &quot;-&quot;??_);_(@_)"/>
    </dxf>
    <dxf>
      <numFmt numFmtId="169" formatCode="_(* #,##0.0_);_(* \(#,##0.0\);_(* &quot;-&quot;??_);_(@_)"/>
    </dxf>
    <dxf>
      <numFmt numFmtId="35" formatCode="_(* #,##0.00_);_(* \(#,##0.0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13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7" Type="http://schemas.openxmlformats.org/officeDocument/2006/relationships/pivotCacheDefinition" Target="pivotCache/pivotCacheDefinition1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customXml" Target="../customXml/item4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Relationship Id="rId14" Type="http://schemas.openxmlformats.org/officeDocument/2006/relationships/customXml" Target="../customXml/item3.xml"/></Relationships>
</file>

<file path=xl/pivotCache/_rels/pivotCacheDefinition1.xml.rels><?xml version="1.0" encoding="UTF-8" standalone="yes"?>
<Relationships xmlns="http://schemas.openxmlformats.org/package/2006/relationships"><Relationship Id="rId2" Type="http://schemas.openxmlformats.org/officeDocument/2006/relationships/externalLinkPath" Target="/Users/s207409/AppData/Local/Microsoft/Windows/INetCache/Content.Outlook/LZL1IJTB/KPCO%202020%20Base%20Case%20-%20Residential%20for%20Rate%20Design.xlsx" TargetMode="External"/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r:id="rId1" refreshedBy="s207409" refreshedDate="43978.680946759261" createdVersion="6" refreshedVersion="6" minRefreshableVersion="3" recordCount="8784">
  <cacheSource type="worksheet">
    <worksheetSource ref="C5:D8789" sheet="RS" r:id="rId2"/>
  </cacheSource>
  <cacheFields count="2">
    <cacheField name="Class Demand" numFmtId="167">
      <sharedItems containsSemiMixedTypes="0" containsString="0" containsNumber="1" minValue="0" maxValue="746333.19036382181"/>
    </cacheField>
    <cacheField name="Hour" numFmtId="0">
      <sharedItems containsSemiMixedTypes="0" containsString="0" containsNumber="1" containsInteger="1" minValue="0" maxValue="23" count="24">
        <n v="0"/>
        <n v="1"/>
        <n v="2"/>
        <n v="3"/>
        <n v="4"/>
        <n v="5"/>
        <n v="6"/>
        <n v="7"/>
        <n v="8"/>
        <n v="9"/>
        <n v="10"/>
        <n v="11"/>
        <n v="12"/>
        <n v="13"/>
        <n v="14"/>
        <n v="15"/>
        <n v="16"/>
        <n v="17"/>
        <n v="18"/>
        <n v="19"/>
        <n v="20"/>
        <n v="21"/>
        <n v="22"/>
        <n v="23"/>
      </sharedItems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count="8784">
  <r>
    <n v="404796.35191523808"/>
    <x v="0"/>
  </r>
  <r>
    <n v="389412.22166935017"/>
    <x v="1"/>
  </r>
  <r>
    <n v="385225.04056903446"/>
    <x v="2"/>
  </r>
  <r>
    <n v="403113.53936335316"/>
    <x v="3"/>
  </r>
  <r>
    <n v="453509.8379791542"/>
    <x v="4"/>
  </r>
  <r>
    <n v="487370.77200089587"/>
    <x v="5"/>
  </r>
  <r>
    <n v="520622.89590712806"/>
    <x v="6"/>
  </r>
  <r>
    <n v="526734.94018273184"/>
    <x v="7"/>
  </r>
  <r>
    <n v="536372.55779278849"/>
    <x v="8"/>
  </r>
  <r>
    <n v="456989.28499426722"/>
    <x v="9"/>
  </r>
  <r>
    <n v="384348.51771634532"/>
    <x v="10"/>
  </r>
  <r>
    <n v="335012.1421634921"/>
    <x v="11"/>
  </r>
  <r>
    <n v="324406.87459337281"/>
    <x v="12"/>
  </r>
  <r>
    <n v="273773.04794359807"/>
    <x v="13"/>
  </r>
  <r>
    <n v="253847.6239843264"/>
    <x v="14"/>
  </r>
  <r>
    <n v="247378.62257108121"/>
    <x v="15"/>
  </r>
  <r>
    <n v="239965.52549837675"/>
    <x v="16"/>
  </r>
  <r>
    <n v="264874.10629755596"/>
    <x v="17"/>
  </r>
  <r>
    <n v="242098.55057265516"/>
    <x v="18"/>
  </r>
  <r>
    <n v="306992.12215784553"/>
    <x v="19"/>
  </r>
  <r>
    <n v="324813.88717782218"/>
    <x v="20"/>
  </r>
  <r>
    <n v="332149.77280293615"/>
    <x v="21"/>
  </r>
  <r>
    <n v="327158.24610295321"/>
    <x v="22"/>
  </r>
  <r>
    <n v="336822.93785697006"/>
    <x v="23"/>
  </r>
  <r>
    <n v="324365.74154019053"/>
    <x v="0"/>
  </r>
  <r>
    <n v="360785.49936136708"/>
    <x v="1"/>
  </r>
  <r>
    <n v="381665.16922605748"/>
    <x v="2"/>
  </r>
  <r>
    <n v="360837.80587078701"/>
    <x v="3"/>
  </r>
  <r>
    <n v="390467.68353548512"/>
    <x v="4"/>
  </r>
  <r>
    <n v="418548.62548109383"/>
    <x v="5"/>
  </r>
  <r>
    <n v="466000.82069931889"/>
    <x v="6"/>
  </r>
  <r>
    <n v="448296.58161189244"/>
    <x v="7"/>
  </r>
  <r>
    <n v="439476.05880156904"/>
    <x v="8"/>
  </r>
  <r>
    <n v="385794.19105416216"/>
    <x v="9"/>
  </r>
  <r>
    <n v="306482.48158249597"/>
    <x v="10"/>
  </r>
  <r>
    <n v="285967.13596944977"/>
    <x v="11"/>
  </r>
  <r>
    <n v="259472.57923911145"/>
    <x v="12"/>
  </r>
  <r>
    <n v="287903.00888733094"/>
    <x v="13"/>
  </r>
  <r>
    <n v="221062.22721437734"/>
    <x v="14"/>
  </r>
  <r>
    <n v="222608.952799266"/>
    <x v="15"/>
  </r>
  <r>
    <n v="249244.89672584145"/>
    <x v="16"/>
  </r>
  <r>
    <n v="220877.90611486835"/>
    <x v="17"/>
  </r>
  <r>
    <n v="231859.14206959735"/>
    <x v="18"/>
  </r>
  <r>
    <n v="239346.74931475794"/>
    <x v="19"/>
  </r>
  <r>
    <n v="326877.57952365198"/>
    <x v="20"/>
  </r>
  <r>
    <n v="306095.62624052656"/>
    <x v="21"/>
  </r>
  <r>
    <n v="289623.20954278001"/>
    <x v="22"/>
  </r>
  <r>
    <n v="295872.30260304152"/>
    <x v="23"/>
  </r>
  <r>
    <n v="271981.12024764949"/>
    <x v="0"/>
  </r>
  <r>
    <n v="309438.82257499883"/>
    <x v="1"/>
  </r>
  <r>
    <n v="344701.32957156835"/>
    <x v="2"/>
  </r>
  <r>
    <n v="355403.69979708566"/>
    <x v="3"/>
  </r>
  <r>
    <n v="387258.60960427503"/>
    <x v="4"/>
  </r>
  <r>
    <n v="383630.14224424976"/>
    <x v="5"/>
  </r>
  <r>
    <n v="420953.94727459812"/>
    <x v="6"/>
  </r>
  <r>
    <n v="441214.16563688609"/>
    <x v="7"/>
  </r>
  <r>
    <n v="461125.67393637472"/>
    <x v="8"/>
  </r>
  <r>
    <n v="382059.43261044088"/>
    <x v="9"/>
  </r>
  <r>
    <n v="267978.8946372153"/>
    <x v="10"/>
  </r>
  <r>
    <n v="220377.12654052777"/>
    <x v="11"/>
  </r>
  <r>
    <n v="182192.49470315734"/>
    <x v="12"/>
  </r>
  <r>
    <n v="176557.94173596305"/>
    <x v="13"/>
  </r>
  <r>
    <n v="168571.70365804603"/>
    <x v="14"/>
  </r>
  <r>
    <n v="194678.77065604244"/>
    <x v="15"/>
  </r>
  <r>
    <n v="188039.58890933249"/>
    <x v="16"/>
  </r>
  <r>
    <n v="195771.55923312498"/>
    <x v="17"/>
  </r>
  <r>
    <n v="185643.80343562076"/>
    <x v="18"/>
  </r>
  <r>
    <n v="184380.93684610131"/>
    <x v="19"/>
  </r>
  <r>
    <n v="226397.08189109649"/>
    <x v="20"/>
  </r>
  <r>
    <n v="226779.39417943085"/>
    <x v="21"/>
  </r>
  <r>
    <n v="199341.64221467805"/>
    <x v="22"/>
  </r>
  <r>
    <n v="196510.82865910078"/>
    <x v="23"/>
  </r>
  <r>
    <n v="188151.32347170837"/>
    <x v="0"/>
  </r>
  <r>
    <n v="200740.10463026026"/>
    <x v="1"/>
  </r>
  <r>
    <n v="214870.88414221565"/>
    <x v="2"/>
  </r>
  <r>
    <n v="221879.44479934391"/>
    <x v="3"/>
  </r>
  <r>
    <n v="220670.62417671722"/>
    <x v="4"/>
  </r>
  <r>
    <n v="253263.14580923173"/>
    <x v="5"/>
  </r>
  <r>
    <n v="317391.72446205316"/>
    <x v="6"/>
  </r>
  <r>
    <n v="336766.23154335411"/>
    <x v="7"/>
  </r>
  <r>
    <n v="301854.35824490688"/>
    <x v="8"/>
  </r>
  <r>
    <n v="247617.03056589418"/>
    <x v="9"/>
  </r>
  <r>
    <n v="208400.49116299217"/>
    <x v="10"/>
  </r>
  <r>
    <n v="185240.65858602288"/>
    <x v="11"/>
  </r>
  <r>
    <n v="160169.54083415683"/>
    <x v="12"/>
  </r>
  <r>
    <n v="136309.61755276282"/>
    <x v="13"/>
  </r>
  <r>
    <n v="144132.50010977045"/>
    <x v="14"/>
  </r>
  <r>
    <n v="167089.81890848486"/>
    <x v="15"/>
  </r>
  <r>
    <n v="148760.42903740666"/>
    <x v="16"/>
  </r>
  <r>
    <n v="186238.20675041364"/>
    <x v="17"/>
  </r>
  <r>
    <n v="212742.99558353363"/>
    <x v="18"/>
  </r>
  <r>
    <n v="184740.08365373797"/>
    <x v="19"/>
  </r>
  <r>
    <n v="198896.17738797519"/>
    <x v="20"/>
  </r>
  <r>
    <n v="219580.29130430231"/>
    <x v="21"/>
  </r>
  <r>
    <n v="210429.76271506443"/>
    <x v="22"/>
  </r>
  <r>
    <n v="161082.77647162662"/>
    <x v="23"/>
  </r>
  <r>
    <n v="125973.78171309053"/>
    <x v="0"/>
  </r>
  <r>
    <n v="122680.12922028711"/>
    <x v="1"/>
  </r>
  <r>
    <n v="102681.09551360406"/>
    <x v="2"/>
  </r>
  <r>
    <n v="104549.47748153731"/>
    <x v="3"/>
  </r>
  <r>
    <n v="122091.45588305197"/>
    <x v="4"/>
  </r>
  <r>
    <n v="132234.66215575652"/>
    <x v="5"/>
  </r>
  <r>
    <n v="175755.70394946885"/>
    <x v="6"/>
  </r>
  <r>
    <n v="197299.68285515651"/>
    <x v="7"/>
  </r>
  <r>
    <n v="200966.92988472435"/>
    <x v="8"/>
  </r>
  <r>
    <n v="164338.03811479319"/>
    <x v="9"/>
  </r>
  <r>
    <n v="173829.40827979133"/>
    <x v="10"/>
  </r>
  <r>
    <n v="150386.67852511443"/>
    <x v="11"/>
  </r>
  <r>
    <n v="142075.19259607643"/>
    <x v="12"/>
  </r>
  <r>
    <n v="149183.77205789555"/>
    <x v="13"/>
  </r>
  <r>
    <n v="150877.99340438197"/>
    <x v="14"/>
  </r>
  <r>
    <n v="158293.13689764278"/>
    <x v="15"/>
  </r>
  <r>
    <n v="150432.46718506241"/>
    <x v="16"/>
  </r>
  <r>
    <n v="175697.6265340801"/>
    <x v="17"/>
  </r>
  <r>
    <n v="168995.9471035797"/>
    <x v="18"/>
  </r>
  <r>
    <n v="167739.03559787915"/>
    <x v="19"/>
  </r>
  <r>
    <n v="208819.96644862957"/>
    <x v="20"/>
  </r>
  <r>
    <n v="231908.80869649959"/>
    <x v="21"/>
  </r>
  <r>
    <n v="204024.17987486004"/>
    <x v="22"/>
  </r>
  <r>
    <n v="182112.62290884359"/>
    <x v="23"/>
  </r>
  <r>
    <n v="160009.11169464301"/>
    <x v="0"/>
  </r>
  <r>
    <n v="137472.79276488049"/>
    <x v="1"/>
  </r>
  <r>
    <n v="138083.79255038523"/>
    <x v="2"/>
  </r>
  <r>
    <n v="125245.22529872716"/>
    <x v="3"/>
  </r>
  <r>
    <n v="126713.65483313044"/>
    <x v="4"/>
  </r>
  <r>
    <n v="137135.4812645799"/>
    <x v="5"/>
  </r>
  <r>
    <n v="149893.02049430989"/>
    <x v="6"/>
  </r>
  <r>
    <n v="153903.58526851115"/>
    <x v="7"/>
  </r>
  <r>
    <n v="181764.93605632239"/>
    <x v="8"/>
  </r>
  <r>
    <n v="227150.22604844422"/>
    <x v="9"/>
  </r>
  <r>
    <n v="188498.47825488492"/>
    <x v="10"/>
  </r>
  <r>
    <n v="173258.68205083525"/>
    <x v="11"/>
  </r>
  <r>
    <n v="187354.34498604396"/>
    <x v="12"/>
  </r>
  <r>
    <n v="195161.31662322607"/>
    <x v="13"/>
  </r>
  <r>
    <n v="204914.37281686548"/>
    <x v="14"/>
  </r>
  <r>
    <n v="202652.15721286566"/>
    <x v="15"/>
  </r>
  <r>
    <n v="215517.67582325067"/>
    <x v="16"/>
  </r>
  <r>
    <n v="216068.67455804371"/>
    <x v="17"/>
  </r>
  <r>
    <n v="186943.97627188225"/>
    <x v="18"/>
  </r>
  <r>
    <n v="208479.31928282217"/>
    <x v="19"/>
  </r>
  <r>
    <n v="189186.42345330783"/>
    <x v="20"/>
  </r>
  <r>
    <n v="224960.71976681097"/>
    <x v="21"/>
  </r>
  <r>
    <n v="207829.60122039157"/>
    <x v="22"/>
  </r>
  <r>
    <n v="174806.12388291859"/>
    <x v="23"/>
  </r>
  <r>
    <n v="150075.42819059876"/>
    <x v="0"/>
  </r>
  <r>
    <n v="126058.07377580595"/>
    <x v="1"/>
  </r>
  <r>
    <n v="139409.37169785358"/>
    <x v="2"/>
  </r>
  <r>
    <n v="144855.56188494008"/>
    <x v="3"/>
  </r>
  <r>
    <n v="145154.75880237893"/>
    <x v="4"/>
  </r>
  <r>
    <n v="165875.76968133674"/>
    <x v="5"/>
  </r>
  <r>
    <n v="169140.90530368767"/>
    <x v="6"/>
  </r>
  <r>
    <n v="184032.75885264657"/>
    <x v="7"/>
  </r>
  <r>
    <n v="220566.4613703998"/>
    <x v="8"/>
  </r>
  <r>
    <n v="244684.98058539501"/>
    <x v="9"/>
  </r>
  <r>
    <n v="225236.51586518815"/>
    <x v="10"/>
  </r>
  <r>
    <n v="194597.50729575043"/>
    <x v="11"/>
  </r>
  <r>
    <n v="161995.74607442407"/>
    <x v="12"/>
  </r>
  <r>
    <n v="165190.32111599253"/>
    <x v="13"/>
  </r>
  <r>
    <n v="203710.6887098352"/>
    <x v="14"/>
  </r>
  <r>
    <n v="189706.33705985014"/>
    <x v="15"/>
  </r>
  <r>
    <n v="175485.82200649948"/>
    <x v="16"/>
  </r>
  <r>
    <n v="198125.96608318764"/>
    <x v="17"/>
  </r>
  <r>
    <n v="214529.68444285804"/>
    <x v="18"/>
  </r>
  <r>
    <n v="200707.70979285348"/>
    <x v="19"/>
  </r>
  <r>
    <n v="206053.12399964329"/>
    <x v="20"/>
  </r>
  <r>
    <n v="187118.55640954312"/>
    <x v="21"/>
  </r>
  <r>
    <n v="174780.78919643117"/>
    <x v="22"/>
  </r>
  <r>
    <n v="130343.1454034339"/>
    <x v="23"/>
  </r>
  <r>
    <n v="117502.83869430296"/>
    <x v="0"/>
  </r>
  <r>
    <n v="113837.54599636642"/>
    <x v="1"/>
  </r>
  <r>
    <n v="117068.49616332377"/>
    <x v="2"/>
  </r>
  <r>
    <n v="116871.47702426268"/>
    <x v="3"/>
  </r>
  <r>
    <n v="116702.97475565411"/>
    <x v="4"/>
  </r>
  <r>
    <n v="125421.46303703867"/>
    <x v="5"/>
  </r>
  <r>
    <n v="161267.65010468586"/>
    <x v="6"/>
  </r>
  <r>
    <n v="168214.73628830188"/>
    <x v="7"/>
  </r>
  <r>
    <n v="177211.486604834"/>
    <x v="8"/>
  </r>
  <r>
    <n v="172979.98003526812"/>
    <x v="9"/>
  </r>
  <r>
    <n v="162235.85259829875"/>
    <x v="10"/>
  </r>
  <r>
    <n v="200862.46011532348"/>
    <x v="11"/>
  </r>
  <r>
    <n v="192443.73151703077"/>
    <x v="12"/>
  </r>
  <r>
    <n v="185022.53061892322"/>
    <x v="13"/>
  </r>
  <r>
    <n v="163605.59350137279"/>
    <x v="14"/>
  </r>
  <r>
    <n v="173932.73205368067"/>
    <x v="15"/>
  </r>
  <r>
    <n v="170381.54776596537"/>
    <x v="16"/>
  </r>
  <r>
    <n v="190313.20307583109"/>
    <x v="17"/>
  </r>
  <r>
    <n v="201026.82861440827"/>
    <x v="18"/>
  </r>
  <r>
    <n v="182940.11352500296"/>
    <x v="19"/>
  </r>
  <r>
    <n v="212738.1455668151"/>
    <x v="20"/>
  </r>
  <r>
    <n v="215415.17061758388"/>
    <x v="21"/>
  </r>
  <r>
    <n v="175295.95510728279"/>
    <x v="22"/>
  </r>
  <r>
    <n v="145715.42687430064"/>
    <x v="23"/>
  </r>
  <r>
    <n v="116381.63556779572"/>
    <x v="0"/>
  </r>
  <r>
    <n v="125538.35457921651"/>
    <x v="1"/>
  </r>
  <r>
    <n v="126117.01068782837"/>
    <x v="2"/>
  </r>
  <r>
    <n v="115875.47390739198"/>
    <x v="3"/>
  </r>
  <r>
    <n v="129732.56513414319"/>
    <x v="4"/>
  </r>
  <r>
    <n v="143828.06435570738"/>
    <x v="5"/>
  </r>
  <r>
    <n v="191440.65801713793"/>
    <x v="6"/>
  </r>
  <r>
    <n v="193609.86380685234"/>
    <x v="7"/>
  </r>
  <r>
    <n v="196092.13101327475"/>
    <x v="8"/>
  </r>
  <r>
    <n v="170399.60742737501"/>
    <x v="9"/>
  </r>
  <r>
    <n v="161718.11842964892"/>
    <x v="10"/>
  </r>
  <r>
    <n v="147239.09953162214"/>
    <x v="11"/>
  </r>
  <r>
    <n v="149592.19667252875"/>
    <x v="12"/>
  </r>
  <r>
    <n v="146188.77418108354"/>
    <x v="13"/>
  </r>
  <r>
    <n v="159440.59559988778"/>
    <x v="14"/>
  </r>
  <r>
    <n v="152340.34506973292"/>
    <x v="15"/>
  </r>
  <r>
    <n v="201402.26492967337"/>
    <x v="16"/>
  </r>
  <r>
    <n v="197671.33329239243"/>
    <x v="17"/>
  </r>
  <r>
    <n v="192233.46180486743"/>
    <x v="18"/>
  </r>
  <r>
    <n v="196740.33472449364"/>
    <x v="19"/>
  </r>
  <r>
    <n v="234489.63151691508"/>
    <x v="20"/>
  </r>
  <r>
    <n v="224609.9428192497"/>
    <x v="21"/>
  </r>
  <r>
    <n v="183012.20892120263"/>
    <x v="22"/>
  </r>
  <r>
    <n v="153634.30701960591"/>
    <x v="23"/>
  </r>
  <r>
    <n v="127923.93864645492"/>
    <x v="0"/>
  </r>
  <r>
    <n v="124361.77531245486"/>
    <x v="1"/>
  </r>
  <r>
    <n v="129132.38068127869"/>
    <x v="2"/>
  </r>
  <r>
    <n v="143104.74677796822"/>
    <x v="3"/>
  </r>
  <r>
    <n v="142645.35605937953"/>
    <x v="4"/>
  </r>
  <r>
    <n v="210914.10953233764"/>
    <x v="5"/>
  </r>
  <r>
    <n v="309458.6523901897"/>
    <x v="6"/>
  </r>
  <r>
    <n v="301310.48105364997"/>
    <x v="7"/>
  </r>
  <r>
    <n v="238487.35500212535"/>
    <x v="8"/>
  </r>
  <r>
    <n v="235493.9942617584"/>
    <x v="9"/>
  </r>
  <r>
    <n v="201855.66986813481"/>
    <x v="10"/>
  </r>
  <r>
    <n v="149633.23763678604"/>
    <x v="11"/>
  </r>
  <r>
    <n v="144102.65306595631"/>
    <x v="12"/>
  </r>
  <r>
    <n v="154693.9538157786"/>
    <x v="13"/>
  </r>
  <r>
    <n v="168530.11016023855"/>
    <x v="14"/>
  </r>
  <r>
    <n v="174549.03206842631"/>
    <x v="15"/>
  </r>
  <r>
    <n v="185429.17484767243"/>
    <x v="16"/>
  </r>
  <r>
    <n v="214547.59062272593"/>
    <x v="17"/>
  </r>
  <r>
    <n v="212459.2389091923"/>
    <x v="18"/>
  </r>
  <r>
    <n v="205522.44622097467"/>
    <x v="19"/>
  </r>
  <r>
    <n v="208035.02091583642"/>
    <x v="20"/>
  </r>
  <r>
    <n v="226041.33214158332"/>
    <x v="21"/>
  </r>
  <r>
    <n v="193224.80931497246"/>
    <x v="22"/>
  </r>
  <r>
    <n v="174288.91155151065"/>
    <x v="23"/>
  </r>
  <r>
    <n v="142586.56239679601"/>
    <x v="0"/>
  </r>
  <r>
    <n v="114843.32077139363"/>
    <x v="1"/>
  </r>
  <r>
    <n v="127245.28419735776"/>
    <x v="2"/>
  </r>
  <r>
    <n v="122382.54897508776"/>
    <x v="3"/>
  </r>
  <r>
    <n v="137413.56935398016"/>
    <x v="4"/>
  </r>
  <r>
    <n v="152849.02382742096"/>
    <x v="5"/>
  </r>
  <r>
    <n v="196742.66764392788"/>
    <x v="6"/>
  </r>
  <r>
    <n v="219462.82676436868"/>
    <x v="7"/>
  </r>
  <r>
    <n v="203570.09961761502"/>
    <x v="8"/>
  </r>
  <r>
    <n v="161122.79422560573"/>
    <x v="9"/>
  </r>
  <r>
    <n v="128170.60394821267"/>
    <x v="10"/>
  </r>
  <r>
    <n v="135791.35131476837"/>
    <x v="11"/>
  </r>
  <r>
    <n v="132846.56236630605"/>
    <x v="12"/>
  </r>
  <r>
    <n v="193351.44181899843"/>
    <x v="13"/>
  </r>
  <r>
    <n v="202977.82458020074"/>
    <x v="14"/>
  </r>
  <r>
    <n v="214852.36403618081"/>
    <x v="15"/>
  </r>
  <r>
    <n v="218871.41122358807"/>
    <x v="16"/>
  </r>
  <r>
    <n v="226643.32767664021"/>
    <x v="17"/>
  </r>
  <r>
    <n v="255513.3284603603"/>
    <x v="18"/>
  </r>
  <r>
    <n v="263843.7335474416"/>
    <x v="19"/>
  </r>
  <r>
    <n v="256873.29770527783"/>
    <x v="20"/>
  </r>
  <r>
    <n v="267400.26922491175"/>
    <x v="21"/>
  </r>
  <r>
    <n v="227231.40755191399"/>
    <x v="22"/>
  </r>
  <r>
    <n v="178866.97944229178"/>
    <x v="23"/>
  </r>
  <r>
    <n v="149096.67639901798"/>
    <x v="0"/>
  </r>
  <r>
    <n v="127021.2727711586"/>
    <x v="1"/>
  </r>
  <r>
    <n v="114827.18474530693"/>
    <x v="2"/>
  </r>
  <r>
    <n v="97251.911081340717"/>
    <x v="3"/>
  </r>
  <r>
    <n v="102303.83788404382"/>
    <x v="4"/>
  </r>
  <r>
    <n v="126166.76940365565"/>
    <x v="5"/>
  </r>
  <r>
    <n v="149533.81229405652"/>
    <x v="6"/>
  </r>
  <r>
    <n v="164354.77783494402"/>
    <x v="7"/>
  </r>
  <r>
    <n v="153320.93863981444"/>
    <x v="8"/>
  </r>
  <r>
    <n v="166275.30259865266"/>
    <x v="9"/>
  </r>
  <r>
    <n v="160831.88531142002"/>
    <x v="10"/>
  </r>
  <r>
    <n v="176161.55007420111"/>
    <x v="11"/>
  </r>
  <r>
    <n v="185693.63377616752"/>
    <x v="12"/>
  </r>
  <r>
    <n v="197503.73144882862"/>
    <x v="13"/>
  </r>
  <r>
    <n v="198111.55928247105"/>
    <x v="14"/>
  </r>
  <r>
    <n v="189288.3761254244"/>
    <x v="15"/>
  </r>
  <r>
    <n v="208635.33838603707"/>
    <x v="16"/>
  </r>
  <r>
    <n v="209421.45037854736"/>
    <x v="17"/>
  </r>
  <r>
    <n v="237563.72354822941"/>
    <x v="18"/>
  </r>
  <r>
    <n v="219570.67312768754"/>
    <x v="19"/>
  </r>
  <r>
    <n v="224200.08571022705"/>
    <x v="20"/>
  </r>
  <r>
    <n v="223262.35441869797"/>
    <x v="21"/>
  </r>
  <r>
    <n v="181135.74359207184"/>
    <x v="22"/>
  </r>
  <r>
    <n v="151711.05028445454"/>
    <x v="23"/>
  </r>
  <r>
    <n v="125536.31839076296"/>
    <x v="0"/>
  </r>
  <r>
    <n v="118068.60235340992"/>
    <x v="1"/>
  </r>
  <r>
    <n v="118264.95640579022"/>
    <x v="2"/>
  </r>
  <r>
    <n v="104347.86412832724"/>
    <x v="3"/>
  </r>
  <r>
    <n v="104068.12867037913"/>
    <x v="4"/>
  </r>
  <r>
    <n v="105653.87949527705"/>
    <x v="5"/>
  </r>
  <r>
    <n v="131517.02339506117"/>
    <x v="6"/>
  </r>
  <r>
    <n v="150649.38776403386"/>
    <x v="7"/>
  </r>
  <r>
    <n v="174002.65824409062"/>
    <x v="8"/>
  </r>
  <r>
    <n v="226697.88524867207"/>
    <x v="9"/>
  </r>
  <r>
    <n v="230635.71000419842"/>
    <x v="10"/>
  </r>
  <r>
    <n v="192282.90332550844"/>
    <x v="11"/>
  </r>
  <r>
    <n v="207267.75645664998"/>
    <x v="12"/>
  </r>
  <r>
    <n v="182778.61001469704"/>
    <x v="13"/>
  </r>
  <r>
    <n v="201599.06919457603"/>
    <x v="14"/>
  </r>
  <r>
    <n v="196010.4992972826"/>
    <x v="15"/>
  </r>
  <r>
    <n v="209626.17429100303"/>
    <x v="16"/>
  </r>
  <r>
    <n v="218128.39684799421"/>
    <x v="17"/>
  </r>
  <r>
    <n v="198549.22724685428"/>
    <x v="18"/>
  </r>
  <r>
    <n v="183863.72451469334"/>
    <x v="19"/>
  </r>
  <r>
    <n v="211563.68434532927"/>
    <x v="20"/>
  </r>
  <r>
    <n v="210045.81329028495"/>
    <x v="21"/>
  </r>
  <r>
    <n v="192671.70276700641"/>
    <x v="22"/>
  </r>
  <r>
    <n v="138000.19627065898"/>
    <x v="23"/>
  </r>
  <r>
    <n v="112585.924487804"/>
    <x v="0"/>
  </r>
  <r>
    <n v="110198.20191108421"/>
    <x v="1"/>
  </r>
  <r>
    <n v="111725.52742909879"/>
    <x v="2"/>
  </r>
  <r>
    <n v="102388.40621353434"/>
    <x v="3"/>
  </r>
  <r>
    <n v="96387.922554559133"/>
    <x v="4"/>
  </r>
  <r>
    <n v="110012.13112199951"/>
    <x v="5"/>
  </r>
  <r>
    <n v="118882.05452455283"/>
    <x v="6"/>
  </r>
  <r>
    <n v="132893.60957489617"/>
    <x v="7"/>
  </r>
  <r>
    <n v="158008.2853883038"/>
    <x v="8"/>
  </r>
  <r>
    <n v="193092.67193964994"/>
    <x v="9"/>
  </r>
  <r>
    <n v="184797.93596286551"/>
    <x v="10"/>
  </r>
  <r>
    <n v="172830.50947783343"/>
    <x v="11"/>
  </r>
  <r>
    <n v="194139.78440991513"/>
    <x v="12"/>
  </r>
  <r>
    <n v="230425.68586250185"/>
    <x v="13"/>
  </r>
  <r>
    <n v="236825.72290299853"/>
    <x v="14"/>
  </r>
  <r>
    <n v="257607.86036397403"/>
    <x v="15"/>
  </r>
  <r>
    <n v="251833.74151483778"/>
    <x v="16"/>
  </r>
  <r>
    <n v="263678.64880116214"/>
    <x v="17"/>
  </r>
  <r>
    <n v="277106.76935089455"/>
    <x v="18"/>
  </r>
  <r>
    <n v="280250.52153794648"/>
    <x v="19"/>
  </r>
  <r>
    <n v="270969.51317403675"/>
    <x v="20"/>
  </r>
  <r>
    <n v="255677.88113729516"/>
    <x v="21"/>
  </r>
  <r>
    <n v="238206.97492170197"/>
    <x v="22"/>
  </r>
  <r>
    <n v="163604.70330843079"/>
    <x v="23"/>
  </r>
  <r>
    <n v="150208.01577844366"/>
    <x v="0"/>
  </r>
  <r>
    <n v="130801.96312426683"/>
    <x v="1"/>
  </r>
  <r>
    <n v="133960.19373675485"/>
    <x v="2"/>
  </r>
  <r>
    <n v="130767.41954527592"/>
    <x v="3"/>
  </r>
  <r>
    <n v="142248.85184448696"/>
    <x v="4"/>
  </r>
  <r>
    <n v="185813.39030712418"/>
    <x v="5"/>
  </r>
  <r>
    <n v="258642.71477510675"/>
    <x v="6"/>
  </r>
  <r>
    <n v="235586.98361183822"/>
    <x v="7"/>
  </r>
  <r>
    <n v="218288.22229344392"/>
    <x v="8"/>
  </r>
  <r>
    <n v="285230.1994629082"/>
    <x v="9"/>
  </r>
  <r>
    <n v="302497.40497632389"/>
    <x v="10"/>
  </r>
  <r>
    <n v="282109.98111225414"/>
    <x v="11"/>
  </r>
  <r>
    <n v="260025.46068081632"/>
    <x v="12"/>
  </r>
  <r>
    <n v="267756.75568582519"/>
    <x v="13"/>
  </r>
  <r>
    <n v="327002.20653553278"/>
    <x v="14"/>
  </r>
  <r>
    <n v="323339.37977436656"/>
    <x v="15"/>
  </r>
  <r>
    <n v="317707.42576127884"/>
    <x v="16"/>
  </r>
  <r>
    <n v="338435.82421844499"/>
    <x v="17"/>
  </r>
  <r>
    <n v="307188.41481760907"/>
    <x v="18"/>
  </r>
  <r>
    <n v="279803.52189582639"/>
    <x v="19"/>
  </r>
  <r>
    <n v="300164.424149486"/>
    <x v="20"/>
  </r>
  <r>
    <n v="330384.81692991999"/>
    <x v="21"/>
  </r>
  <r>
    <n v="344250.38033777452"/>
    <x v="22"/>
  </r>
  <r>
    <n v="306025.41355123871"/>
    <x v="23"/>
  </r>
  <r>
    <n v="325292.99515847117"/>
    <x v="0"/>
  </r>
  <r>
    <n v="315815.93970526458"/>
    <x v="1"/>
  </r>
  <r>
    <n v="342338.75750348589"/>
    <x v="2"/>
  </r>
  <r>
    <n v="338223.81504880876"/>
    <x v="3"/>
  </r>
  <r>
    <n v="364915.83089862781"/>
    <x v="4"/>
  </r>
  <r>
    <n v="371761.23044479953"/>
    <x v="5"/>
  </r>
  <r>
    <n v="435207.38923470018"/>
    <x v="6"/>
  </r>
  <r>
    <n v="437681.88004300854"/>
    <x v="7"/>
  </r>
  <r>
    <n v="396915.79099485016"/>
    <x v="8"/>
  </r>
  <r>
    <n v="335732.15477203275"/>
    <x v="9"/>
  </r>
  <r>
    <n v="252721.15132488657"/>
    <x v="10"/>
  </r>
  <r>
    <n v="205600.31252314319"/>
    <x v="11"/>
  </r>
  <r>
    <n v="179402.65048711785"/>
    <x v="12"/>
  </r>
  <r>
    <n v="167922.98834168803"/>
    <x v="13"/>
  </r>
  <r>
    <n v="162353.2352814101"/>
    <x v="14"/>
  </r>
  <r>
    <n v="186402.35014323721"/>
    <x v="15"/>
  </r>
  <r>
    <n v="193533.16396440091"/>
    <x v="16"/>
  </r>
  <r>
    <n v="206055.70248954426"/>
    <x v="17"/>
  </r>
  <r>
    <n v="177716.05205720378"/>
    <x v="18"/>
  </r>
  <r>
    <n v="190724.24710877641"/>
    <x v="19"/>
  </r>
  <r>
    <n v="212441.18947988542"/>
    <x v="20"/>
  </r>
  <r>
    <n v="220444.71981150348"/>
    <x v="21"/>
  </r>
  <r>
    <n v="190815.55839400005"/>
    <x v="22"/>
  </r>
  <r>
    <n v="144590.16160298907"/>
    <x v="23"/>
  </r>
  <r>
    <n v="114546.04748927771"/>
    <x v="0"/>
  </r>
  <r>
    <n v="115027.90790557498"/>
    <x v="1"/>
  </r>
  <r>
    <n v="108336.02059743665"/>
    <x v="2"/>
  </r>
  <r>
    <n v="120938.01140067969"/>
    <x v="3"/>
  </r>
  <r>
    <n v="141914.34394034854"/>
    <x v="4"/>
  </r>
  <r>
    <n v="167655.26537240561"/>
    <x v="5"/>
  </r>
  <r>
    <n v="227375.61880851886"/>
    <x v="6"/>
  </r>
  <r>
    <n v="242739.16206361007"/>
    <x v="7"/>
  </r>
  <r>
    <n v="210133.74798159066"/>
    <x v="8"/>
  </r>
  <r>
    <n v="180676.93610334166"/>
    <x v="9"/>
  </r>
  <r>
    <n v="143792.18037125206"/>
    <x v="10"/>
  </r>
  <r>
    <n v="124304.85412468042"/>
    <x v="11"/>
  </r>
  <r>
    <n v="131224.76384330829"/>
    <x v="12"/>
  </r>
  <r>
    <n v="164446.15051278434"/>
    <x v="13"/>
  </r>
  <r>
    <n v="196732.00579282935"/>
    <x v="14"/>
  </r>
  <r>
    <n v="198377.28699171107"/>
    <x v="15"/>
  </r>
  <r>
    <n v="197971.56365221221"/>
    <x v="16"/>
  </r>
  <r>
    <n v="224620.58420614264"/>
    <x v="17"/>
  </r>
  <r>
    <n v="210259.52098898296"/>
    <x v="18"/>
  </r>
  <r>
    <n v="212453.38614640117"/>
    <x v="19"/>
  </r>
  <r>
    <n v="218326.8587135475"/>
    <x v="20"/>
  </r>
  <r>
    <n v="244772.64924202839"/>
    <x v="21"/>
  </r>
  <r>
    <n v="203177.16640659326"/>
    <x v="22"/>
  </r>
  <r>
    <n v="163186.40471461325"/>
    <x v="23"/>
  </r>
  <r>
    <n v="131166.76828474179"/>
    <x v="0"/>
  </r>
  <r>
    <n v="120350.07477484483"/>
    <x v="1"/>
  </r>
  <r>
    <n v="116187.00050868274"/>
    <x v="2"/>
  </r>
  <r>
    <n v="115674.00380362086"/>
    <x v="3"/>
  </r>
  <r>
    <n v="120227.84207501497"/>
    <x v="4"/>
  </r>
  <r>
    <n v="125439.80919732622"/>
    <x v="5"/>
  </r>
  <r>
    <n v="196828.82194934957"/>
    <x v="6"/>
  </r>
  <r>
    <n v="171423.90230843704"/>
    <x v="7"/>
  </r>
  <r>
    <n v="162456.00652174919"/>
    <x v="8"/>
  </r>
  <r>
    <n v="169627.22691679772"/>
    <x v="9"/>
  </r>
  <r>
    <n v="155058.69758363685"/>
    <x v="10"/>
  </r>
  <r>
    <n v="168148.76992166843"/>
    <x v="11"/>
  </r>
  <r>
    <n v="172086.61514140034"/>
    <x v="12"/>
  </r>
  <r>
    <n v="195176.23502908176"/>
    <x v="13"/>
  </r>
  <r>
    <n v="224794.38670399212"/>
    <x v="14"/>
  </r>
  <r>
    <n v="250824.44689645368"/>
    <x v="15"/>
  </r>
  <r>
    <n v="280432.91900213255"/>
    <x v="16"/>
  </r>
  <r>
    <n v="302242.8302591159"/>
    <x v="17"/>
  </r>
  <r>
    <n v="270367.43578215758"/>
    <x v="18"/>
  </r>
  <r>
    <n v="260804.14416670709"/>
    <x v="19"/>
  </r>
  <r>
    <n v="300014.78987840685"/>
    <x v="20"/>
  </r>
  <r>
    <n v="256073.0449467233"/>
    <x v="21"/>
  </r>
  <r>
    <n v="232969.32522140871"/>
    <x v="22"/>
  </r>
  <r>
    <n v="178400.64112591429"/>
    <x v="23"/>
  </r>
  <r>
    <n v="137654.20794719952"/>
    <x v="0"/>
  </r>
  <r>
    <n v="127811.57992580938"/>
    <x v="1"/>
  </r>
  <r>
    <n v="115470.81470658243"/>
    <x v="2"/>
  </r>
  <r>
    <n v="118181.2680371389"/>
    <x v="3"/>
  </r>
  <r>
    <n v="113747.52395609327"/>
    <x v="4"/>
  </r>
  <r>
    <n v="117234.71667301202"/>
    <x v="5"/>
  </r>
  <r>
    <n v="170111.39978832364"/>
    <x v="6"/>
  </r>
  <r>
    <n v="174032.43366318531"/>
    <x v="7"/>
  </r>
  <r>
    <n v="188443.87975444191"/>
    <x v="8"/>
  </r>
  <r>
    <n v="146865.55615537165"/>
    <x v="9"/>
  </r>
  <r>
    <n v="148734.49065685511"/>
    <x v="10"/>
  </r>
  <r>
    <n v="149981.03704243782"/>
    <x v="11"/>
  </r>
  <r>
    <n v="162112.03392253775"/>
    <x v="12"/>
  </r>
  <r>
    <n v="171965.48750867092"/>
    <x v="13"/>
  </r>
  <r>
    <n v="177449.62856497461"/>
    <x v="14"/>
  </r>
  <r>
    <n v="185825.30047476204"/>
    <x v="15"/>
  </r>
  <r>
    <n v="202464.74601831657"/>
    <x v="16"/>
  </r>
  <r>
    <n v="203613.11537770915"/>
    <x v="17"/>
  </r>
  <r>
    <n v="192925.60216543081"/>
    <x v="18"/>
  </r>
  <r>
    <n v="159533.9226093594"/>
    <x v="19"/>
  </r>
  <r>
    <n v="205837.18570253887"/>
    <x v="20"/>
  </r>
  <r>
    <n v="195435.06630104693"/>
    <x v="21"/>
  </r>
  <r>
    <n v="188117.47567570661"/>
    <x v="22"/>
  </r>
  <r>
    <n v="144814.17302918821"/>
    <x v="23"/>
  </r>
  <r>
    <n v="142850.69389800209"/>
    <x v="0"/>
  </r>
  <r>
    <n v="121959.24688301"/>
    <x v="1"/>
  </r>
  <r>
    <n v="118629.57738841507"/>
    <x v="2"/>
  </r>
  <r>
    <n v="124468.39382343988"/>
    <x v="3"/>
  </r>
  <r>
    <n v="135022.91016376205"/>
    <x v="4"/>
  </r>
  <r>
    <n v="132094.94279227278"/>
    <x v="5"/>
  </r>
  <r>
    <n v="165164.64877011333"/>
    <x v="6"/>
  </r>
  <r>
    <n v="178713.51836477226"/>
    <x v="7"/>
  </r>
  <r>
    <n v="249012.05499494175"/>
    <x v="8"/>
  </r>
  <r>
    <n v="253660.04907613277"/>
    <x v="9"/>
  </r>
  <r>
    <n v="251469.8470115104"/>
    <x v="10"/>
  </r>
  <r>
    <n v="247826.97285076851"/>
    <x v="11"/>
  </r>
  <r>
    <n v="258399.04747946403"/>
    <x v="12"/>
  </r>
  <r>
    <n v="239470.82379308849"/>
    <x v="13"/>
  </r>
  <r>
    <n v="232533.49903552621"/>
    <x v="14"/>
  </r>
  <r>
    <n v="216288.33734056063"/>
    <x v="15"/>
  </r>
  <r>
    <n v="210136.30600728607"/>
    <x v="16"/>
  </r>
  <r>
    <n v="224383.15849319674"/>
    <x v="17"/>
  </r>
  <r>
    <n v="217046.72033453255"/>
    <x v="18"/>
  </r>
  <r>
    <n v="249542.50766734916"/>
    <x v="19"/>
  </r>
  <r>
    <n v="277216.80538420862"/>
    <x v="20"/>
  </r>
  <r>
    <n v="271036.88133875123"/>
    <x v="21"/>
  </r>
  <r>
    <n v="280980.86857029662"/>
    <x v="22"/>
  </r>
  <r>
    <n v="226651.47243045439"/>
    <x v="23"/>
  </r>
  <r>
    <n v="236510.3285668563"/>
    <x v="0"/>
  </r>
  <r>
    <n v="229366.35626151535"/>
    <x v="1"/>
  </r>
  <r>
    <n v="209371.68143061729"/>
    <x v="2"/>
  </r>
  <r>
    <n v="193714.76332457003"/>
    <x v="3"/>
  </r>
  <r>
    <n v="215223.97354500557"/>
    <x v="4"/>
  </r>
  <r>
    <n v="227621.4553099513"/>
    <x v="5"/>
  </r>
  <r>
    <n v="234109.03822184802"/>
    <x v="6"/>
  </r>
  <r>
    <n v="257372.60385681788"/>
    <x v="7"/>
  </r>
  <r>
    <n v="274677.19747379771"/>
    <x v="8"/>
  </r>
  <r>
    <n v="310845.55252962862"/>
    <x v="9"/>
  </r>
  <r>
    <n v="277256.32176515146"/>
    <x v="10"/>
  </r>
  <r>
    <n v="262956.63070047623"/>
    <x v="11"/>
  </r>
  <r>
    <n v="247018.41162475524"/>
    <x v="12"/>
  </r>
  <r>
    <n v="227243.1335417018"/>
    <x v="13"/>
  </r>
  <r>
    <n v="212632.32515984707"/>
    <x v="14"/>
  </r>
  <r>
    <n v="215382.07999718795"/>
    <x v="15"/>
  </r>
  <r>
    <n v="176483.43156350692"/>
    <x v="16"/>
  </r>
  <r>
    <n v="208963.7070285065"/>
    <x v="17"/>
  </r>
  <r>
    <n v="195369.04877389959"/>
    <x v="18"/>
  </r>
  <r>
    <n v="203930.71984805225"/>
    <x v="19"/>
  </r>
  <r>
    <n v="238975.73326789454"/>
    <x v="20"/>
  </r>
  <r>
    <n v="250078.73124572542"/>
    <x v="21"/>
  </r>
  <r>
    <n v="215754.69225208531"/>
    <x v="22"/>
  </r>
  <r>
    <n v="231591.10190512869"/>
    <x v="23"/>
  </r>
  <r>
    <n v="187417.94773693482"/>
    <x v="0"/>
  </r>
  <r>
    <n v="187803.75940442056"/>
    <x v="1"/>
  </r>
  <r>
    <n v="193604.39986396689"/>
    <x v="2"/>
  </r>
  <r>
    <n v="204404.11831534907"/>
    <x v="3"/>
  </r>
  <r>
    <n v="203314.8086532123"/>
    <x v="4"/>
  </r>
  <r>
    <n v="236634.42350939242"/>
    <x v="5"/>
  </r>
  <r>
    <n v="299809.53389660647"/>
    <x v="6"/>
  </r>
  <r>
    <n v="287713.12152390869"/>
    <x v="7"/>
  </r>
  <r>
    <n v="270738.39043640433"/>
    <x v="8"/>
  </r>
  <r>
    <n v="239550.61373057996"/>
    <x v="9"/>
  </r>
  <r>
    <n v="203636.93571298491"/>
    <x v="10"/>
  </r>
  <r>
    <n v="176048.17837538017"/>
    <x v="11"/>
  </r>
  <r>
    <n v="194706.68383243083"/>
    <x v="12"/>
  </r>
  <r>
    <n v="157721.5614041558"/>
    <x v="13"/>
  </r>
  <r>
    <n v="174959.9737803438"/>
    <x v="14"/>
  </r>
  <r>
    <n v="194515.07747574127"/>
    <x v="15"/>
  </r>
  <r>
    <n v="217536.87898618577"/>
    <x v="16"/>
  </r>
  <r>
    <n v="224800.6487508945"/>
    <x v="17"/>
  </r>
  <r>
    <n v="237400.39872362834"/>
    <x v="18"/>
  </r>
  <r>
    <n v="232902.91887435567"/>
    <x v="19"/>
  </r>
  <r>
    <n v="238550.60986152163"/>
    <x v="20"/>
  </r>
  <r>
    <n v="250482.30584364015"/>
    <x v="21"/>
  </r>
  <r>
    <n v="209117.90481742629"/>
    <x v="22"/>
  </r>
  <r>
    <n v="163307.7676857067"/>
    <x v="23"/>
  </r>
  <r>
    <n v="134554.63797995885"/>
    <x v="0"/>
  </r>
  <r>
    <n v="123755.33904479074"/>
    <x v="1"/>
  </r>
  <r>
    <n v="121034.38757678025"/>
    <x v="2"/>
  </r>
  <r>
    <n v="114964.35631519802"/>
    <x v="3"/>
  </r>
  <r>
    <n v="134405.63809925213"/>
    <x v="4"/>
  </r>
  <r>
    <n v="153960.27111792163"/>
    <x v="5"/>
  </r>
  <r>
    <n v="185436.1122133584"/>
    <x v="6"/>
  </r>
  <r>
    <n v="210091.16196981334"/>
    <x v="7"/>
  </r>
  <r>
    <n v="176633.70022495853"/>
    <x v="8"/>
  </r>
  <r>
    <n v="195456.63557371069"/>
    <x v="9"/>
  </r>
  <r>
    <n v="141544.82178049124"/>
    <x v="10"/>
  </r>
  <r>
    <n v="155713.42937643049"/>
    <x v="11"/>
  </r>
  <r>
    <n v="158142.20314951031"/>
    <x v="12"/>
  </r>
  <r>
    <n v="180135.73972301351"/>
    <x v="13"/>
  </r>
  <r>
    <n v="201086.21573895309"/>
    <x v="14"/>
  </r>
  <r>
    <n v="242169.49997334328"/>
    <x v="15"/>
  </r>
  <r>
    <n v="250876.89665531251"/>
    <x v="16"/>
  </r>
  <r>
    <n v="296336.98331876833"/>
    <x v="17"/>
  </r>
  <r>
    <n v="264898.86798628757"/>
    <x v="18"/>
  </r>
  <r>
    <n v="263707.01219007291"/>
    <x v="19"/>
  </r>
  <r>
    <n v="262103.94864726841"/>
    <x v="20"/>
  </r>
  <r>
    <n v="269740.00323958549"/>
    <x v="21"/>
  </r>
  <r>
    <n v="248297.71097134211"/>
    <x v="22"/>
  </r>
  <r>
    <n v="185176.42144475959"/>
    <x v="23"/>
  </r>
  <r>
    <n v="138673.46863369297"/>
    <x v="0"/>
  </r>
  <r>
    <n v="113551.87591880493"/>
    <x v="1"/>
  </r>
  <r>
    <n v="107609.5208357324"/>
    <x v="2"/>
  </r>
  <r>
    <n v="113993.66742060917"/>
    <x v="3"/>
  </r>
  <r>
    <n v="109292.0878171505"/>
    <x v="4"/>
  </r>
  <r>
    <n v="140768.79864132369"/>
    <x v="5"/>
  </r>
  <r>
    <n v="158753.86802169587"/>
    <x v="6"/>
  </r>
  <r>
    <n v="167083.07595275174"/>
    <x v="7"/>
  </r>
  <r>
    <n v="160815.54464327771"/>
    <x v="8"/>
  </r>
  <r>
    <n v="157909.56606066623"/>
    <x v="9"/>
  </r>
  <r>
    <n v="151657.884278401"/>
    <x v="10"/>
  </r>
  <r>
    <n v="162517.18426428083"/>
    <x v="11"/>
  </r>
  <r>
    <n v="159925.55634332786"/>
    <x v="12"/>
  </r>
  <r>
    <n v="167823.14348274449"/>
    <x v="13"/>
  </r>
  <r>
    <n v="193277.13628859792"/>
    <x v="14"/>
  </r>
  <r>
    <n v="226042.86695700057"/>
    <x v="15"/>
  </r>
  <r>
    <n v="250051.02271139267"/>
    <x v="16"/>
  </r>
  <r>
    <n v="277975.43394864735"/>
    <x v="17"/>
  </r>
  <r>
    <n v="243930.54718309679"/>
    <x v="18"/>
  </r>
  <r>
    <n v="249805.00203211015"/>
    <x v="19"/>
  </r>
  <r>
    <n v="277601.30734253832"/>
    <x v="20"/>
  </r>
  <r>
    <n v="263308.98339186586"/>
    <x v="21"/>
  </r>
  <r>
    <n v="228962.76119939511"/>
    <x v="22"/>
  </r>
  <r>
    <n v="155866.93138236113"/>
    <x v="23"/>
  </r>
  <r>
    <n v="123010.08383868767"/>
    <x v="0"/>
  </r>
  <r>
    <n v="114374.24025147068"/>
    <x v="1"/>
  </r>
  <r>
    <n v="100563.07070200358"/>
    <x v="2"/>
  </r>
  <r>
    <n v="104302.02430786536"/>
    <x v="3"/>
  </r>
  <r>
    <n v="120125.26524462871"/>
    <x v="4"/>
  </r>
  <r>
    <n v="118993.11376814509"/>
    <x v="5"/>
  </r>
  <r>
    <n v="149049.30176313879"/>
    <x v="6"/>
  </r>
  <r>
    <n v="180868.17410433112"/>
    <x v="7"/>
  </r>
  <r>
    <n v="156248.24092462286"/>
    <x v="8"/>
  </r>
  <r>
    <n v="177112.33752887961"/>
    <x v="9"/>
  </r>
  <r>
    <n v="157929.119609082"/>
    <x v="10"/>
  </r>
  <r>
    <n v="159769.50654380463"/>
    <x v="11"/>
  </r>
  <r>
    <n v="172683.10580516068"/>
    <x v="12"/>
  </r>
  <r>
    <n v="178955.97827228677"/>
    <x v="13"/>
  </r>
  <r>
    <n v="224620.99349025392"/>
    <x v="14"/>
  </r>
  <r>
    <n v="241887.58507750268"/>
    <x v="15"/>
  </r>
  <r>
    <n v="242071.53782131156"/>
    <x v="16"/>
  </r>
  <r>
    <n v="250837.1551681085"/>
    <x v="17"/>
  </r>
  <r>
    <n v="258082.50714781022"/>
    <x v="18"/>
  </r>
  <r>
    <n v="220067.93285867121"/>
    <x v="19"/>
  </r>
  <r>
    <n v="233082.6150634074"/>
    <x v="20"/>
  </r>
  <r>
    <n v="246461.60105558223"/>
    <x v="21"/>
  </r>
  <r>
    <n v="189218.81829071461"/>
    <x v="22"/>
  </r>
  <r>
    <n v="144135.19115280206"/>
    <x v="23"/>
  </r>
  <r>
    <n v="124955.03263173618"/>
    <x v="0"/>
  </r>
  <r>
    <n v="120585.1266399454"/>
    <x v="1"/>
  </r>
  <r>
    <n v="120718.72720596568"/>
    <x v="2"/>
  </r>
  <r>
    <n v="106979.43817853984"/>
    <x v="3"/>
  </r>
  <r>
    <n v="115624.12230256021"/>
    <x v="4"/>
  </r>
  <r>
    <n v="133069.07990549906"/>
    <x v="5"/>
  </r>
  <r>
    <n v="159174.40744602258"/>
    <x v="6"/>
  </r>
  <r>
    <n v="167586.64889115171"/>
    <x v="7"/>
  </r>
  <r>
    <n v="153432.21275756511"/>
    <x v="8"/>
  </r>
  <r>
    <n v="134207.16600159605"/>
    <x v="9"/>
  </r>
  <r>
    <n v="130278.13062235917"/>
    <x v="10"/>
  </r>
  <r>
    <n v="139217.16164709989"/>
    <x v="11"/>
  </r>
  <r>
    <n v="156457.82508589988"/>
    <x v="12"/>
  </r>
  <r>
    <n v="169188.66875947249"/>
    <x v="13"/>
  </r>
  <r>
    <n v="183659.86009887132"/>
    <x v="14"/>
  </r>
  <r>
    <n v="196568.72189663947"/>
    <x v="15"/>
  </r>
  <r>
    <n v="185552.88097030282"/>
    <x v="16"/>
  </r>
  <r>
    <n v="178212.22718529261"/>
    <x v="17"/>
  </r>
  <r>
    <n v="179133.91453966004"/>
    <x v="18"/>
  </r>
  <r>
    <n v="190869.42018304276"/>
    <x v="19"/>
  </r>
  <r>
    <n v="195564.91168534633"/>
    <x v="20"/>
  </r>
  <r>
    <n v="210217.1191550557"/>
    <x v="21"/>
  </r>
  <r>
    <n v="202441.58053761887"/>
    <x v="22"/>
  </r>
  <r>
    <n v="173761.22154685427"/>
    <x v="23"/>
  </r>
  <r>
    <n v="195320.3030362477"/>
    <x v="0"/>
  </r>
  <r>
    <n v="183145.08300792542"/>
    <x v="1"/>
  </r>
  <r>
    <n v="201800.15047844144"/>
    <x v="2"/>
  </r>
  <r>
    <n v="222671.65512511207"/>
    <x v="3"/>
  </r>
  <r>
    <n v="206703.92666496872"/>
    <x v="4"/>
  </r>
  <r>
    <n v="227759.60916170946"/>
    <x v="5"/>
  </r>
  <r>
    <n v="248914.09284291"/>
    <x v="6"/>
  </r>
  <r>
    <n v="267676.51553581131"/>
    <x v="7"/>
  </r>
  <r>
    <n v="270804.08053626266"/>
    <x v="8"/>
  </r>
  <r>
    <n v="234733.76948928577"/>
    <x v="9"/>
  </r>
  <r>
    <n v="227345.70013998527"/>
    <x v="10"/>
  </r>
  <r>
    <n v="199971.9602102346"/>
    <x v="11"/>
  </r>
  <r>
    <n v="188601.12670999067"/>
    <x v="12"/>
  </r>
  <r>
    <n v="185851.00351694963"/>
    <x v="13"/>
  </r>
  <r>
    <n v="183437.06629290318"/>
    <x v="14"/>
  </r>
  <r>
    <n v="190659.15047087939"/>
    <x v="15"/>
  </r>
  <r>
    <n v="188753.93293293213"/>
    <x v="16"/>
  </r>
  <r>
    <n v="218603.18688126933"/>
    <x v="17"/>
  </r>
  <r>
    <n v="198090.9313632632"/>
    <x v="18"/>
  </r>
  <r>
    <n v="180901.3465815493"/>
    <x v="19"/>
  </r>
  <r>
    <n v="201120.86163897181"/>
    <x v="20"/>
  </r>
  <r>
    <n v="191755.97049645794"/>
    <x v="21"/>
  </r>
  <r>
    <n v="166507.96015170234"/>
    <x v="22"/>
  </r>
  <r>
    <n v="151939.28756910251"/>
    <x v="23"/>
  </r>
  <r>
    <n v="149195.75385025289"/>
    <x v="0"/>
  </r>
  <r>
    <n v="132972.29444528723"/>
    <x v="1"/>
  </r>
  <r>
    <n v="130898.48254980634"/>
    <x v="2"/>
  </r>
  <r>
    <n v="134552.86782617762"/>
    <x v="3"/>
  </r>
  <r>
    <n v="133710.41787575147"/>
    <x v="4"/>
  </r>
  <r>
    <n v="141793.60512752482"/>
    <x v="5"/>
  </r>
  <r>
    <n v="146304.83692293605"/>
    <x v="6"/>
  </r>
  <r>
    <n v="172301.24372934867"/>
    <x v="7"/>
  </r>
  <r>
    <n v="193753.13371000128"/>
    <x v="8"/>
  </r>
  <r>
    <n v="208403.74497167673"/>
    <x v="9"/>
  </r>
  <r>
    <n v="174530.36871295256"/>
    <x v="10"/>
  </r>
  <r>
    <n v="198672.50362116785"/>
    <x v="11"/>
  </r>
  <r>
    <n v="238276.5122922062"/>
    <x v="12"/>
  </r>
  <r>
    <n v="181309.97583823814"/>
    <x v="13"/>
  </r>
  <r>
    <n v="187441.66575118274"/>
    <x v="14"/>
  </r>
  <r>
    <n v="209020.6998410004"/>
    <x v="15"/>
  </r>
  <r>
    <n v="204546.38547242543"/>
    <x v="16"/>
  </r>
  <r>
    <n v="206054.92484973287"/>
    <x v="17"/>
  </r>
  <r>
    <n v="252502.02061171431"/>
    <x v="18"/>
  </r>
  <r>
    <n v="279555.14783290407"/>
    <x v="19"/>
  </r>
  <r>
    <n v="263316.43236269092"/>
    <x v="20"/>
  </r>
  <r>
    <n v="271662.2879249726"/>
    <x v="21"/>
  </r>
  <r>
    <n v="235729.14844788681"/>
    <x v="22"/>
  </r>
  <r>
    <n v="201663.38819266163"/>
    <x v="23"/>
  </r>
  <r>
    <n v="158774.81313608997"/>
    <x v="0"/>
  </r>
  <r>
    <n v="180601.40272060738"/>
    <x v="1"/>
  </r>
  <r>
    <n v="174254.55215036983"/>
    <x v="2"/>
  </r>
  <r>
    <n v="179495.82401504778"/>
    <x v="3"/>
  </r>
  <r>
    <n v="184392.92887056142"/>
    <x v="4"/>
  </r>
  <r>
    <n v="211366.20476164299"/>
    <x v="5"/>
  </r>
  <r>
    <n v="280461.99863823806"/>
    <x v="6"/>
  </r>
  <r>
    <n v="237307.51169457636"/>
    <x v="7"/>
  </r>
  <r>
    <n v="195104.8149516657"/>
    <x v="8"/>
  </r>
  <r>
    <n v="185862.15650898163"/>
    <x v="9"/>
  </r>
  <r>
    <n v="167444.24871673918"/>
    <x v="10"/>
  </r>
  <r>
    <n v="159584.32594766191"/>
    <x v="11"/>
  </r>
  <r>
    <n v="176427.3801044689"/>
    <x v="12"/>
  </r>
  <r>
    <n v="171311.71753353876"/>
    <x v="13"/>
  </r>
  <r>
    <n v="223934.09196631471"/>
    <x v="14"/>
  </r>
  <r>
    <n v="236715.70733388999"/>
    <x v="15"/>
  </r>
  <r>
    <n v="244170.51045753257"/>
    <x v="16"/>
  </r>
  <r>
    <n v="252194.81195779738"/>
    <x v="17"/>
  </r>
  <r>
    <n v="300900.4602309828"/>
    <x v="18"/>
  </r>
  <r>
    <n v="270945.81562399439"/>
    <x v="19"/>
  </r>
  <r>
    <n v="237253.32247824461"/>
    <x v="20"/>
  </r>
  <r>
    <n v="256369.14153701931"/>
    <x v="21"/>
  </r>
  <r>
    <n v="239516.27479364467"/>
    <x v="22"/>
  </r>
  <r>
    <n v="170115.92237775316"/>
    <x v="23"/>
  </r>
  <r>
    <n v="131505.83970672081"/>
    <x v="0"/>
  </r>
  <r>
    <n v="117872.03342687123"/>
    <x v="1"/>
  </r>
  <r>
    <n v="105880.96055231069"/>
    <x v="2"/>
  </r>
  <r>
    <n v="100186.18142814349"/>
    <x v="3"/>
  </r>
  <r>
    <n v="104280.0559831931"/>
    <x v="4"/>
  </r>
  <r>
    <n v="125073.5408461535"/>
    <x v="5"/>
  </r>
  <r>
    <n v="193177.98721264352"/>
    <x v="6"/>
  </r>
  <r>
    <n v="170517.40962670036"/>
    <x v="7"/>
  </r>
  <r>
    <n v="149129.72609100278"/>
    <x v="8"/>
  </r>
  <r>
    <n v="136491.08389559577"/>
    <x v="9"/>
  </r>
  <r>
    <n v="149302.48491436851"/>
    <x v="10"/>
  </r>
  <r>
    <n v="145871.33342438497"/>
    <x v="11"/>
  </r>
  <r>
    <n v="200501.02131666371"/>
    <x v="12"/>
  </r>
  <r>
    <n v="246902.25679397772"/>
    <x v="13"/>
  </r>
  <r>
    <n v="248541.27594595702"/>
    <x v="14"/>
  </r>
  <r>
    <n v="283272.45030927984"/>
    <x v="15"/>
  </r>
  <r>
    <n v="315981.78162714996"/>
    <x v="16"/>
  </r>
  <r>
    <n v="349396.55503919953"/>
    <x v="17"/>
  </r>
  <r>
    <n v="325186.15154122497"/>
    <x v="18"/>
  </r>
  <r>
    <n v="284742.88533582829"/>
    <x v="19"/>
  </r>
  <r>
    <n v="288561.280987687"/>
    <x v="20"/>
  </r>
  <r>
    <n v="285187.85902159766"/>
    <x v="21"/>
  </r>
  <r>
    <n v="245911.56413845069"/>
    <x v="22"/>
  </r>
  <r>
    <n v="181711.68819344658"/>
    <x v="23"/>
  </r>
  <r>
    <n v="96979.116277401161"/>
    <x v="0"/>
  </r>
  <r>
    <n v="84735.476675677695"/>
    <x v="1"/>
  </r>
  <r>
    <n v="77837.367026054038"/>
    <x v="2"/>
  </r>
  <r>
    <n v="73559.022834235846"/>
    <x v="3"/>
  </r>
  <r>
    <n v="71051.956076917399"/>
    <x v="4"/>
  </r>
  <r>
    <n v="79225.247257803698"/>
    <x v="5"/>
  </r>
  <r>
    <n v="123001.70477139521"/>
    <x v="6"/>
  </r>
  <r>
    <n v="106304.47992977106"/>
    <x v="7"/>
  </r>
  <r>
    <n v="102699.32439183559"/>
    <x v="8"/>
  </r>
  <r>
    <n v="101265.59629622908"/>
    <x v="9"/>
  </r>
  <r>
    <n v="132539.05191640768"/>
    <x v="10"/>
  </r>
  <r>
    <n v="165940.87924923823"/>
    <x v="11"/>
  </r>
  <r>
    <n v="167946.0398397652"/>
    <x v="12"/>
  </r>
  <r>
    <n v="199605.82331005755"/>
    <x v="13"/>
  </r>
  <r>
    <n v="205020.85771978358"/>
    <x v="14"/>
  </r>
  <r>
    <n v="221955.40667652866"/>
    <x v="15"/>
  </r>
  <r>
    <n v="234966.92691872039"/>
    <x v="16"/>
  </r>
  <r>
    <n v="242019.30380432348"/>
    <x v="17"/>
  </r>
  <r>
    <n v="214503.38280465876"/>
    <x v="18"/>
  </r>
  <r>
    <n v="207154.0773938706"/>
    <x v="19"/>
  </r>
  <r>
    <n v="204518.6089151162"/>
    <x v="20"/>
  </r>
  <r>
    <n v="181944.48838744449"/>
    <x v="21"/>
  </r>
  <r>
    <n v="162766.55074427268"/>
    <x v="22"/>
  </r>
  <r>
    <n v="133110.22196529552"/>
    <x v="23"/>
  </r>
  <r>
    <n v="108504.38276663409"/>
    <x v="0"/>
  </r>
  <r>
    <n v="88262.984638809663"/>
    <x v="1"/>
  </r>
  <r>
    <n v="75813.813342744339"/>
    <x v="2"/>
  </r>
  <r>
    <n v="81267.835568642447"/>
    <x v="3"/>
  </r>
  <r>
    <n v="77707.762426968809"/>
    <x v="4"/>
  </r>
  <r>
    <n v="85159.611334817004"/>
    <x v="5"/>
  </r>
  <r>
    <n v="122845.97221173391"/>
    <x v="6"/>
  </r>
  <r>
    <n v="121758.72391029564"/>
    <x v="7"/>
  </r>
  <r>
    <n v="113219.61212067405"/>
    <x v="8"/>
  </r>
  <r>
    <n v="117725.81049993784"/>
    <x v="9"/>
  </r>
  <r>
    <n v="137381.15205669357"/>
    <x v="10"/>
  </r>
  <r>
    <n v="165440.2051207663"/>
    <x v="11"/>
  </r>
  <r>
    <n v="190698.52160723993"/>
    <x v="12"/>
  </r>
  <r>
    <n v="189031.71227403908"/>
    <x v="13"/>
  </r>
  <r>
    <n v="189244.87677382826"/>
    <x v="14"/>
  </r>
  <r>
    <n v="229171.41866344045"/>
    <x v="15"/>
  </r>
  <r>
    <n v="255256.20686715411"/>
    <x v="16"/>
  </r>
  <r>
    <n v="256620.72211183727"/>
    <x v="17"/>
  </r>
  <r>
    <n v="232442.67723643602"/>
    <x v="18"/>
  </r>
  <r>
    <n v="222373.3811440701"/>
    <x v="19"/>
  </r>
  <r>
    <n v="199685.84018932178"/>
    <x v="20"/>
  </r>
  <r>
    <n v="181569.5550692449"/>
    <x v="21"/>
  </r>
  <r>
    <n v="146073.96244922397"/>
    <x v="22"/>
  </r>
  <r>
    <n v="120121.64388045114"/>
    <x v="23"/>
  </r>
  <r>
    <n v="85947.036914544296"/>
    <x v="0"/>
  </r>
  <r>
    <n v="83528.020801153805"/>
    <x v="1"/>
  </r>
  <r>
    <n v="82669.049516880303"/>
    <x v="2"/>
  </r>
  <r>
    <n v="72936.756000839727"/>
    <x v="3"/>
  </r>
  <r>
    <n v="81002.80881675001"/>
    <x v="4"/>
  </r>
  <r>
    <n v="82198.585842824439"/>
    <x v="5"/>
  </r>
  <r>
    <n v="109899.45839377679"/>
    <x v="6"/>
  </r>
  <r>
    <n v="114987.1278287069"/>
    <x v="7"/>
  </r>
  <r>
    <n v="102037.84374707263"/>
    <x v="8"/>
  </r>
  <r>
    <n v="111896.71644265627"/>
    <x v="9"/>
  </r>
  <r>
    <n v="105508.07286359573"/>
    <x v="10"/>
  </r>
  <r>
    <n v="133520.42511420581"/>
    <x v="11"/>
  </r>
  <r>
    <n v="136365.57339265017"/>
    <x v="12"/>
  </r>
  <r>
    <n v="151991.30398495795"/>
    <x v="13"/>
  </r>
  <r>
    <n v="163613.20164535043"/>
    <x v="14"/>
  </r>
  <r>
    <n v="178649.77005520402"/>
    <x v="15"/>
  </r>
  <r>
    <n v="195034.4070916996"/>
    <x v="16"/>
  </r>
  <r>
    <n v="194834.78772325817"/>
    <x v="17"/>
  </r>
  <r>
    <n v="179487.41030916345"/>
    <x v="18"/>
  </r>
  <r>
    <n v="160526.35515124226"/>
    <x v="19"/>
  </r>
  <r>
    <n v="156727.27386573868"/>
    <x v="20"/>
  </r>
  <r>
    <n v="157444.75757778549"/>
    <x v="21"/>
  </r>
  <r>
    <n v="133939.95967760752"/>
    <x v="22"/>
  </r>
  <r>
    <n v="117161.66817258888"/>
    <x v="23"/>
  </r>
  <r>
    <n v="95902.037759725063"/>
    <x v="0"/>
  </r>
  <r>
    <n v="86020.02607226964"/>
    <x v="1"/>
  </r>
  <r>
    <n v="81067.261188249191"/>
    <x v="2"/>
  </r>
  <r>
    <n v="73762.819468695699"/>
    <x v="3"/>
  </r>
  <r>
    <n v="71509.734859398945"/>
    <x v="4"/>
  </r>
  <r>
    <n v="67537.453772732901"/>
    <x v="5"/>
  </r>
  <r>
    <n v="77450.558024880535"/>
    <x v="6"/>
  </r>
  <r>
    <n v="91379.101155717217"/>
    <x v="7"/>
  </r>
  <r>
    <n v="121415.24037499927"/>
    <x v="8"/>
  </r>
  <r>
    <n v="123054.17939757449"/>
    <x v="9"/>
  </r>
  <r>
    <n v="145299.57168911444"/>
    <x v="10"/>
  </r>
  <r>
    <n v="174769.63668664108"/>
    <x v="11"/>
  </r>
  <r>
    <n v="165820.81018933648"/>
    <x v="12"/>
  </r>
  <r>
    <n v="180486.64441751162"/>
    <x v="13"/>
  </r>
  <r>
    <n v="179670.83092526111"/>
    <x v="14"/>
  </r>
  <r>
    <n v="159113.91434494438"/>
    <x v="15"/>
  </r>
  <r>
    <n v="177780.40299197362"/>
    <x v="16"/>
  </r>
  <r>
    <n v="175129.97508936262"/>
    <x v="17"/>
  </r>
  <r>
    <n v="166953.30856089076"/>
    <x v="18"/>
  </r>
  <r>
    <n v="171565.91422602741"/>
    <x v="19"/>
  </r>
  <r>
    <n v="161779.46205509853"/>
    <x v="20"/>
  </r>
  <r>
    <n v="147799.19518534243"/>
    <x v="21"/>
  </r>
  <r>
    <n v="137474.62658529467"/>
    <x v="22"/>
  </r>
  <r>
    <n v="111508.96700986607"/>
    <x v="23"/>
  </r>
  <r>
    <n v="98458.327728485951"/>
    <x v="0"/>
  </r>
  <r>
    <n v="82928.53574141844"/>
    <x v="1"/>
  </r>
  <r>
    <n v="80360.676276721671"/>
    <x v="2"/>
  </r>
  <r>
    <n v="78207.773150191759"/>
    <x v="3"/>
  </r>
  <r>
    <n v="73509.865234301586"/>
    <x v="4"/>
  </r>
  <r>
    <n v="70774.485008980497"/>
    <x v="5"/>
  </r>
  <r>
    <n v="82471.741131559043"/>
    <x v="6"/>
  </r>
  <r>
    <n v="89021.140195737593"/>
    <x v="7"/>
  </r>
  <r>
    <n v="138051.87663393709"/>
    <x v="8"/>
  </r>
  <r>
    <n v="150464.88869884802"/>
    <x v="9"/>
  </r>
  <r>
    <n v="134217.07352733344"/>
    <x v="10"/>
  </r>
  <r>
    <n v="131584.34615158592"/>
    <x v="11"/>
  </r>
  <r>
    <n v="137614.08749093648"/>
    <x v="12"/>
  </r>
  <r>
    <n v="143869.10958857994"/>
    <x v="13"/>
  </r>
  <r>
    <n v="156568.08576664852"/>
    <x v="14"/>
  </r>
  <r>
    <n v="141163.90336683707"/>
    <x v="15"/>
  </r>
  <r>
    <n v="145894.91593366922"/>
    <x v="16"/>
  </r>
  <r>
    <n v="161613.93151022121"/>
    <x v="17"/>
  </r>
  <r>
    <n v="143983.15697006768"/>
    <x v="18"/>
  </r>
  <r>
    <n v="168444.68730165227"/>
    <x v="19"/>
  </r>
  <r>
    <n v="147941.89292538597"/>
    <x v="20"/>
  </r>
  <r>
    <n v="146171.18412395683"/>
    <x v="21"/>
  </r>
  <r>
    <n v="127760.79906371255"/>
    <x v="22"/>
  </r>
  <r>
    <n v="104305.76384737728"/>
    <x v="23"/>
  </r>
  <r>
    <n v="95880.539055556859"/>
    <x v="0"/>
  </r>
  <r>
    <n v="81745.545669264335"/>
    <x v="1"/>
  </r>
  <r>
    <n v="81509.56294497654"/>
    <x v="2"/>
  </r>
  <r>
    <n v="89254.119370985951"/>
    <x v="3"/>
  </r>
  <r>
    <n v="96715.613170531171"/>
    <x v="4"/>
  </r>
  <r>
    <n v="108822.64961230084"/>
    <x v="5"/>
  </r>
  <r>
    <n v="124958.99812164801"/>
    <x v="6"/>
  </r>
  <r>
    <n v="118705.92249874611"/>
    <x v="7"/>
  </r>
  <r>
    <n v="128279.17371904799"/>
    <x v="8"/>
  </r>
  <r>
    <n v="103165.9753082516"/>
    <x v="9"/>
  </r>
  <r>
    <n v="108399.12003706995"/>
    <x v="10"/>
  </r>
  <r>
    <n v="87448.869755603286"/>
    <x v="11"/>
  </r>
  <r>
    <n v="95616.963047011144"/>
    <x v="12"/>
  </r>
  <r>
    <n v="105226.78903801896"/>
    <x v="13"/>
  </r>
  <r>
    <n v="138185.03883479719"/>
    <x v="14"/>
  </r>
  <r>
    <n v="136583.81184906908"/>
    <x v="15"/>
  </r>
  <r>
    <n v="163725.60144896703"/>
    <x v="16"/>
  </r>
  <r>
    <n v="167647.78450408208"/>
    <x v="17"/>
  </r>
  <r>
    <n v="154523.01879883549"/>
    <x v="18"/>
  </r>
  <r>
    <n v="164893.69041860511"/>
    <x v="19"/>
  </r>
  <r>
    <n v="167007.06625656263"/>
    <x v="20"/>
  </r>
  <r>
    <n v="170134.76684974119"/>
    <x v="21"/>
  </r>
  <r>
    <n v="154534.66848661465"/>
    <x v="22"/>
  </r>
  <r>
    <n v="101988.82466032221"/>
    <x v="23"/>
  </r>
  <r>
    <n v="91318.519863198482"/>
    <x v="0"/>
  </r>
  <r>
    <n v="83276.262154241398"/>
    <x v="1"/>
  </r>
  <r>
    <n v="82777.680303862449"/>
    <x v="2"/>
  </r>
  <r>
    <n v="80869.909061922503"/>
    <x v="3"/>
  </r>
  <r>
    <n v="84942.61949705283"/>
    <x v="4"/>
  </r>
  <r>
    <n v="105640.27276233638"/>
    <x v="5"/>
  </r>
  <r>
    <n v="151354.27456222964"/>
    <x v="6"/>
  </r>
  <r>
    <n v="155562.8591405566"/>
    <x v="7"/>
  </r>
  <r>
    <n v="140566.00756363227"/>
    <x v="8"/>
  </r>
  <r>
    <n v="110910.01413236342"/>
    <x v="9"/>
  </r>
  <r>
    <n v="112887.21693025385"/>
    <x v="10"/>
  </r>
  <r>
    <n v="109910.29158278796"/>
    <x v="11"/>
  </r>
  <r>
    <n v="117289.1221722405"/>
    <x v="12"/>
  </r>
  <r>
    <n v="133636.3679392621"/>
    <x v="13"/>
  </r>
  <r>
    <n v="151624.43359209236"/>
    <x v="14"/>
  </r>
  <r>
    <n v="186929.85490084445"/>
    <x v="15"/>
  </r>
  <r>
    <n v="202271.44392188746"/>
    <x v="16"/>
  </r>
  <r>
    <n v="207634.1495087856"/>
    <x v="17"/>
  </r>
  <r>
    <n v="195000.44949115178"/>
    <x v="18"/>
  </r>
  <r>
    <n v="195229.79816294953"/>
    <x v="19"/>
  </r>
  <r>
    <n v="201445.36587369631"/>
    <x v="20"/>
  </r>
  <r>
    <n v="181149.99134517289"/>
    <x v="21"/>
  </r>
  <r>
    <n v="155406.68917084104"/>
    <x v="22"/>
  </r>
  <r>
    <n v="115571.64617441807"/>
    <x v="23"/>
  </r>
  <r>
    <n v="102675.07729449296"/>
    <x v="0"/>
  </r>
  <r>
    <n v="77936.578916533865"/>
    <x v="1"/>
  </r>
  <r>
    <n v="71333.866856905312"/>
    <x v="2"/>
  </r>
  <r>
    <n v="70268.438027008393"/>
    <x v="3"/>
  </r>
  <r>
    <n v="72624.007812024574"/>
    <x v="4"/>
  </r>
  <r>
    <n v="87754.488160533554"/>
    <x v="5"/>
  </r>
  <r>
    <n v="122926.10573367929"/>
    <x v="6"/>
  </r>
  <r>
    <n v="109709.72449256227"/>
    <x v="7"/>
  </r>
  <r>
    <n v="108919.1203997738"/>
    <x v="8"/>
  </r>
  <r>
    <n v="112946.99630433973"/>
    <x v="9"/>
  </r>
  <r>
    <n v="113273.30420483777"/>
    <x v="10"/>
  </r>
  <r>
    <n v="121529.91471089814"/>
    <x v="11"/>
  </r>
  <r>
    <n v="148679.78910663284"/>
    <x v="12"/>
  </r>
  <r>
    <n v="172558.52886222073"/>
    <x v="13"/>
  </r>
  <r>
    <n v="190123.23990384181"/>
    <x v="14"/>
  </r>
  <r>
    <n v="217609.91275120986"/>
    <x v="15"/>
  </r>
  <r>
    <n v="242953.2617522369"/>
    <x v="16"/>
  </r>
  <r>
    <n v="247577.70664950958"/>
    <x v="17"/>
  </r>
  <r>
    <n v="256876.25706555168"/>
    <x v="18"/>
  </r>
  <r>
    <n v="233237.30550172392"/>
    <x v="19"/>
  </r>
  <r>
    <n v="251232.47177776872"/>
    <x v="20"/>
  </r>
  <r>
    <n v="252670.06366218816"/>
    <x v="21"/>
  </r>
  <r>
    <n v="211059.58054558217"/>
    <x v="22"/>
  </r>
  <r>
    <n v="139718.40894077026"/>
    <x v="23"/>
  </r>
  <r>
    <n v="105552.535595614"/>
    <x v="0"/>
  </r>
  <r>
    <n v="93057.545596362121"/>
    <x v="1"/>
  </r>
  <r>
    <n v="79933.720322732217"/>
    <x v="2"/>
  </r>
  <r>
    <n v="79663.510261696472"/>
    <x v="3"/>
  </r>
  <r>
    <n v="77523.57634327616"/>
    <x v="4"/>
  </r>
  <r>
    <n v="79835.623827890799"/>
    <x v="5"/>
  </r>
  <r>
    <n v="109170.71137283207"/>
    <x v="6"/>
  </r>
  <r>
    <n v="113269.24358150047"/>
    <x v="7"/>
  </r>
  <r>
    <n v="108392.00483352022"/>
    <x v="8"/>
  </r>
  <r>
    <n v="107578.92515410899"/>
    <x v="9"/>
  </r>
  <r>
    <n v="120599.95906498146"/>
    <x v="10"/>
  </r>
  <r>
    <n v="152955.88063667147"/>
    <x v="11"/>
  </r>
  <r>
    <n v="161724.18800457183"/>
    <x v="12"/>
  </r>
  <r>
    <n v="175748.45832578919"/>
    <x v="13"/>
  </r>
  <r>
    <n v="162864.20982905981"/>
    <x v="14"/>
  </r>
  <r>
    <n v="171005.46072346962"/>
    <x v="15"/>
  </r>
  <r>
    <n v="192001.84318532841"/>
    <x v="16"/>
  </r>
  <r>
    <n v="212022.14511104595"/>
    <x v="17"/>
  </r>
  <r>
    <n v="217931.65700680818"/>
    <x v="18"/>
  </r>
  <r>
    <n v="208473.08741257279"/>
    <x v="19"/>
  </r>
  <r>
    <n v="226487.8350787145"/>
    <x v="20"/>
  </r>
  <r>
    <n v="210590.48742302973"/>
    <x v="21"/>
  </r>
  <r>
    <n v="157927.4687333614"/>
    <x v="22"/>
  </r>
  <r>
    <n v="125671.48077874081"/>
    <x v="23"/>
  </r>
  <r>
    <n v="102863.82702308532"/>
    <x v="0"/>
  </r>
  <r>
    <n v="83030.481444737568"/>
    <x v="1"/>
  </r>
  <r>
    <n v="80025.015091229463"/>
    <x v="2"/>
  </r>
  <r>
    <n v="82175.979033185373"/>
    <x v="3"/>
  </r>
  <r>
    <n v="80059.424682166704"/>
    <x v="4"/>
  </r>
  <r>
    <n v="91017.421362162509"/>
    <x v="5"/>
  </r>
  <r>
    <n v="118615.66293404401"/>
    <x v="6"/>
  </r>
  <r>
    <n v="113156.17308246731"/>
    <x v="7"/>
  </r>
  <r>
    <n v="110401.53952459003"/>
    <x v="8"/>
  </r>
  <r>
    <n v="125806.65506585063"/>
    <x v="9"/>
  </r>
  <r>
    <n v="121900.37186620889"/>
    <x v="10"/>
  </r>
  <r>
    <n v="136808.96138434569"/>
    <x v="11"/>
  </r>
  <r>
    <n v="162190.6129257931"/>
    <x v="12"/>
  </r>
  <r>
    <n v="171541.37552198191"/>
    <x v="13"/>
  </r>
  <r>
    <n v="201646.28289196544"/>
    <x v="14"/>
  </r>
  <r>
    <n v="200023.8706792747"/>
    <x v="15"/>
  </r>
  <r>
    <n v="226597.65416301083"/>
    <x v="16"/>
  </r>
  <r>
    <n v="253192.73951639072"/>
    <x v="17"/>
  </r>
  <r>
    <n v="215571.99014761683"/>
    <x v="18"/>
  </r>
  <r>
    <n v="203995.9913822542"/>
    <x v="19"/>
  </r>
  <r>
    <n v="191214.76753364451"/>
    <x v="20"/>
  </r>
  <r>
    <n v="191765.80213970001"/>
    <x v="21"/>
  </r>
  <r>
    <n v="153449.68742729109"/>
    <x v="22"/>
  </r>
  <r>
    <n v="141578.27649159823"/>
    <x v="23"/>
  </r>
  <r>
    <n v="114927.20994143716"/>
    <x v="0"/>
  </r>
  <r>
    <n v="97401.034725598758"/>
    <x v="1"/>
  </r>
  <r>
    <n v="86548.555931032097"/>
    <x v="2"/>
  </r>
  <r>
    <n v="82025.211077640255"/>
    <x v="3"/>
  </r>
  <r>
    <n v="72965.763577606514"/>
    <x v="4"/>
  </r>
  <r>
    <n v="85917.723150739504"/>
    <x v="5"/>
  </r>
  <r>
    <n v="83878.400834972766"/>
    <x v="6"/>
  </r>
  <r>
    <n v="85189.289607000377"/>
    <x v="7"/>
  </r>
  <r>
    <n v="131605.00648648341"/>
    <x v="8"/>
  </r>
  <r>
    <n v="130647.28259228705"/>
    <x v="9"/>
  </r>
  <r>
    <n v="122841.88971789391"/>
    <x v="10"/>
  </r>
  <r>
    <n v="117253.18164611327"/>
    <x v="11"/>
  </r>
  <r>
    <n v="117422.40830594931"/>
    <x v="12"/>
  </r>
  <r>
    <n v="136106.13090911746"/>
    <x v="13"/>
  </r>
  <r>
    <n v="133802.30673352341"/>
    <x v="14"/>
  </r>
  <r>
    <n v="144204.603100218"/>
    <x v="15"/>
  </r>
  <r>
    <n v="137060.99705762582"/>
    <x v="16"/>
  </r>
  <r>
    <n v="153598.58180977034"/>
    <x v="17"/>
  </r>
  <r>
    <n v="148170.49800009147"/>
    <x v="18"/>
  </r>
  <r>
    <n v="130321.71828888131"/>
    <x v="19"/>
  </r>
  <r>
    <n v="161531.52345599356"/>
    <x v="20"/>
  </r>
  <r>
    <n v="146640.71465656353"/>
    <x v="21"/>
  </r>
  <r>
    <n v="142624.50302011194"/>
    <x v="22"/>
  </r>
  <r>
    <n v="107580.74040583428"/>
    <x v="23"/>
  </r>
  <r>
    <n v="109220.83856505335"/>
    <x v="0"/>
  </r>
  <r>
    <n v="96467.288192544904"/>
    <x v="1"/>
  </r>
  <r>
    <n v="83060.742930326669"/>
    <x v="2"/>
  </r>
  <r>
    <n v="82582.930767358775"/>
    <x v="3"/>
  </r>
  <r>
    <n v="80310.075223608248"/>
    <x v="4"/>
  </r>
  <r>
    <n v="86354.010519220406"/>
    <x v="5"/>
  </r>
  <r>
    <n v="96002.948259249053"/>
    <x v="6"/>
  </r>
  <r>
    <n v="109003.47492874305"/>
    <x v="7"/>
  </r>
  <r>
    <n v="114524.28237976322"/>
    <x v="8"/>
  </r>
  <r>
    <n v="128557.59979893675"/>
    <x v="9"/>
  </r>
  <r>
    <n v="120756.98927447046"/>
    <x v="10"/>
  </r>
  <r>
    <n v="152746.20083698147"/>
    <x v="11"/>
  </r>
  <r>
    <n v="150492.64965696013"/>
    <x v="12"/>
  </r>
  <r>
    <n v="151778.54773455279"/>
    <x v="13"/>
  </r>
  <r>
    <n v="133845.47910588153"/>
    <x v="14"/>
  </r>
  <r>
    <n v="133252.64267897137"/>
    <x v="15"/>
  </r>
  <r>
    <n v="135592.43654136293"/>
    <x v="16"/>
  </r>
  <r>
    <n v="149910.95260609908"/>
    <x v="17"/>
  </r>
  <r>
    <n v="149654.30954691381"/>
    <x v="18"/>
  </r>
  <r>
    <n v="172823.16194506429"/>
    <x v="19"/>
  </r>
  <r>
    <n v="188538.06586710602"/>
    <x v="20"/>
  </r>
  <r>
    <n v="162436.5831796538"/>
    <x v="21"/>
  </r>
  <r>
    <n v="126160.15529139017"/>
    <x v="22"/>
  </r>
  <r>
    <n v="112694.45031932961"/>
    <x v="23"/>
  </r>
  <r>
    <n v="97859.185306626445"/>
    <x v="0"/>
  </r>
  <r>
    <n v="81851.238518715196"/>
    <x v="1"/>
  </r>
  <r>
    <n v="80550.169602406342"/>
    <x v="2"/>
  </r>
  <r>
    <n v="84080.046869999031"/>
    <x v="3"/>
  </r>
  <r>
    <n v="83077.568637081567"/>
    <x v="4"/>
  </r>
  <r>
    <n v="96089.540869662727"/>
    <x v="5"/>
  </r>
  <r>
    <n v="136926.50804626773"/>
    <x v="6"/>
  </r>
  <r>
    <n v="122101.04830894817"/>
    <x v="7"/>
  </r>
  <r>
    <n v="110295.91957681488"/>
    <x v="8"/>
  </r>
  <r>
    <n v="127490.80041753639"/>
    <x v="9"/>
  </r>
  <r>
    <n v="123664.92047604016"/>
    <x v="10"/>
  </r>
  <r>
    <n v="122643.84502564793"/>
    <x v="11"/>
  </r>
  <r>
    <n v="136770.17769286557"/>
    <x v="12"/>
  </r>
  <r>
    <n v="122451.95323483227"/>
    <x v="13"/>
  </r>
  <r>
    <n v="121003.00326933656"/>
    <x v="14"/>
  </r>
  <r>
    <n v="124584.05022311327"/>
    <x v="15"/>
  </r>
  <r>
    <n v="145990.09636148202"/>
    <x v="16"/>
  </r>
  <r>
    <n v="164381.87691408396"/>
    <x v="17"/>
  </r>
  <r>
    <n v="152117.96335634429"/>
    <x v="18"/>
  </r>
  <r>
    <n v="164755.49800212073"/>
    <x v="19"/>
  </r>
  <r>
    <n v="161156.16730807483"/>
    <x v="20"/>
  </r>
  <r>
    <n v="170887.08298244441"/>
    <x v="21"/>
  </r>
  <r>
    <n v="162650.02470581065"/>
    <x v="22"/>
  </r>
  <r>
    <n v="114888.92927151949"/>
    <x v="23"/>
  </r>
  <r>
    <n v="108446.6519296358"/>
    <x v="0"/>
  </r>
  <r>
    <n v="103936.93968960256"/>
    <x v="1"/>
  </r>
  <r>
    <n v="101283.20205091413"/>
    <x v="2"/>
  </r>
  <r>
    <n v="101532.69345571182"/>
    <x v="3"/>
  </r>
  <r>
    <n v="103962.35321375664"/>
    <x v="4"/>
  </r>
  <r>
    <n v="112470.72965689699"/>
    <x v="5"/>
  </r>
  <r>
    <n v="145755.03219830824"/>
    <x v="6"/>
  </r>
  <r>
    <n v="151483.35426924968"/>
    <x v="7"/>
  </r>
  <r>
    <n v="134118.24801573486"/>
    <x v="8"/>
  </r>
  <r>
    <n v="154616.69745212857"/>
    <x v="9"/>
  </r>
  <r>
    <n v="119861.60360317759"/>
    <x v="10"/>
  </r>
  <r>
    <n v="105094.96822799202"/>
    <x v="11"/>
  </r>
  <r>
    <n v="120715.79982769178"/>
    <x v="12"/>
  </r>
  <r>
    <n v="107584.46568146329"/>
    <x v="13"/>
  </r>
  <r>
    <n v="100985.10709891759"/>
    <x v="14"/>
  </r>
  <r>
    <n v="119571.19248780135"/>
    <x v="15"/>
  </r>
  <r>
    <n v="128676.91068141107"/>
    <x v="16"/>
  </r>
  <r>
    <n v="145202.01466667332"/>
    <x v="17"/>
  </r>
  <r>
    <n v="152668.28352597781"/>
    <x v="18"/>
  </r>
  <r>
    <n v="147227.03367366485"/>
    <x v="19"/>
  </r>
  <r>
    <n v="150227.46252138109"/>
    <x v="20"/>
  </r>
  <r>
    <n v="152442.4924559549"/>
    <x v="21"/>
  </r>
  <r>
    <n v="148006.99412179901"/>
    <x v="22"/>
  </r>
  <r>
    <n v="108958.87368354092"/>
    <x v="23"/>
  </r>
  <r>
    <n v="117455.3963142101"/>
    <x v="0"/>
  </r>
  <r>
    <n v="116198.45478221124"/>
    <x v="1"/>
  </r>
  <r>
    <n v="134978.05037911152"/>
    <x v="2"/>
  </r>
  <r>
    <n v="136943.62535972547"/>
    <x v="3"/>
  </r>
  <r>
    <n v="132325.31878354793"/>
    <x v="4"/>
  </r>
  <r>
    <n v="149359.07234060529"/>
    <x v="5"/>
  </r>
  <r>
    <n v="169090.30454177977"/>
    <x v="6"/>
  </r>
  <r>
    <n v="162489.83056359563"/>
    <x v="7"/>
  </r>
  <r>
    <n v="140071.63213994208"/>
    <x v="8"/>
  </r>
  <r>
    <n v="148252.06039488083"/>
    <x v="9"/>
  </r>
  <r>
    <n v="113334.67283545423"/>
    <x v="10"/>
  </r>
  <r>
    <n v="102286.36555958331"/>
    <x v="11"/>
  </r>
  <r>
    <n v="111034.58851582433"/>
    <x v="12"/>
  </r>
  <r>
    <n v="102716.92285635308"/>
    <x v="13"/>
  </r>
  <r>
    <n v="117750.64810085378"/>
    <x v="14"/>
  </r>
  <r>
    <n v="115145.01827796934"/>
    <x v="15"/>
  </r>
  <r>
    <n v="125989.12796016397"/>
    <x v="16"/>
  </r>
  <r>
    <n v="140639.23000671991"/>
    <x v="17"/>
  </r>
  <r>
    <n v="143866.7475742868"/>
    <x v="18"/>
  </r>
  <r>
    <n v="147354.55328482465"/>
    <x v="19"/>
  </r>
  <r>
    <n v="132868.27588393429"/>
    <x v="20"/>
  </r>
  <r>
    <n v="140886.54165141375"/>
    <x v="21"/>
  </r>
  <r>
    <n v="126694.23296767448"/>
    <x v="22"/>
  </r>
  <r>
    <n v="90686.51336592689"/>
    <x v="23"/>
  </r>
  <r>
    <n v="93446.002175406757"/>
    <x v="0"/>
  </r>
  <r>
    <n v="92828.77284780248"/>
    <x v="1"/>
  </r>
  <r>
    <n v="88134.45898452503"/>
    <x v="2"/>
  </r>
  <r>
    <n v="97237.224660268301"/>
    <x v="3"/>
  </r>
  <r>
    <n v="111559.67741549306"/>
    <x v="4"/>
  </r>
  <r>
    <n v="116636.57927292015"/>
    <x v="5"/>
  </r>
  <r>
    <n v="153481.96828929748"/>
    <x v="6"/>
  </r>
  <r>
    <n v="141823.47398769631"/>
    <x v="7"/>
  </r>
  <r>
    <n v="154352.48719900416"/>
    <x v="8"/>
  </r>
  <r>
    <n v="125746.39454070503"/>
    <x v="9"/>
  </r>
  <r>
    <n v="105207.38990211133"/>
    <x v="10"/>
  </r>
  <r>
    <n v="95417.044781699311"/>
    <x v="11"/>
  </r>
  <r>
    <n v="110483.21856206053"/>
    <x v="12"/>
  </r>
  <r>
    <n v="106433.12222673684"/>
    <x v="13"/>
  </r>
  <r>
    <n v="124776.84599470778"/>
    <x v="14"/>
  </r>
  <r>
    <n v="147076.33132962786"/>
    <x v="15"/>
  </r>
  <r>
    <n v="175725.01314687941"/>
    <x v="16"/>
  </r>
  <r>
    <n v="183252.30070875693"/>
    <x v="17"/>
  </r>
  <r>
    <n v="173544.81563296201"/>
    <x v="18"/>
  </r>
  <r>
    <n v="193218.6450546789"/>
    <x v="19"/>
  </r>
  <r>
    <n v="169406.58117169948"/>
    <x v="20"/>
  </r>
  <r>
    <n v="167174.39018266249"/>
    <x v="21"/>
  </r>
  <r>
    <n v="156028.33633999361"/>
    <x v="22"/>
  </r>
  <r>
    <n v="129091.88159991306"/>
    <x v="23"/>
  </r>
  <r>
    <n v="108107.46230303901"/>
    <x v="0"/>
  </r>
  <r>
    <n v="92260.489705272921"/>
    <x v="1"/>
  </r>
  <r>
    <n v="78713.324400769008"/>
    <x v="2"/>
  </r>
  <r>
    <n v="84794.257296806289"/>
    <x v="3"/>
  </r>
  <r>
    <n v="88535.082853246407"/>
    <x v="4"/>
  </r>
  <r>
    <n v="96037.809840575734"/>
    <x v="5"/>
  </r>
  <r>
    <n v="107850.6224093293"/>
    <x v="6"/>
  </r>
  <r>
    <n v="115018.6869641237"/>
    <x v="7"/>
  </r>
  <r>
    <n v="113397.40472740654"/>
    <x v="8"/>
  </r>
  <r>
    <n v="113896.35108616405"/>
    <x v="9"/>
  </r>
  <r>
    <n v="114971.38835692014"/>
    <x v="10"/>
  </r>
  <r>
    <n v="126860.92993936321"/>
    <x v="11"/>
  </r>
  <r>
    <n v="149244.13555867385"/>
    <x v="12"/>
  </r>
  <r>
    <n v="174580.09232978342"/>
    <x v="13"/>
  </r>
  <r>
    <n v="189683.87608464574"/>
    <x v="14"/>
  </r>
  <r>
    <n v="228810.07421759405"/>
    <x v="15"/>
  </r>
  <r>
    <n v="237531.08297829083"/>
    <x v="16"/>
  </r>
  <r>
    <n v="235525.7474237422"/>
    <x v="17"/>
  </r>
  <r>
    <n v="233107.23433191411"/>
    <x v="18"/>
  </r>
  <r>
    <n v="217703.54766349756"/>
    <x v="19"/>
  </r>
  <r>
    <n v="214831.07583699535"/>
    <x v="20"/>
  </r>
  <r>
    <n v="211462.08527753697"/>
    <x v="21"/>
  </r>
  <r>
    <n v="186229.45934158511"/>
    <x v="22"/>
  </r>
  <r>
    <n v="144795.87943126791"/>
    <x v="23"/>
  </r>
  <r>
    <n v="114306.50320390132"/>
    <x v="0"/>
  </r>
  <r>
    <n v="104814.61025369682"/>
    <x v="1"/>
  </r>
  <r>
    <n v="87372.862468503357"/>
    <x v="2"/>
  </r>
  <r>
    <n v="92817.188771531451"/>
    <x v="3"/>
  </r>
  <r>
    <n v="82851.66821454509"/>
    <x v="4"/>
  </r>
  <r>
    <n v="79256.893875231355"/>
    <x v="5"/>
  </r>
  <r>
    <n v="87716.695931843162"/>
    <x v="6"/>
  </r>
  <r>
    <n v="94745.066295633471"/>
    <x v="7"/>
  </r>
  <r>
    <n v="129820.70881270108"/>
    <x v="8"/>
  </r>
  <r>
    <n v="152372.87135564757"/>
    <x v="9"/>
  </r>
  <r>
    <n v="194276.14218225807"/>
    <x v="10"/>
  </r>
  <r>
    <n v="206243.06889347205"/>
    <x v="11"/>
  </r>
  <r>
    <n v="242676.65821424098"/>
    <x v="12"/>
  </r>
  <r>
    <n v="239916.39664699853"/>
    <x v="13"/>
  </r>
  <r>
    <n v="264493.34491157427"/>
    <x v="14"/>
  </r>
  <r>
    <n v="281873.30852659978"/>
    <x v="15"/>
  </r>
  <r>
    <n v="285428.95653655753"/>
    <x v="16"/>
  </r>
  <r>
    <n v="293644.2755334932"/>
    <x v="17"/>
  </r>
  <r>
    <n v="289996.12987738894"/>
    <x v="18"/>
  </r>
  <r>
    <n v="272171.55352251598"/>
    <x v="19"/>
  </r>
  <r>
    <n v="246183.36003912406"/>
    <x v="20"/>
  </r>
  <r>
    <n v="223888.46750977394"/>
    <x v="21"/>
  </r>
  <r>
    <n v="206104.64319162539"/>
    <x v="22"/>
  </r>
  <r>
    <n v="172525.54814412748"/>
    <x v="23"/>
  </r>
  <r>
    <n v="140075.62715177124"/>
    <x v="0"/>
  </r>
  <r>
    <n v="114847.51382954608"/>
    <x v="1"/>
  </r>
  <r>
    <n v="100696.38730241795"/>
    <x v="2"/>
  </r>
  <r>
    <n v="92493.950031580986"/>
    <x v="3"/>
  </r>
  <r>
    <n v="87031.15773409442"/>
    <x v="4"/>
  </r>
  <r>
    <n v="80418.428984222686"/>
    <x v="5"/>
  </r>
  <r>
    <n v="99565.580249740262"/>
    <x v="6"/>
  </r>
  <r>
    <n v="123550.27530081155"/>
    <x v="7"/>
  </r>
  <r>
    <n v="139087.00752740708"/>
    <x v="8"/>
  </r>
  <r>
    <n v="187274.28615792512"/>
    <x v="9"/>
  </r>
  <r>
    <n v="176859.14451596967"/>
    <x v="10"/>
  </r>
  <r>
    <n v="188610.00524070108"/>
    <x v="11"/>
  </r>
  <r>
    <n v="242555.1457011601"/>
    <x v="12"/>
  </r>
  <r>
    <n v="261558.99414272569"/>
    <x v="13"/>
  </r>
  <r>
    <n v="267141.8336296113"/>
    <x v="14"/>
  </r>
  <r>
    <n v="294785.91577518207"/>
    <x v="15"/>
  </r>
  <r>
    <n v="302324.38645411422"/>
    <x v="16"/>
  </r>
  <r>
    <n v="280984.84122433217"/>
    <x v="17"/>
  </r>
  <r>
    <n v="295534.26605672645"/>
    <x v="18"/>
  </r>
  <r>
    <n v="285220.10781597067"/>
    <x v="19"/>
  </r>
  <r>
    <n v="253078.92542026524"/>
    <x v="20"/>
  </r>
  <r>
    <n v="232081.39111193016"/>
    <x v="21"/>
  </r>
  <r>
    <n v="204139.024470006"/>
    <x v="22"/>
  </r>
  <r>
    <n v="176565.59862853773"/>
    <x v="23"/>
  </r>
  <r>
    <n v="146739.80261419466"/>
    <x v="0"/>
  </r>
  <r>
    <n v="124226.39460205799"/>
    <x v="1"/>
  </r>
  <r>
    <n v="108372.38699258545"/>
    <x v="2"/>
  </r>
  <r>
    <n v="102230.3989431373"/>
    <x v="3"/>
  </r>
  <r>
    <n v="102037.67607321848"/>
    <x v="4"/>
  </r>
  <r>
    <n v="103694.86238522505"/>
    <x v="5"/>
  </r>
  <r>
    <n v="114907.5410693294"/>
    <x v="6"/>
  </r>
  <r>
    <n v="113061.76541241705"/>
    <x v="7"/>
  </r>
  <r>
    <n v="109971.31028536099"/>
    <x v="8"/>
  </r>
  <r>
    <n v="143111.69033857671"/>
    <x v="9"/>
  </r>
  <r>
    <n v="151851.40566926188"/>
    <x v="10"/>
  </r>
  <r>
    <n v="155686.93779262269"/>
    <x v="11"/>
  </r>
  <r>
    <n v="186362.0091683692"/>
    <x v="12"/>
  </r>
  <r>
    <n v="214685.35996757724"/>
    <x v="13"/>
  </r>
  <r>
    <n v="221292.84708696514"/>
    <x v="14"/>
  </r>
  <r>
    <n v="260004.67209515229"/>
    <x v="15"/>
  </r>
  <r>
    <n v="281014.93503606709"/>
    <x v="16"/>
  </r>
  <r>
    <n v="269317.54040030472"/>
    <x v="17"/>
  </r>
  <r>
    <n v="270495.5731585102"/>
    <x v="18"/>
  </r>
  <r>
    <n v="246754.55924868217"/>
    <x v="19"/>
  </r>
  <r>
    <n v="204946.03143983023"/>
    <x v="20"/>
  </r>
  <r>
    <n v="196470.62842461551"/>
    <x v="21"/>
  </r>
  <r>
    <n v="149945.59548239861"/>
    <x v="22"/>
  </r>
  <r>
    <n v="123205.45037468206"/>
    <x v="23"/>
  </r>
  <r>
    <n v="102339.12450229788"/>
    <x v="0"/>
  </r>
  <r>
    <n v="82825.16845542287"/>
    <x v="1"/>
  </r>
  <r>
    <n v="74587.978955772822"/>
    <x v="2"/>
  </r>
  <r>
    <n v="75349.283865091638"/>
    <x v="3"/>
  </r>
  <r>
    <n v="77507.085984229547"/>
    <x v="4"/>
  </r>
  <r>
    <n v="79832.365122986361"/>
    <x v="5"/>
  </r>
  <r>
    <n v="116207.36336698353"/>
    <x v="6"/>
  </r>
  <r>
    <n v="118273.95819963508"/>
    <x v="7"/>
  </r>
  <r>
    <n v="106816.67252300589"/>
    <x v="8"/>
  </r>
  <r>
    <n v="99292.650956200378"/>
    <x v="9"/>
  </r>
  <r>
    <n v="96904.158774431533"/>
    <x v="10"/>
  </r>
  <r>
    <n v="107632.97445648372"/>
    <x v="11"/>
  </r>
  <r>
    <n v="126077.90762084909"/>
    <x v="12"/>
  </r>
  <r>
    <n v="138543.07354456617"/>
    <x v="13"/>
  </r>
  <r>
    <n v="154328.47338702381"/>
    <x v="14"/>
  </r>
  <r>
    <n v="184569.72147092855"/>
    <x v="15"/>
  </r>
  <r>
    <n v="204408.83357182532"/>
    <x v="16"/>
  </r>
  <r>
    <n v="214765.66845354435"/>
    <x v="17"/>
  </r>
  <r>
    <n v="226908.90057730625"/>
    <x v="18"/>
  </r>
  <r>
    <n v="201801.19895285874"/>
    <x v="19"/>
  </r>
  <r>
    <n v="199592.0011523421"/>
    <x v="20"/>
  </r>
  <r>
    <n v="178665.07940710406"/>
    <x v="21"/>
  </r>
  <r>
    <n v="148967.80904704565"/>
    <x v="22"/>
  </r>
  <r>
    <n v="111500.26983995333"/>
    <x v="23"/>
  </r>
  <r>
    <n v="86986.439846211157"/>
    <x v="0"/>
  </r>
  <r>
    <n v="89381.019317902159"/>
    <x v="1"/>
  </r>
  <r>
    <n v="74885.425082855494"/>
    <x v="2"/>
  </r>
  <r>
    <n v="74911.91755181014"/>
    <x v="3"/>
  </r>
  <r>
    <n v="80185.420648304062"/>
    <x v="4"/>
  </r>
  <r>
    <n v="83619.614466521482"/>
    <x v="5"/>
  </r>
  <r>
    <n v="99340.204719268935"/>
    <x v="6"/>
  </r>
  <r>
    <n v="100908.96129863382"/>
    <x v="7"/>
  </r>
  <r>
    <n v="99212.182086546731"/>
    <x v="8"/>
  </r>
  <r>
    <n v="121216.93323672074"/>
    <x v="9"/>
  </r>
  <r>
    <n v="139385.56905012819"/>
    <x v="10"/>
  </r>
  <r>
    <n v="153837.80136845986"/>
    <x v="11"/>
  </r>
  <r>
    <n v="194537.42178801878"/>
    <x v="12"/>
  </r>
  <r>
    <n v="221702.78778984281"/>
    <x v="13"/>
  </r>
  <r>
    <n v="247439.16430498176"/>
    <x v="14"/>
  </r>
  <r>
    <n v="265590.13604236359"/>
    <x v="15"/>
  </r>
  <r>
    <n v="290990.97530485911"/>
    <x v="16"/>
  </r>
  <r>
    <n v="305262.58643144055"/>
    <x v="17"/>
  </r>
  <r>
    <n v="310289.71102468978"/>
    <x v="18"/>
  </r>
  <r>
    <n v="277689.42303600482"/>
    <x v="19"/>
  </r>
  <r>
    <n v="290422.37139495637"/>
    <x v="20"/>
  </r>
  <r>
    <n v="277171.41288904799"/>
    <x v="21"/>
  </r>
  <r>
    <n v="230583.81572873291"/>
    <x v="22"/>
  </r>
  <r>
    <n v="175280.28376435078"/>
    <x v="23"/>
  </r>
  <r>
    <n v="149913.27087938684"/>
    <x v="0"/>
  </r>
  <r>
    <n v="129402.95305018677"/>
    <x v="1"/>
  </r>
  <r>
    <n v="107719.67641941096"/>
    <x v="2"/>
  </r>
  <r>
    <n v="104408.44585762113"/>
    <x v="3"/>
  </r>
  <r>
    <n v="94193.761953377805"/>
    <x v="4"/>
  </r>
  <r>
    <n v="90137.009695061381"/>
    <x v="5"/>
  </r>
  <r>
    <n v="111903.12449995158"/>
    <x v="6"/>
  </r>
  <r>
    <n v="134773.06544733752"/>
    <x v="7"/>
  </r>
  <r>
    <n v="130861.0886268225"/>
    <x v="8"/>
  </r>
  <r>
    <n v="136326.52725513751"/>
    <x v="9"/>
  </r>
  <r>
    <n v="171805.16294538722"/>
    <x v="10"/>
  </r>
  <r>
    <n v="188038.57274578064"/>
    <x v="11"/>
  </r>
  <r>
    <n v="181370.30020918205"/>
    <x v="12"/>
  </r>
  <r>
    <n v="193406.41061064909"/>
    <x v="13"/>
  </r>
  <r>
    <n v="230340.48451553311"/>
    <x v="14"/>
  </r>
  <r>
    <n v="272803.52356894972"/>
    <x v="15"/>
  </r>
  <r>
    <n v="316508.4572484977"/>
    <x v="16"/>
  </r>
  <r>
    <n v="297976.32638981025"/>
    <x v="17"/>
  </r>
  <r>
    <n v="294938.51356278762"/>
    <x v="18"/>
  </r>
  <r>
    <n v="267498.43946653628"/>
    <x v="19"/>
  </r>
  <r>
    <n v="251508.85661073751"/>
    <x v="20"/>
  </r>
  <r>
    <n v="252463.7810805864"/>
    <x v="21"/>
  </r>
  <r>
    <n v="221139.69524662412"/>
    <x v="22"/>
  </r>
  <r>
    <n v="178219.0523747477"/>
    <x v="23"/>
  </r>
  <r>
    <n v="151621.24049869608"/>
    <x v="0"/>
  </r>
  <r>
    <n v="130290.07896162121"/>
    <x v="1"/>
  </r>
  <r>
    <n v="112734.85971817814"/>
    <x v="2"/>
  </r>
  <r>
    <n v="94742.084617096742"/>
    <x v="3"/>
  </r>
  <r>
    <n v="101922.14149754617"/>
    <x v="4"/>
  </r>
  <r>
    <n v="102949.95306277442"/>
    <x v="5"/>
  </r>
  <r>
    <n v="113897.29880794835"/>
    <x v="6"/>
  </r>
  <r>
    <n v="132029.27965880657"/>
    <x v="7"/>
  </r>
  <r>
    <n v="161849.8996541739"/>
    <x v="8"/>
  </r>
  <r>
    <n v="161196.05910502581"/>
    <x v="9"/>
  </r>
  <r>
    <n v="177413.05144804833"/>
    <x v="10"/>
  </r>
  <r>
    <n v="204880.02626263833"/>
    <x v="11"/>
  </r>
  <r>
    <n v="251409.59368908466"/>
    <x v="12"/>
  </r>
  <r>
    <n v="267718.80665188603"/>
    <x v="13"/>
  </r>
  <r>
    <n v="308143.92310170963"/>
    <x v="14"/>
  </r>
  <r>
    <n v="313834.45294396067"/>
    <x v="15"/>
  </r>
  <r>
    <n v="337793.5595068562"/>
    <x v="16"/>
  </r>
  <r>
    <n v="357210.30845933349"/>
    <x v="17"/>
  </r>
  <r>
    <n v="334943.24978977122"/>
    <x v="18"/>
  </r>
  <r>
    <n v="318976.00400741136"/>
    <x v="19"/>
  </r>
  <r>
    <n v="290795.59881394426"/>
    <x v="20"/>
  </r>
  <r>
    <n v="257143.98117944555"/>
    <x v="21"/>
  </r>
  <r>
    <n v="224678.92579921096"/>
    <x v="22"/>
  </r>
  <r>
    <n v="184272.22431267289"/>
    <x v="23"/>
  </r>
  <r>
    <n v="152385.97907694103"/>
    <x v="0"/>
  </r>
  <r>
    <n v="122684.52416069662"/>
    <x v="1"/>
  </r>
  <r>
    <n v="107279.43778010631"/>
    <x v="2"/>
  </r>
  <r>
    <n v="108409.15130764827"/>
    <x v="3"/>
  </r>
  <r>
    <n v="99797.793957393631"/>
    <x v="4"/>
  </r>
  <r>
    <n v="99191.033310421961"/>
    <x v="5"/>
  </r>
  <r>
    <n v="94149.02219499182"/>
    <x v="6"/>
  </r>
  <r>
    <n v="104583.83999922263"/>
    <x v="7"/>
  </r>
  <r>
    <n v="143963.00694690019"/>
    <x v="8"/>
  </r>
  <r>
    <n v="174250.37263086191"/>
    <x v="9"/>
  </r>
  <r>
    <n v="199013.54093588277"/>
    <x v="10"/>
  </r>
  <r>
    <n v="214249.48084848034"/>
    <x v="11"/>
  </r>
  <r>
    <n v="253891.83742582233"/>
    <x v="12"/>
  </r>
  <r>
    <n v="297205.05582142127"/>
    <x v="13"/>
  </r>
  <r>
    <n v="334597.4917221925"/>
    <x v="14"/>
  </r>
  <r>
    <n v="344830.81658491609"/>
    <x v="15"/>
  </r>
  <r>
    <n v="351490.76375014806"/>
    <x v="16"/>
  </r>
  <r>
    <n v="333215.74252137047"/>
    <x v="17"/>
  </r>
  <r>
    <n v="315845.5477308908"/>
    <x v="18"/>
  </r>
  <r>
    <n v="292730.234323385"/>
    <x v="19"/>
  </r>
  <r>
    <n v="250081.966692313"/>
    <x v="20"/>
  </r>
  <r>
    <n v="253258.52598855546"/>
    <x v="21"/>
  </r>
  <r>
    <n v="226281.39211342626"/>
    <x v="22"/>
  </r>
  <r>
    <n v="220169.63638889688"/>
    <x v="23"/>
  </r>
  <r>
    <n v="164362.89331772793"/>
    <x v="0"/>
  </r>
  <r>
    <n v="141445.24551375443"/>
    <x v="1"/>
  </r>
  <r>
    <n v="111094.65220644549"/>
    <x v="2"/>
  </r>
  <r>
    <n v="99731.074343779721"/>
    <x v="3"/>
  </r>
  <r>
    <n v="96036.48303007771"/>
    <x v="4"/>
  </r>
  <r>
    <n v="86787.556784694461"/>
    <x v="5"/>
  </r>
  <r>
    <n v="96304.622683523165"/>
    <x v="6"/>
  </r>
  <r>
    <n v="104326.13257557192"/>
    <x v="7"/>
  </r>
  <r>
    <n v="133985.42116258308"/>
    <x v="8"/>
  </r>
  <r>
    <n v="180558.71501412298"/>
    <x v="9"/>
  </r>
  <r>
    <n v="211457.33208828041"/>
    <x v="10"/>
  </r>
  <r>
    <n v="243384.65012810976"/>
    <x v="11"/>
  </r>
  <r>
    <n v="272964.92787898157"/>
    <x v="12"/>
  </r>
  <r>
    <n v="291133.33769719431"/>
    <x v="13"/>
  </r>
  <r>
    <n v="321575.1237106545"/>
    <x v="14"/>
  </r>
  <r>
    <n v="352827.72216141119"/>
    <x v="15"/>
  </r>
  <r>
    <n v="356218.61238425423"/>
    <x v="16"/>
  </r>
  <r>
    <n v="351557.83329180541"/>
    <x v="17"/>
  </r>
  <r>
    <n v="329167.8332363182"/>
    <x v="18"/>
  </r>
  <r>
    <n v="310119.26690686931"/>
    <x v="19"/>
  </r>
  <r>
    <n v="256331.65238729419"/>
    <x v="20"/>
  </r>
  <r>
    <n v="229922.84539569999"/>
    <x v="21"/>
  </r>
  <r>
    <n v="205108.71881935466"/>
    <x v="22"/>
  </r>
  <r>
    <n v="176562.77004351999"/>
    <x v="23"/>
  </r>
  <r>
    <n v="138102.76200358581"/>
    <x v="0"/>
  </r>
  <r>
    <n v="117632.42345334761"/>
    <x v="1"/>
  </r>
  <r>
    <n v="109955.70203659052"/>
    <x v="2"/>
  </r>
  <r>
    <n v="92384.444424490255"/>
    <x v="3"/>
  </r>
  <r>
    <n v="95403.732935713851"/>
    <x v="4"/>
  </r>
  <r>
    <n v="94463.614796202557"/>
    <x v="5"/>
  </r>
  <r>
    <n v="94615.25028168867"/>
    <x v="6"/>
  </r>
  <r>
    <n v="100309.51268973631"/>
    <x v="7"/>
  </r>
  <r>
    <n v="128997.16774282481"/>
    <x v="8"/>
  </r>
  <r>
    <n v="152484.27969647446"/>
    <x v="9"/>
  </r>
  <r>
    <n v="190299.74944108172"/>
    <x v="10"/>
  </r>
  <r>
    <n v="217612.47889019499"/>
    <x v="11"/>
  </r>
  <r>
    <n v="234762.36481666553"/>
    <x v="12"/>
  </r>
  <r>
    <n v="239764.09046609586"/>
    <x v="13"/>
  </r>
  <r>
    <n v="285920.78040159773"/>
    <x v="14"/>
  </r>
  <r>
    <n v="308840.13410478295"/>
    <x v="15"/>
  </r>
  <r>
    <n v="303776.52951300621"/>
    <x v="16"/>
  </r>
  <r>
    <n v="310995.31176359515"/>
    <x v="17"/>
  </r>
  <r>
    <n v="304222.80441105994"/>
    <x v="18"/>
  </r>
  <r>
    <n v="293254.30988976132"/>
    <x v="19"/>
  </r>
  <r>
    <n v="261400.53506039269"/>
    <x v="20"/>
  </r>
  <r>
    <n v="260031.79151851809"/>
    <x v="21"/>
  </r>
  <r>
    <n v="221603.51028785482"/>
    <x v="22"/>
  </r>
  <r>
    <n v="173740.38166823366"/>
    <x v="23"/>
  </r>
  <r>
    <n v="151595.08337744972"/>
    <x v="0"/>
  </r>
  <r>
    <n v="125228.29691173731"/>
    <x v="1"/>
  </r>
  <r>
    <n v="116532.16949296185"/>
    <x v="2"/>
  </r>
  <r>
    <n v="104245.1679745234"/>
    <x v="3"/>
  </r>
  <r>
    <n v="99710.414008882231"/>
    <x v="4"/>
  </r>
  <r>
    <n v="104078.50745367253"/>
    <x v="5"/>
  </r>
  <r>
    <n v="132131.3274244717"/>
    <x v="6"/>
  </r>
  <r>
    <n v="140472.32891033916"/>
    <x v="7"/>
  </r>
  <r>
    <n v="147660.78406383091"/>
    <x v="8"/>
  </r>
  <r>
    <n v="164678.74711792852"/>
    <x v="9"/>
  </r>
  <r>
    <n v="195998.89626140223"/>
    <x v="10"/>
  </r>
  <r>
    <n v="235872.11786539684"/>
    <x v="11"/>
  </r>
  <r>
    <n v="275401.30188135972"/>
    <x v="12"/>
  </r>
  <r>
    <n v="306336.83636409894"/>
    <x v="13"/>
  </r>
  <r>
    <n v="308838.50110724696"/>
    <x v="14"/>
  </r>
  <r>
    <n v="326839.2370713164"/>
    <x v="15"/>
  </r>
  <r>
    <n v="354921.39996659063"/>
    <x v="16"/>
  </r>
  <r>
    <n v="358697.03607318446"/>
    <x v="17"/>
  </r>
  <r>
    <n v="351354.23349186999"/>
    <x v="18"/>
  </r>
  <r>
    <n v="322641.61690501688"/>
    <x v="19"/>
  </r>
  <r>
    <n v="312933.76732084336"/>
    <x v="20"/>
  </r>
  <r>
    <n v="286281.29376834101"/>
    <x v="21"/>
  </r>
  <r>
    <n v="253248.49471797716"/>
    <x v="22"/>
  </r>
  <r>
    <n v="199615.86916097099"/>
    <x v="23"/>
  </r>
  <r>
    <n v="161086.02131570235"/>
    <x v="0"/>
  </r>
  <r>
    <n v="141291.75832570513"/>
    <x v="1"/>
  </r>
  <r>
    <n v="117207.18068873743"/>
    <x v="2"/>
  </r>
  <r>
    <n v="110719.79908008919"/>
    <x v="3"/>
  </r>
  <r>
    <n v="100050.03375536574"/>
    <x v="4"/>
  </r>
  <r>
    <n v="101528.80050622867"/>
    <x v="5"/>
  </r>
  <r>
    <n v="116260.36288522798"/>
    <x v="6"/>
  </r>
  <r>
    <n v="117146.2130173374"/>
    <x v="7"/>
  </r>
  <r>
    <n v="131028.26674957096"/>
    <x v="8"/>
  </r>
  <r>
    <n v="157501.88333087537"/>
    <x v="9"/>
  </r>
  <r>
    <n v="179227.19506786816"/>
    <x v="10"/>
  </r>
  <r>
    <n v="232023.53634208316"/>
    <x v="11"/>
  </r>
  <r>
    <n v="242485.29131549044"/>
    <x v="12"/>
  </r>
  <r>
    <n v="242160.16442213897"/>
    <x v="13"/>
  </r>
  <r>
    <n v="230914.08948038981"/>
    <x v="14"/>
  </r>
  <r>
    <n v="195879.04590652761"/>
    <x v="15"/>
  </r>
  <r>
    <n v="192232.66447097561"/>
    <x v="16"/>
  </r>
  <r>
    <n v="177237.824980301"/>
    <x v="17"/>
  </r>
  <r>
    <n v="207285.89820389749"/>
    <x v="18"/>
  </r>
  <r>
    <n v="184179.78498786691"/>
    <x v="19"/>
  </r>
  <r>
    <n v="172396.55591911828"/>
    <x v="20"/>
  </r>
  <r>
    <n v="192854.73446984729"/>
    <x v="21"/>
  </r>
  <r>
    <n v="167946.88549920349"/>
    <x v="22"/>
  </r>
  <r>
    <n v="147471.7645990384"/>
    <x v="23"/>
  </r>
  <r>
    <n v="121511.41226560182"/>
    <x v="0"/>
  </r>
  <r>
    <n v="98811.96646720935"/>
    <x v="1"/>
  </r>
  <r>
    <n v="90639.090825874606"/>
    <x v="2"/>
  </r>
  <r>
    <n v="88091.738602556332"/>
    <x v="3"/>
  </r>
  <r>
    <n v="83698.144151601125"/>
    <x v="4"/>
  </r>
  <r>
    <n v="81989.241390842726"/>
    <x v="5"/>
  </r>
  <r>
    <n v="116881.31019829368"/>
    <x v="6"/>
  </r>
  <r>
    <n v="117620.985180428"/>
    <x v="7"/>
  </r>
  <r>
    <n v="130416.78207401298"/>
    <x v="8"/>
  </r>
  <r>
    <n v="133488.84410828628"/>
    <x v="9"/>
  </r>
  <r>
    <n v="144052.60310635329"/>
    <x v="10"/>
  </r>
  <r>
    <n v="158383.33749193922"/>
    <x v="11"/>
  </r>
  <r>
    <n v="183176.01639528928"/>
    <x v="12"/>
  </r>
  <r>
    <n v="191584.17490482496"/>
    <x v="13"/>
  </r>
  <r>
    <n v="216931.7813637137"/>
    <x v="14"/>
  </r>
  <r>
    <n v="224814.7562014022"/>
    <x v="15"/>
  </r>
  <r>
    <n v="231728.78028683434"/>
    <x v="16"/>
  </r>
  <r>
    <n v="213696.18629047769"/>
    <x v="17"/>
  </r>
  <r>
    <n v="200966.51850693329"/>
    <x v="18"/>
  </r>
  <r>
    <n v="189786.08423399745"/>
    <x v="19"/>
  </r>
  <r>
    <n v="195234.44928986012"/>
    <x v="20"/>
  </r>
  <r>
    <n v="213621.14130549718"/>
    <x v="21"/>
  </r>
  <r>
    <n v="175955.51366515347"/>
    <x v="22"/>
  </r>
  <r>
    <n v="150536.69684942681"/>
    <x v="23"/>
  </r>
  <r>
    <n v="137305.72798299932"/>
    <x v="0"/>
  </r>
  <r>
    <n v="115314.78441020567"/>
    <x v="1"/>
  </r>
  <r>
    <n v="97489.901868294721"/>
    <x v="2"/>
  </r>
  <r>
    <n v="91021.168508294228"/>
    <x v="3"/>
  </r>
  <r>
    <n v="89836.370474582407"/>
    <x v="4"/>
  </r>
  <r>
    <n v="94717.050181656377"/>
    <x v="5"/>
  </r>
  <r>
    <n v="108646.9347033262"/>
    <x v="6"/>
  </r>
  <r>
    <n v="118153.42256900876"/>
    <x v="7"/>
  </r>
  <r>
    <n v="131405.70788541515"/>
    <x v="8"/>
  </r>
  <r>
    <n v="123614.13716873745"/>
    <x v="9"/>
  </r>
  <r>
    <n v="135526.31472148988"/>
    <x v="10"/>
  </r>
  <r>
    <n v="154487.58858443823"/>
    <x v="11"/>
  </r>
  <r>
    <n v="180026.79522743978"/>
    <x v="12"/>
  </r>
  <r>
    <n v="176348.24957256255"/>
    <x v="13"/>
  </r>
  <r>
    <n v="168528.21804168593"/>
    <x v="14"/>
  </r>
  <r>
    <n v="156042.75629144994"/>
    <x v="15"/>
  </r>
  <r>
    <n v="157836.70614709685"/>
    <x v="16"/>
  </r>
  <r>
    <n v="139798.44040036961"/>
    <x v="17"/>
  </r>
  <r>
    <n v="150661.78154461773"/>
    <x v="18"/>
  </r>
  <r>
    <n v="145331.02147201766"/>
    <x v="19"/>
  </r>
  <r>
    <n v="161672.06330643594"/>
    <x v="20"/>
  </r>
  <r>
    <n v="158018.37712297734"/>
    <x v="21"/>
  </r>
  <r>
    <n v="137919.74963687218"/>
    <x v="22"/>
  </r>
  <r>
    <n v="121291.68661499835"/>
    <x v="23"/>
  </r>
  <r>
    <n v="97050.367565467823"/>
    <x v="0"/>
  </r>
  <r>
    <n v="87197.286648479698"/>
    <x v="1"/>
  </r>
  <r>
    <n v="78249.879873166472"/>
    <x v="2"/>
  </r>
  <r>
    <n v="76815.154816970055"/>
    <x v="3"/>
  </r>
  <r>
    <n v="76758.620914794621"/>
    <x v="4"/>
  </r>
  <r>
    <n v="74492.892323969252"/>
    <x v="5"/>
  </r>
  <r>
    <n v="77803.399467528783"/>
    <x v="6"/>
  </r>
  <r>
    <n v="91024.71927583286"/>
    <x v="7"/>
  </r>
  <r>
    <n v="106112.5470541797"/>
    <x v="8"/>
  </r>
  <r>
    <n v="113960.65493095873"/>
    <x v="9"/>
  </r>
  <r>
    <n v="133026.93941356079"/>
    <x v="10"/>
  </r>
  <r>
    <n v="155463.4542976165"/>
    <x v="11"/>
  </r>
  <r>
    <n v="163002.04769476148"/>
    <x v="12"/>
  </r>
  <r>
    <n v="197885.63321704464"/>
    <x v="13"/>
  </r>
  <r>
    <n v="207041.64149335251"/>
    <x v="14"/>
  </r>
  <r>
    <n v="221730.34418461338"/>
    <x v="15"/>
  </r>
  <r>
    <n v="248006.12317691432"/>
    <x v="16"/>
  </r>
  <r>
    <n v="240048.40140635541"/>
    <x v="17"/>
  </r>
  <r>
    <n v="216848.74865601727"/>
    <x v="18"/>
  </r>
  <r>
    <n v="202592.00524850423"/>
    <x v="19"/>
  </r>
  <r>
    <n v="212321.87709180545"/>
    <x v="20"/>
  </r>
  <r>
    <n v="186235.51937371146"/>
    <x v="21"/>
  </r>
  <r>
    <n v="184902.32459080973"/>
    <x v="22"/>
  </r>
  <r>
    <n v="141940.54195775389"/>
    <x v="23"/>
  </r>
  <r>
    <n v="111008.72249463284"/>
    <x v="0"/>
  </r>
  <r>
    <n v="92642.597125987217"/>
    <x v="1"/>
  </r>
  <r>
    <n v="96624.956014313022"/>
    <x v="2"/>
  </r>
  <r>
    <n v="91492.327325920618"/>
    <x v="3"/>
  </r>
  <r>
    <n v="82780.021629301889"/>
    <x v="4"/>
  </r>
  <r>
    <n v="77222.561940680447"/>
    <x v="5"/>
  </r>
  <r>
    <n v="85941.584391047829"/>
    <x v="6"/>
  </r>
  <r>
    <n v="100424.17680617269"/>
    <x v="7"/>
  </r>
  <r>
    <n v="137052.74408762183"/>
    <x v="8"/>
  </r>
  <r>
    <n v="161916.91717831415"/>
    <x v="9"/>
  </r>
  <r>
    <n v="158854.79764602846"/>
    <x v="10"/>
  </r>
  <r>
    <n v="180928.09341544451"/>
    <x v="11"/>
  </r>
  <r>
    <n v="210566.71731957397"/>
    <x v="12"/>
  </r>
  <r>
    <n v="230741.58216677644"/>
    <x v="13"/>
  </r>
  <r>
    <n v="254307.76096740729"/>
    <x v="14"/>
  </r>
  <r>
    <n v="277584.97238192835"/>
    <x v="15"/>
  </r>
  <r>
    <n v="274788.51001377136"/>
    <x v="16"/>
  </r>
  <r>
    <n v="266055.49555121863"/>
    <x v="17"/>
  </r>
  <r>
    <n v="262383.09206728061"/>
    <x v="18"/>
  </r>
  <r>
    <n v="244825.48307082319"/>
    <x v="19"/>
  </r>
  <r>
    <n v="218809.82028824562"/>
    <x v="20"/>
  </r>
  <r>
    <n v="220420.88585095466"/>
    <x v="21"/>
  </r>
  <r>
    <n v="193330.571863577"/>
    <x v="22"/>
  </r>
  <r>
    <n v="157218.56997737262"/>
    <x v="23"/>
  </r>
  <r>
    <n v="122839.96822680261"/>
    <x v="0"/>
  </r>
  <r>
    <n v="95634.778643583733"/>
    <x v="1"/>
  </r>
  <r>
    <n v="89682.441443004049"/>
    <x v="2"/>
  </r>
  <r>
    <n v="87161.42476850879"/>
    <x v="3"/>
  </r>
  <r>
    <n v="74742.477780824105"/>
    <x v="4"/>
  </r>
  <r>
    <n v="81206.243603267474"/>
    <x v="5"/>
  </r>
  <r>
    <n v="103998.13649009221"/>
    <x v="6"/>
  </r>
  <r>
    <n v="99985.419932471355"/>
    <x v="7"/>
  </r>
  <r>
    <n v="103679.71533043256"/>
    <x v="8"/>
  </r>
  <r>
    <n v="109592.27376947895"/>
    <x v="9"/>
  </r>
  <r>
    <n v="128095.29892541512"/>
    <x v="10"/>
  </r>
  <r>
    <n v="150068.93100299398"/>
    <x v="11"/>
  </r>
  <r>
    <n v="156514.66300300939"/>
    <x v="12"/>
  </r>
  <r>
    <n v="165968.64822789514"/>
    <x v="13"/>
  </r>
  <r>
    <n v="163932.2960427115"/>
    <x v="14"/>
  </r>
  <r>
    <n v="181564.68587740333"/>
    <x v="15"/>
  </r>
  <r>
    <n v="222172.18018284501"/>
    <x v="16"/>
  </r>
  <r>
    <n v="202815.31893878203"/>
    <x v="17"/>
  </r>
  <r>
    <n v="196832.89597250544"/>
    <x v="18"/>
  </r>
  <r>
    <n v="198254.31979863069"/>
    <x v="19"/>
  </r>
  <r>
    <n v="159191.10565319817"/>
    <x v="20"/>
  </r>
  <r>
    <n v="157466.5607563681"/>
    <x v="21"/>
  </r>
  <r>
    <n v="144445.97929095029"/>
    <x v="22"/>
  </r>
  <r>
    <n v="110823.26219446365"/>
    <x v="23"/>
  </r>
  <r>
    <n v="87544.140106009712"/>
    <x v="0"/>
  </r>
  <r>
    <n v="83840.533846998675"/>
    <x v="1"/>
  </r>
  <r>
    <n v="74513.299791321551"/>
    <x v="2"/>
  </r>
  <r>
    <n v="66192.31481364755"/>
    <x v="3"/>
  </r>
  <r>
    <n v="70393.805955836535"/>
    <x v="4"/>
  </r>
  <r>
    <n v="74397.321883595985"/>
    <x v="5"/>
  </r>
  <r>
    <n v="87737.228404418594"/>
    <x v="6"/>
  </r>
  <r>
    <n v="103257.27267261963"/>
    <x v="7"/>
  </r>
  <r>
    <n v="120581.65452058599"/>
    <x v="8"/>
  </r>
  <r>
    <n v="111941.01379394188"/>
    <x v="9"/>
  </r>
  <r>
    <n v="101547.7265661626"/>
    <x v="10"/>
  </r>
  <r>
    <n v="118283.26810300024"/>
    <x v="11"/>
  </r>
  <r>
    <n v="134589.01823612925"/>
    <x v="12"/>
  </r>
  <r>
    <n v="182552.9011329785"/>
    <x v="13"/>
  </r>
  <r>
    <n v="197745.19868297828"/>
    <x v="14"/>
  </r>
  <r>
    <n v="217902.73518735872"/>
    <x v="15"/>
  </r>
  <r>
    <n v="237230.89222995317"/>
    <x v="16"/>
  </r>
  <r>
    <n v="259785.25160319198"/>
    <x v="17"/>
  </r>
  <r>
    <n v="242216.266748088"/>
    <x v="18"/>
  </r>
  <r>
    <n v="234760.2144648433"/>
    <x v="19"/>
  </r>
  <r>
    <n v="198595.5808605341"/>
    <x v="20"/>
  </r>
  <r>
    <n v="212662.99117879095"/>
    <x v="21"/>
  </r>
  <r>
    <n v="178868.43100827979"/>
    <x v="22"/>
  </r>
  <r>
    <n v="150328.40052307854"/>
    <x v="23"/>
  </r>
  <r>
    <n v="124800.54749305593"/>
    <x v="0"/>
  </r>
  <r>
    <n v="103470.79783336438"/>
    <x v="1"/>
  </r>
  <r>
    <n v="94055.518453111159"/>
    <x v="2"/>
  </r>
  <r>
    <n v="91668.072584015725"/>
    <x v="3"/>
  </r>
  <r>
    <n v="87025.289250791408"/>
    <x v="4"/>
  </r>
  <r>
    <n v="89578.772684653741"/>
    <x v="5"/>
  </r>
  <r>
    <n v="119407.02362787523"/>
    <x v="6"/>
  </r>
  <r>
    <n v="118018.44869590366"/>
    <x v="7"/>
  </r>
  <r>
    <n v="111238.76763615107"/>
    <x v="8"/>
  </r>
  <r>
    <n v="130209.3861446832"/>
    <x v="9"/>
  </r>
  <r>
    <n v="129381.94675181368"/>
    <x v="10"/>
  </r>
  <r>
    <n v="129556.67053422927"/>
    <x v="11"/>
  </r>
  <r>
    <n v="158086.32459022582"/>
    <x v="12"/>
  </r>
  <r>
    <n v="160419.37504220149"/>
    <x v="13"/>
  </r>
  <r>
    <n v="157095.81652593124"/>
    <x v="14"/>
  </r>
  <r>
    <n v="205452.50458839614"/>
    <x v="15"/>
  </r>
  <r>
    <n v="223173.90243337641"/>
    <x v="16"/>
  </r>
  <r>
    <n v="238955.55470671761"/>
    <x v="17"/>
  </r>
  <r>
    <n v="243419.34463616094"/>
    <x v="18"/>
  </r>
  <r>
    <n v="249222.60517750095"/>
    <x v="19"/>
  </r>
  <r>
    <n v="245818.26924634542"/>
    <x v="20"/>
  </r>
  <r>
    <n v="236861.16212644996"/>
    <x v="21"/>
  </r>
  <r>
    <n v="198644.65578562542"/>
    <x v="22"/>
  </r>
  <r>
    <n v="160112.93233835179"/>
    <x v="23"/>
  </r>
  <r>
    <n v="143598.16917445796"/>
    <x v="0"/>
  </r>
  <r>
    <n v="113145.30422508759"/>
    <x v="1"/>
  </r>
  <r>
    <n v="96493.347324067363"/>
    <x v="2"/>
  </r>
  <r>
    <n v="96681.717727611234"/>
    <x v="3"/>
  </r>
  <r>
    <n v="90818.307701115118"/>
    <x v="4"/>
  </r>
  <r>
    <n v="89253.531888802914"/>
    <x v="5"/>
  </r>
  <r>
    <n v="116348.00526635753"/>
    <x v="6"/>
  </r>
  <r>
    <n v="127961.21370780263"/>
    <x v="7"/>
  </r>
  <r>
    <n v="124030.26664576295"/>
    <x v="8"/>
  </r>
  <r>
    <n v="146898.1088214195"/>
    <x v="9"/>
  </r>
  <r>
    <n v="148428.51454917761"/>
    <x v="10"/>
  </r>
  <r>
    <n v="194426.29927160588"/>
    <x v="11"/>
  </r>
  <r>
    <n v="235287.85442015287"/>
    <x v="12"/>
  </r>
  <r>
    <n v="253868.54112271452"/>
    <x v="13"/>
  </r>
  <r>
    <n v="269648.15044469672"/>
    <x v="14"/>
  </r>
  <r>
    <n v="292522.94453397056"/>
    <x v="15"/>
  </r>
  <r>
    <n v="290347.0396642281"/>
    <x v="16"/>
  </r>
  <r>
    <n v="276394.56373177958"/>
    <x v="17"/>
  </r>
  <r>
    <n v="257756.64499618235"/>
    <x v="18"/>
  </r>
  <r>
    <n v="242082.46078281957"/>
    <x v="19"/>
  </r>
  <r>
    <n v="248802.0511473832"/>
    <x v="20"/>
  </r>
  <r>
    <n v="227218.09366966842"/>
    <x v="21"/>
  </r>
  <r>
    <n v="209146.61626770993"/>
    <x v="22"/>
  </r>
  <r>
    <n v="182898.57144241931"/>
    <x v="23"/>
  </r>
  <r>
    <n v="151494.76407665666"/>
    <x v="0"/>
  </r>
  <r>
    <n v="117082.44627991729"/>
    <x v="1"/>
  </r>
  <r>
    <n v="105598.22302643312"/>
    <x v="2"/>
  </r>
  <r>
    <n v="98811.663540522175"/>
    <x v="3"/>
  </r>
  <r>
    <n v="105252.00156105013"/>
    <x v="4"/>
  </r>
  <r>
    <n v="93719.886530563846"/>
    <x v="5"/>
  </r>
  <r>
    <n v="112854.34532884008"/>
    <x v="6"/>
  </r>
  <r>
    <n v="126980.37659310675"/>
    <x v="7"/>
  </r>
  <r>
    <n v="135783.63036893037"/>
    <x v="8"/>
  </r>
  <r>
    <n v="158419.20808180817"/>
    <x v="9"/>
  </r>
  <r>
    <n v="158466.44582042558"/>
    <x v="10"/>
  </r>
  <r>
    <n v="168090.40753787832"/>
    <x v="11"/>
  </r>
  <r>
    <n v="177957.84790434659"/>
    <x v="12"/>
  </r>
  <r>
    <n v="154545.47835531223"/>
    <x v="13"/>
  </r>
  <r>
    <n v="157381.19772404392"/>
    <x v="14"/>
  </r>
  <r>
    <n v="180503.29181019907"/>
    <x v="15"/>
  </r>
  <r>
    <n v="199493.24486918273"/>
    <x v="16"/>
  </r>
  <r>
    <n v="217578.6554933594"/>
    <x v="17"/>
  </r>
  <r>
    <n v="208709.24830698289"/>
    <x v="18"/>
  </r>
  <r>
    <n v="202869.02357378762"/>
    <x v="19"/>
  </r>
  <r>
    <n v="203000.93356261504"/>
    <x v="20"/>
  </r>
  <r>
    <n v="205391.81864478966"/>
    <x v="21"/>
  </r>
  <r>
    <n v="184607.31653557369"/>
    <x v="22"/>
  </r>
  <r>
    <n v="143754.97671437988"/>
    <x v="23"/>
  </r>
  <r>
    <n v="125785.22065310935"/>
    <x v="0"/>
  </r>
  <r>
    <n v="112310.57487628952"/>
    <x v="1"/>
  </r>
  <r>
    <n v="102055.30444517695"/>
    <x v="2"/>
  </r>
  <r>
    <n v="99868.39115408271"/>
    <x v="3"/>
  </r>
  <r>
    <n v="98483.615523739209"/>
    <x v="4"/>
  </r>
  <r>
    <n v="94587.207567409219"/>
    <x v="5"/>
  </r>
  <r>
    <n v="100491.95428956852"/>
    <x v="6"/>
  </r>
  <r>
    <n v="110656.54119632846"/>
    <x v="7"/>
  </r>
  <r>
    <n v="122985.67916042208"/>
    <x v="8"/>
  </r>
  <r>
    <n v="149625.40479320637"/>
    <x v="9"/>
  </r>
  <r>
    <n v="155157.30554360265"/>
    <x v="10"/>
  </r>
  <r>
    <n v="174469.94203486544"/>
    <x v="11"/>
  </r>
  <r>
    <n v="193770.21793553172"/>
    <x v="12"/>
  </r>
  <r>
    <n v="224750.23782298251"/>
    <x v="13"/>
  </r>
  <r>
    <n v="214023.02358170372"/>
    <x v="14"/>
  </r>
  <r>
    <n v="228652.2161287014"/>
    <x v="15"/>
  </r>
  <r>
    <n v="244989.6099616572"/>
    <x v="16"/>
  </r>
  <r>
    <n v="269064.04272592481"/>
    <x v="17"/>
  </r>
  <r>
    <n v="244323.78418852537"/>
    <x v="18"/>
  </r>
  <r>
    <n v="235429.75870339837"/>
    <x v="19"/>
  </r>
  <r>
    <n v="220947.11484705223"/>
    <x v="20"/>
  </r>
  <r>
    <n v="214271.79332776414"/>
    <x v="21"/>
  </r>
  <r>
    <n v="199765.26604725706"/>
    <x v="22"/>
  </r>
  <r>
    <n v="173227.21031393946"/>
    <x v="23"/>
  </r>
  <r>
    <n v="129562.85817827341"/>
    <x v="0"/>
  </r>
  <r>
    <n v="107887.60723029668"/>
    <x v="1"/>
  </r>
  <r>
    <n v="95127.671084306712"/>
    <x v="2"/>
  </r>
  <r>
    <n v="92142.331249139068"/>
    <x v="3"/>
  </r>
  <r>
    <n v="85830.610979277233"/>
    <x v="4"/>
  </r>
  <r>
    <n v="93292.556956730288"/>
    <x v="5"/>
  </r>
  <r>
    <n v="92416.733420883611"/>
    <x v="6"/>
  </r>
  <r>
    <n v="92485.135547680562"/>
    <x v="7"/>
  </r>
  <r>
    <n v="120852.72771043979"/>
    <x v="8"/>
  </r>
  <r>
    <n v="159612.57092780701"/>
    <x v="9"/>
  </r>
  <r>
    <n v="163973.06688494072"/>
    <x v="10"/>
  </r>
  <r>
    <n v="176568.46461032648"/>
    <x v="11"/>
  </r>
  <r>
    <n v="179461.90102932282"/>
    <x v="12"/>
  </r>
  <r>
    <n v="206785.43481644566"/>
    <x v="13"/>
  </r>
  <r>
    <n v="221995.45754154579"/>
    <x v="14"/>
  </r>
  <r>
    <n v="255055.2753999155"/>
    <x v="15"/>
  </r>
  <r>
    <n v="246562.55023065952"/>
    <x v="16"/>
  </r>
  <r>
    <n v="238532.0758757334"/>
    <x v="17"/>
  </r>
  <r>
    <n v="238677.5369519924"/>
    <x v="18"/>
  </r>
  <r>
    <n v="264821.55293038388"/>
    <x v="19"/>
  </r>
  <r>
    <n v="230119.64310413357"/>
    <x v="20"/>
  </r>
  <r>
    <n v="212913.64220380067"/>
    <x v="21"/>
  </r>
  <r>
    <n v="183731.63997464493"/>
    <x v="22"/>
  </r>
  <r>
    <n v="156633.4628291589"/>
    <x v="23"/>
  </r>
  <r>
    <n v="128668.64808019575"/>
    <x v="0"/>
  </r>
  <r>
    <n v="113880.10532719623"/>
    <x v="1"/>
  </r>
  <r>
    <n v="115401.64111865827"/>
    <x v="2"/>
  </r>
  <r>
    <n v="102207.61455261073"/>
    <x v="3"/>
  </r>
  <r>
    <n v="103522.16556717517"/>
    <x v="4"/>
  </r>
  <r>
    <n v="112981.94895257259"/>
    <x v="5"/>
  </r>
  <r>
    <n v="113240.46313569069"/>
    <x v="6"/>
  </r>
  <r>
    <n v="114022.34030400704"/>
    <x v="7"/>
  </r>
  <r>
    <n v="120147.63023924147"/>
    <x v="8"/>
  </r>
  <r>
    <n v="137100.42275099299"/>
    <x v="9"/>
  </r>
  <r>
    <n v="174061.49873798378"/>
    <x v="10"/>
  </r>
  <r>
    <n v="180058.47222113379"/>
    <x v="11"/>
  </r>
  <r>
    <n v="201904.25081761973"/>
    <x v="12"/>
  </r>
  <r>
    <n v="215597.22783500009"/>
    <x v="13"/>
  </r>
  <r>
    <n v="208792.80354781673"/>
    <x v="14"/>
  </r>
  <r>
    <n v="203802.62294986611"/>
    <x v="15"/>
  </r>
  <r>
    <n v="214402.96844200196"/>
    <x v="16"/>
  </r>
  <r>
    <n v="215497.63763062184"/>
    <x v="17"/>
  </r>
  <r>
    <n v="221650.34573679307"/>
    <x v="18"/>
  </r>
  <r>
    <n v="207127.72470277446"/>
    <x v="19"/>
  </r>
  <r>
    <n v="193521.78623178246"/>
    <x v="20"/>
  </r>
  <r>
    <n v="193330.60125856055"/>
    <x v="21"/>
  </r>
  <r>
    <n v="187290.13789719995"/>
    <x v="22"/>
  </r>
  <r>
    <n v="133949.5744607629"/>
    <x v="23"/>
  </r>
  <r>
    <n v="113502.58555304357"/>
    <x v="0"/>
  </r>
  <r>
    <n v="94796.573337977024"/>
    <x v="1"/>
  </r>
  <r>
    <n v="85659.377851162077"/>
    <x v="2"/>
  </r>
  <r>
    <n v="84036.245647692325"/>
    <x v="3"/>
  </r>
  <r>
    <n v="85162.249888811391"/>
    <x v="4"/>
  </r>
  <r>
    <n v="90269.738517494683"/>
    <x v="5"/>
  </r>
  <r>
    <n v="99397.380634645262"/>
    <x v="6"/>
  </r>
  <r>
    <n v="98438.361946513629"/>
    <x v="7"/>
  </r>
  <r>
    <n v="111200.47332128871"/>
    <x v="8"/>
  </r>
  <r>
    <n v="117193.44173792559"/>
    <x v="9"/>
  </r>
  <r>
    <n v="135324.92165012227"/>
    <x v="10"/>
  </r>
  <r>
    <n v="141989.67567281239"/>
    <x v="11"/>
  </r>
  <r>
    <n v="144638.16369361401"/>
    <x v="12"/>
  </r>
  <r>
    <n v="159415.60984031111"/>
    <x v="13"/>
  </r>
  <r>
    <n v="170098.21719400314"/>
    <x v="14"/>
  </r>
  <r>
    <n v="178078.88174924836"/>
    <x v="15"/>
  </r>
  <r>
    <n v="192091.52921309063"/>
    <x v="16"/>
  </r>
  <r>
    <n v="188308.64468335707"/>
    <x v="17"/>
  </r>
  <r>
    <n v="186491.32921833996"/>
    <x v="18"/>
  </r>
  <r>
    <n v="201154.92859362121"/>
    <x v="19"/>
  </r>
  <r>
    <n v="166524.93359470603"/>
    <x v="20"/>
  </r>
  <r>
    <n v="165453.50114060825"/>
    <x v="21"/>
  </r>
  <r>
    <n v="142284.24280329465"/>
    <x v="22"/>
  </r>
  <r>
    <n v="133137.90547658547"/>
    <x v="23"/>
  </r>
  <r>
    <n v="96789.171090097792"/>
    <x v="0"/>
  </r>
  <r>
    <n v="86787.535274828595"/>
    <x v="1"/>
  </r>
  <r>
    <n v="79553.084424067987"/>
    <x v="2"/>
  </r>
  <r>
    <n v="86441.923755354946"/>
    <x v="3"/>
  </r>
  <r>
    <n v="85377.766559693875"/>
    <x v="4"/>
  </r>
  <r>
    <n v="80275.253031981963"/>
    <x v="5"/>
  </r>
  <r>
    <n v="102795.45543429765"/>
    <x v="6"/>
  </r>
  <r>
    <n v="98501.112887716808"/>
    <x v="7"/>
  </r>
  <r>
    <n v="103574.80463402589"/>
    <x v="8"/>
  </r>
  <r>
    <n v="124251.09645992803"/>
    <x v="9"/>
  </r>
  <r>
    <n v="117481.1451397413"/>
    <x v="10"/>
  </r>
  <r>
    <n v="124613.87464981397"/>
    <x v="11"/>
  </r>
  <r>
    <n v="134843.59349144727"/>
    <x v="12"/>
  </r>
  <r>
    <n v="146114.15930676056"/>
    <x v="13"/>
  </r>
  <r>
    <n v="161348.3153133821"/>
    <x v="14"/>
  </r>
  <r>
    <n v="157821.82852794867"/>
    <x v="15"/>
  </r>
  <r>
    <n v="174611.44948583256"/>
    <x v="16"/>
  </r>
  <r>
    <n v="184112.90760920438"/>
    <x v="17"/>
  </r>
  <r>
    <n v="178914.05202280017"/>
    <x v="18"/>
  </r>
  <r>
    <n v="191565.18263705872"/>
    <x v="19"/>
  </r>
  <r>
    <n v="165458.6746577188"/>
    <x v="20"/>
  </r>
  <r>
    <n v="152705.85209775585"/>
    <x v="21"/>
  </r>
  <r>
    <n v="160977.6445704042"/>
    <x v="22"/>
  </r>
  <r>
    <n v="121536.278658672"/>
    <x v="23"/>
  </r>
  <r>
    <n v="103898.32582333713"/>
    <x v="0"/>
  </r>
  <r>
    <n v="97029.746984484547"/>
    <x v="1"/>
  </r>
  <r>
    <n v="83495.605760893333"/>
    <x v="2"/>
  </r>
  <r>
    <n v="76944.14000493096"/>
    <x v="3"/>
  </r>
  <r>
    <n v="74011.365749155084"/>
    <x v="4"/>
  </r>
  <r>
    <n v="82824.14349965952"/>
    <x v="5"/>
  </r>
  <r>
    <n v="100812.8446278491"/>
    <x v="6"/>
  </r>
  <r>
    <n v="108637.87744251572"/>
    <x v="7"/>
  </r>
  <r>
    <n v="99882.655069866218"/>
    <x v="8"/>
  </r>
  <r>
    <n v="99599.845932817014"/>
    <x v="9"/>
  </r>
  <r>
    <n v="119395.8902778433"/>
    <x v="10"/>
  </r>
  <r>
    <n v="122008.03875019083"/>
    <x v="11"/>
  </r>
  <r>
    <n v="127290.08214013409"/>
    <x v="12"/>
  </r>
  <r>
    <n v="156830.51210160553"/>
    <x v="13"/>
  </r>
  <r>
    <n v="154971.83789468757"/>
    <x v="14"/>
  </r>
  <r>
    <n v="163923.46285014489"/>
    <x v="15"/>
  </r>
  <r>
    <n v="163720.27002612947"/>
    <x v="16"/>
  </r>
  <r>
    <n v="176904.08183538201"/>
    <x v="17"/>
  </r>
  <r>
    <n v="154996.51498340527"/>
    <x v="18"/>
  </r>
  <r>
    <n v="162668.76737090078"/>
    <x v="19"/>
  </r>
  <r>
    <n v="157225.28673112128"/>
    <x v="20"/>
  </r>
  <r>
    <n v="168632.4216401598"/>
    <x v="21"/>
  </r>
  <r>
    <n v="145629.55360741611"/>
    <x v="22"/>
  </r>
  <r>
    <n v="112135.10152179257"/>
    <x v="23"/>
  </r>
  <r>
    <n v="93458.601870243088"/>
    <x v="0"/>
  </r>
  <r>
    <n v="79185.213553276335"/>
    <x v="1"/>
  </r>
  <r>
    <n v="75735.396233772481"/>
    <x v="2"/>
  </r>
  <r>
    <n v="72129.689967583647"/>
    <x v="3"/>
  </r>
  <r>
    <n v="78427.094880440709"/>
    <x v="4"/>
  </r>
  <r>
    <n v="95764.145966331213"/>
    <x v="5"/>
  </r>
  <r>
    <n v="114074.68542102195"/>
    <x v="6"/>
  </r>
  <r>
    <n v="114357.26674694837"/>
    <x v="7"/>
  </r>
  <r>
    <n v="110383.22663897646"/>
    <x v="8"/>
  </r>
  <r>
    <n v="126246.3985505384"/>
    <x v="9"/>
  </r>
  <r>
    <n v="108231.3815632964"/>
    <x v="10"/>
  </r>
  <r>
    <n v="117404.46097631993"/>
    <x v="11"/>
  </r>
  <r>
    <n v="138175.57367051396"/>
    <x v="12"/>
  </r>
  <r>
    <n v="142077.27272388883"/>
    <x v="13"/>
  </r>
  <r>
    <n v="167307.70731002165"/>
    <x v="14"/>
  </r>
  <r>
    <n v="172008.55308456771"/>
    <x v="15"/>
  </r>
  <r>
    <n v="186489.90356163619"/>
    <x v="16"/>
  </r>
  <r>
    <n v="182863.0476047596"/>
    <x v="17"/>
  </r>
  <r>
    <n v="190511.41656809417"/>
    <x v="18"/>
  </r>
  <r>
    <n v="180735.87961779721"/>
    <x v="19"/>
  </r>
  <r>
    <n v="169748.47567933612"/>
    <x v="20"/>
  </r>
  <r>
    <n v="180209.07741951977"/>
    <x v="21"/>
  </r>
  <r>
    <n v="156833.74554979964"/>
    <x v="22"/>
  </r>
  <r>
    <n v="130848.24202037792"/>
    <x v="23"/>
  </r>
  <r>
    <n v="109871.6069497195"/>
    <x v="0"/>
  </r>
  <r>
    <n v="91497.603725473731"/>
    <x v="1"/>
  </r>
  <r>
    <n v="82578.599853047301"/>
    <x v="2"/>
  </r>
  <r>
    <n v="85706.527404828739"/>
    <x v="3"/>
  </r>
  <r>
    <n v="82983.383474472925"/>
    <x v="4"/>
  </r>
  <r>
    <n v="75861.49336459639"/>
    <x v="5"/>
  </r>
  <r>
    <n v="88724.311953125813"/>
    <x v="6"/>
  </r>
  <r>
    <n v="91012.366033982238"/>
    <x v="7"/>
  </r>
  <r>
    <n v="113653.06582274931"/>
    <x v="8"/>
  </r>
  <r>
    <n v="131311.65393655925"/>
    <x v="9"/>
  </r>
  <r>
    <n v="150108.11451610975"/>
    <x v="10"/>
  </r>
  <r>
    <n v="198839.70619918845"/>
    <x v="11"/>
  </r>
  <r>
    <n v="220151.9364486647"/>
    <x v="12"/>
  </r>
  <r>
    <n v="198794.21746209421"/>
    <x v="13"/>
  </r>
  <r>
    <n v="215392.06554708458"/>
    <x v="14"/>
  </r>
  <r>
    <n v="241824.40222194701"/>
    <x v="15"/>
  </r>
  <r>
    <n v="251153.82620390103"/>
    <x v="16"/>
  </r>
  <r>
    <n v="259977.70056070792"/>
    <x v="17"/>
  </r>
  <r>
    <n v="244741.61918266173"/>
    <x v="18"/>
  </r>
  <r>
    <n v="222073.86866025266"/>
    <x v="19"/>
  </r>
  <r>
    <n v="203706.1339162559"/>
    <x v="20"/>
  </r>
  <r>
    <n v="195918.57970565723"/>
    <x v="21"/>
  </r>
  <r>
    <n v="195289.21840965975"/>
    <x v="22"/>
  </r>
  <r>
    <n v="179824.29708442217"/>
    <x v="23"/>
  </r>
  <r>
    <n v="143728.5947166144"/>
    <x v="0"/>
  </r>
  <r>
    <n v="122286.4533371944"/>
    <x v="1"/>
  </r>
  <r>
    <n v="101141.0616657877"/>
    <x v="2"/>
  </r>
  <r>
    <n v="91295.373587170616"/>
    <x v="3"/>
  </r>
  <r>
    <n v="91598.604889063892"/>
    <x v="4"/>
  </r>
  <r>
    <n v="87080.125592664932"/>
    <x v="5"/>
  </r>
  <r>
    <n v="101972.27096530171"/>
    <x v="6"/>
  </r>
  <r>
    <n v="109295.91354499813"/>
    <x v="7"/>
  </r>
  <r>
    <n v="146406.30135109727"/>
    <x v="8"/>
  </r>
  <r>
    <n v="168891.50902545775"/>
    <x v="9"/>
  </r>
  <r>
    <n v="187661.13198499725"/>
    <x v="10"/>
  </r>
  <r>
    <n v="193102.30511856551"/>
    <x v="11"/>
  </r>
  <r>
    <n v="222134.15777158079"/>
    <x v="12"/>
  </r>
  <r>
    <n v="240325.08168932758"/>
    <x v="13"/>
  </r>
  <r>
    <n v="255603.7563985851"/>
    <x v="14"/>
  </r>
  <r>
    <n v="284451.46417694655"/>
    <x v="15"/>
  </r>
  <r>
    <n v="310776.96478397766"/>
    <x v="16"/>
  </r>
  <r>
    <n v="320812.58854901436"/>
    <x v="17"/>
  </r>
  <r>
    <n v="323907.0278657492"/>
    <x v="18"/>
  </r>
  <r>
    <n v="290494.74945673114"/>
    <x v="19"/>
  </r>
  <r>
    <n v="280883.82441449736"/>
    <x v="20"/>
  </r>
  <r>
    <n v="280299.51093084033"/>
    <x v="21"/>
  </r>
  <r>
    <n v="249102.61485451637"/>
    <x v="22"/>
  </r>
  <r>
    <n v="185579.82017242388"/>
    <x v="23"/>
  </r>
  <r>
    <n v="143914.13585298843"/>
    <x v="0"/>
  </r>
  <r>
    <n v="121804.30946772499"/>
    <x v="1"/>
  </r>
  <r>
    <n v="121338.10502810331"/>
    <x v="2"/>
  </r>
  <r>
    <n v="109010.76015800821"/>
    <x v="3"/>
  </r>
  <r>
    <n v="111314.98882858102"/>
    <x v="4"/>
  </r>
  <r>
    <n v="113953.17390763694"/>
    <x v="5"/>
  </r>
  <r>
    <n v="127916.01892054421"/>
    <x v="6"/>
  </r>
  <r>
    <n v="133101.29402453321"/>
    <x v="7"/>
  </r>
  <r>
    <n v="144030.27543312372"/>
    <x v="8"/>
  </r>
  <r>
    <n v="164303.40771044313"/>
    <x v="9"/>
  </r>
  <r>
    <n v="179114.42292839166"/>
    <x v="10"/>
  </r>
  <r>
    <n v="189223.78400974558"/>
    <x v="11"/>
  </r>
  <r>
    <n v="205371.74187100265"/>
    <x v="12"/>
  </r>
  <r>
    <n v="217654.62682842891"/>
    <x v="13"/>
  </r>
  <r>
    <n v="260468.89073637492"/>
    <x v="14"/>
  </r>
  <r>
    <n v="278375.25651554938"/>
    <x v="15"/>
  </r>
  <r>
    <n v="277149.39751519985"/>
    <x v="16"/>
  </r>
  <r>
    <n v="261004.79068207118"/>
    <x v="17"/>
  </r>
  <r>
    <n v="261348.35925018587"/>
    <x v="18"/>
  </r>
  <r>
    <n v="237733.63463416818"/>
    <x v="19"/>
  </r>
  <r>
    <n v="208940.35166791012"/>
    <x v="20"/>
  </r>
  <r>
    <n v="211054.49767714535"/>
    <x v="21"/>
  </r>
  <r>
    <n v="189901.94097849037"/>
    <x v="22"/>
  </r>
  <r>
    <n v="153991.42700725363"/>
    <x v="23"/>
  </r>
  <r>
    <n v="137614.87905616566"/>
    <x v="0"/>
  </r>
  <r>
    <n v="125193.74949094998"/>
    <x v="1"/>
  </r>
  <r>
    <n v="103165.20023529269"/>
    <x v="2"/>
  </r>
  <r>
    <n v="100306.19269081761"/>
    <x v="3"/>
  </r>
  <r>
    <n v="108027.49795716676"/>
    <x v="4"/>
  </r>
  <r>
    <n v="109266.38628398931"/>
    <x v="5"/>
  </r>
  <r>
    <n v="117887.06046803486"/>
    <x v="6"/>
  </r>
  <r>
    <n v="120539.97978261161"/>
    <x v="7"/>
  </r>
  <r>
    <n v="137909.019959386"/>
    <x v="8"/>
  </r>
  <r>
    <n v="133729.17087385978"/>
    <x v="9"/>
  </r>
  <r>
    <n v="136062.63285560563"/>
    <x v="10"/>
  </r>
  <r>
    <n v="153079.19778423978"/>
    <x v="11"/>
  </r>
  <r>
    <n v="165235.39036242457"/>
    <x v="12"/>
  </r>
  <r>
    <n v="175592.71282779041"/>
    <x v="13"/>
  </r>
  <r>
    <n v="174366.58927258867"/>
    <x v="14"/>
  </r>
  <r>
    <n v="189325.0644256798"/>
    <x v="15"/>
  </r>
  <r>
    <n v="231560.45292193163"/>
    <x v="16"/>
  </r>
  <r>
    <n v="254625.99105967366"/>
    <x v="17"/>
  </r>
  <r>
    <n v="254635.69140425595"/>
    <x v="18"/>
  </r>
  <r>
    <n v="263251.80201710027"/>
    <x v="19"/>
  </r>
  <r>
    <n v="238389.33383545576"/>
    <x v="20"/>
  </r>
  <r>
    <n v="219918.65785895239"/>
    <x v="21"/>
  </r>
  <r>
    <n v="180790.56898475281"/>
    <x v="22"/>
  </r>
  <r>
    <n v="153541.75724589723"/>
    <x v="23"/>
  </r>
  <r>
    <n v="134346.0980918018"/>
    <x v="0"/>
  </r>
  <r>
    <n v="110278.15427016008"/>
    <x v="1"/>
  </r>
  <r>
    <n v="107369.3663209877"/>
    <x v="2"/>
  </r>
  <r>
    <n v="106721.45679034952"/>
    <x v="3"/>
  </r>
  <r>
    <n v="103769.84769884303"/>
    <x v="4"/>
  </r>
  <r>
    <n v="103253.96573696657"/>
    <x v="5"/>
  </r>
  <r>
    <n v="111040.86590918052"/>
    <x v="6"/>
  </r>
  <r>
    <n v="118392.2793996167"/>
    <x v="7"/>
  </r>
  <r>
    <n v="135120.09740451796"/>
    <x v="8"/>
  </r>
  <r>
    <n v="165831.03561225272"/>
    <x v="9"/>
  </r>
  <r>
    <n v="173142.1559289429"/>
    <x v="10"/>
  </r>
  <r>
    <n v="183369.46438192241"/>
    <x v="11"/>
  </r>
  <r>
    <n v="209018.57171922369"/>
    <x v="12"/>
  </r>
  <r>
    <n v="201869.81459435256"/>
    <x v="13"/>
  </r>
  <r>
    <n v="233156.95327027544"/>
    <x v="14"/>
  </r>
  <r>
    <n v="255470.00922328382"/>
    <x v="15"/>
  </r>
  <r>
    <n v="265564.83448525611"/>
    <x v="16"/>
  </r>
  <r>
    <n v="288883.08129685861"/>
    <x v="17"/>
  </r>
  <r>
    <n v="290221.4642943627"/>
    <x v="18"/>
  </r>
  <r>
    <n v="284321.12681974081"/>
    <x v="19"/>
  </r>
  <r>
    <n v="262448.40772080142"/>
    <x v="20"/>
  </r>
  <r>
    <n v="241305.1839294339"/>
    <x v="21"/>
  </r>
  <r>
    <n v="231032.43083183549"/>
    <x v="22"/>
  </r>
  <r>
    <n v="185754.25000500365"/>
    <x v="23"/>
  </r>
  <r>
    <n v="153579.58858976816"/>
    <x v="0"/>
  </r>
  <r>
    <n v="128243.71419752418"/>
    <x v="1"/>
  </r>
  <r>
    <n v="121143.98055652312"/>
    <x v="2"/>
  </r>
  <r>
    <n v="114891.3735986461"/>
    <x v="3"/>
  </r>
  <r>
    <n v="108136.79585487314"/>
    <x v="4"/>
  </r>
  <r>
    <n v="103568.17606522799"/>
    <x v="5"/>
  </r>
  <r>
    <n v="126529.72209980029"/>
    <x v="6"/>
  </r>
  <r>
    <n v="131874.61196464341"/>
    <x v="7"/>
  </r>
  <r>
    <n v="126215.28396041611"/>
    <x v="8"/>
  </r>
  <r>
    <n v="129972.75652684242"/>
    <x v="9"/>
  </r>
  <r>
    <n v="136168.92511624066"/>
    <x v="10"/>
  </r>
  <r>
    <n v="146935.48454304491"/>
    <x v="11"/>
  </r>
  <r>
    <n v="157841.1557296543"/>
    <x v="12"/>
  </r>
  <r>
    <n v="173743.06288083232"/>
    <x v="13"/>
  </r>
  <r>
    <n v="190979.26712679648"/>
    <x v="14"/>
  </r>
  <r>
    <n v="188976.46931537252"/>
    <x v="15"/>
  </r>
  <r>
    <n v="203008.120636101"/>
    <x v="16"/>
  </r>
  <r>
    <n v="229311.97183772342"/>
    <x v="17"/>
  </r>
  <r>
    <n v="241897.69861351047"/>
    <x v="18"/>
  </r>
  <r>
    <n v="229235.73594780167"/>
    <x v="19"/>
  </r>
  <r>
    <n v="205557.98848698268"/>
    <x v="20"/>
  </r>
  <r>
    <n v="221140.51914153463"/>
    <x v="21"/>
  </r>
  <r>
    <n v="197202.40561363185"/>
    <x v="22"/>
  </r>
  <r>
    <n v="152464.75444241051"/>
    <x v="23"/>
  </r>
  <r>
    <n v="131733.94227070839"/>
    <x v="0"/>
  </r>
  <r>
    <n v="114814.66004024116"/>
    <x v="1"/>
  </r>
  <r>
    <n v="103076.90505335614"/>
    <x v="2"/>
  </r>
  <r>
    <n v="96251.191449313046"/>
    <x v="3"/>
  </r>
  <r>
    <n v="93440.656232765847"/>
    <x v="4"/>
  </r>
  <r>
    <n v="103192.11134276266"/>
    <x v="5"/>
  </r>
  <r>
    <n v="120430.60104870037"/>
    <x v="6"/>
  </r>
  <r>
    <n v="123948.40161648512"/>
    <x v="7"/>
  </r>
  <r>
    <n v="132768.73387777031"/>
    <x v="8"/>
  </r>
  <r>
    <n v="144673.49646388044"/>
    <x v="9"/>
  </r>
  <r>
    <n v="147162.22274891011"/>
    <x v="10"/>
  </r>
  <r>
    <n v="151361.34024617475"/>
    <x v="11"/>
  </r>
  <r>
    <n v="182457.19106643321"/>
    <x v="12"/>
  </r>
  <r>
    <n v="207716.09469416586"/>
    <x v="13"/>
  </r>
  <r>
    <n v="231107.93184716767"/>
    <x v="14"/>
  </r>
  <r>
    <n v="239577.90529913062"/>
    <x v="15"/>
  </r>
  <r>
    <n v="242612.14368948812"/>
    <x v="16"/>
  </r>
  <r>
    <n v="264732.48613012827"/>
    <x v="17"/>
  </r>
  <r>
    <n v="258815.86383460157"/>
    <x v="18"/>
  </r>
  <r>
    <n v="246373.40820879658"/>
    <x v="19"/>
  </r>
  <r>
    <n v="217262.02742769831"/>
    <x v="20"/>
  </r>
  <r>
    <n v="196842.78738448102"/>
    <x v="21"/>
  </r>
  <r>
    <n v="201130.28089988712"/>
    <x v="22"/>
  </r>
  <r>
    <n v="163608.62787848237"/>
    <x v="23"/>
  </r>
  <r>
    <n v="138416.36267853167"/>
    <x v="0"/>
  </r>
  <r>
    <n v="119900.39638107324"/>
    <x v="1"/>
  </r>
  <r>
    <n v="109866.57305878095"/>
    <x v="2"/>
  </r>
  <r>
    <n v="108707.52150736903"/>
    <x v="3"/>
  </r>
  <r>
    <n v="95848.061295713953"/>
    <x v="4"/>
  </r>
  <r>
    <n v="96112.109084491487"/>
    <x v="5"/>
  </r>
  <r>
    <n v="98388.566844324538"/>
    <x v="6"/>
  </r>
  <r>
    <n v="100702.06228347178"/>
    <x v="7"/>
  </r>
  <r>
    <n v="127567.01228046676"/>
    <x v="8"/>
  </r>
  <r>
    <n v="129416.48585752335"/>
    <x v="9"/>
  </r>
  <r>
    <n v="143175.33703311253"/>
    <x v="10"/>
  </r>
  <r>
    <n v="165026.52430657766"/>
    <x v="11"/>
  </r>
  <r>
    <n v="187453.86795575562"/>
    <x v="12"/>
  </r>
  <r>
    <n v="194671.62980458711"/>
    <x v="13"/>
  </r>
  <r>
    <n v="204909.09422439447"/>
    <x v="14"/>
  </r>
  <r>
    <n v="228652.67175094696"/>
    <x v="15"/>
  </r>
  <r>
    <n v="238788.67938491859"/>
    <x v="16"/>
  </r>
  <r>
    <n v="250593.52842183111"/>
    <x v="17"/>
  </r>
  <r>
    <n v="232707.97429103323"/>
    <x v="18"/>
  </r>
  <r>
    <n v="228206.52938762045"/>
    <x v="19"/>
  </r>
  <r>
    <n v="204182.08279293525"/>
    <x v="20"/>
  </r>
  <r>
    <n v="193498.04978253946"/>
    <x v="21"/>
  </r>
  <r>
    <n v="174212.6918360414"/>
    <x v="22"/>
  </r>
  <r>
    <n v="139845.25283048695"/>
    <x v="23"/>
  </r>
  <r>
    <n v="124844.72815338073"/>
    <x v="0"/>
  </r>
  <r>
    <n v="99911.425410047799"/>
    <x v="1"/>
  </r>
  <r>
    <n v="96719.402096564256"/>
    <x v="2"/>
  </r>
  <r>
    <n v="86644.425797256205"/>
    <x v="3"/>
  </r>
  <r>
    <n v="85239.720368043621"/>
    <x v="4"/>
  </r>
  <r>
    <n v="86112.61175427791"/>
    <x v="5"/>
  </r>
  <r>
    <n v="87299.132917847863"/>
    <x v="6"/>
  </r>
  <r>
    <n v="95524.113879140757"/>
    <x v="7"/>
  </r>
  <r>
    <n v="119963.88954561188"/>
    <x v="8"/>
  </r>
  <r>
    <n v="153780.95892480147"/>
    <x v="9"/>
  </r>
  <r>
    <n v="185567.00395958181"/>
    <x v="10"/>
  </r>
  <r>
    <n v="215823.64269604583"/>
    <x v="11"/>
  </r>
  <r>
    <n v="240212.557692173"/>
    <x v="12"/>
  </r>
  <r>
    <n v="243354.29353749243"/>
    <x v="13"/>
  </r>
  <r>
    <n v="273797.31116736255"/>
    <x v="14"/>
  </r>
  <r>
    <n v="307159.85326415871"/>
    <x v="15"/>
  </r>
  <r>
    <n v="341997.43563713494"/>
    <x v="16"/>
  </r>
  <r>
    <n v="337184.00707546715"/>
    <x v="17"/>
  </r>
  <r>
    <n v="327364.5834146812"/>
    <x v="18"/>
  </r>
  <r>
    <n v="297311.9752592647"/>
    <x v="19"/>
  </r>
  <r>
    <n v="282248.39834237361"/>
    <x v="20"/>
  </r>
  <r>
    <n v="262577.09895892651"/>
    <x v="21"/>
  </r>
  <r>
    <n v="243538.30613472016"/>
    <x v="22"/>
  </r>
  <r>
    <n v="201902.54590857192"/>
    <x v="23"/>
  </r>
  <r>
    <n v="170436.34769015497"/>
    <x v="0"/>
  </r>
  <r>
    <n v="133426.37314797437"/>
    <x v="1"/>
  </r>
  <r>
    <n v="129079.61934566555"/>
    <x v="2"/>
  </r>
  <r>
    <n v="113897.99952345221"/>
    <x v="3"/>
  </r>
  <r>
    <n v="103858.08409081241"/>
    <x v="4"/>
  </r>
  <r>
    <n v="108423.48512975527"/>
    <x v="5"/>
  </r>
  <r>
    <n v="132336.62761910458"/>
    <x v="6"/>
  </r>
  <r>
    <n v="129123.81470348214"/>
    <x v="7"/>
  </r>
  <r>
    <n v="122582.61514553604"/>
    <x v="8"/>
  </r>
  <r>
    <n v="150928.79306275529"/>
    <x v="9"/>
  </r>
  <r>
    <n v="201932.44060687552"/>
    <x v="10"/>
  </r>
  <r>
    <n v="261000.93993922189"/>
    <x v="11"/>
  </r>
  <r>
    <n v="276949.89376162406"/>
    <x v="12"/>
  </r>
  <r>
    <n v="294394.49374369776"/>
    <x v="13"/>
  </r>
  <r>
    <n v="321319.71080578316"/>
    <x v="14"/>
  </r>
  <r>
    <n v="326886.94432644587"/>
    <x v="15"/>
  </r>
  <r>
    <n v="346124.8734669332"/>
    <x v="16"/>
  </r>
  <r>
    <n v="344219.49063110235"/>
    <x v="17"/>
  </r>
  <r>
    <n v="284373.15594068222"/>
    <x v="18"/>
  </r>
  <r>
    <n v="275626.1788609277"/>
    <x v="19"/>
  </r>
  <r>
    <n v="248516.65525177872"/>
    <x v="20"/>
  </r>
  <r>
    <n v="235095.40546263687"/>
    <x v="21"/>
  </r>
  <r>
    <n v="220573.40172327351"/>
    <x v="22"/>
  </r>
  <r>
    <n v="172803.93724784028"/>
    <x v="23"/>
  </r>
  <r>
    <n v="158878.46060781257"/>
    <x v="0"/>
  </r>
  <r>
    <n v="128147.60729870056"/>
    <x v="1"/>
  </r>
  <r>
    <n v="115414.18542790218"/>
    <x v="2"/>
  </r>
  <r>
    <n v="106795.67177514995"/>
    <x v="3"/>
  </r>
  <r>
    <n v="100723.31485660208"/>
    <x v="4"/>
  </r>
  <r>
    <n v="105111.19224094308"/>
    <x v="5"/>
  </r>
  <r>
    <n v="132770.39469434274"/>
    <x v="6"/>
  </r>
  <r>
    <n v="136738.96733536827"/>
    <x v="7"/>
  </r>
  <r>
    <n v="159122.60064395872"/>
    <x v="8"/>
  </r>
  <r>
    <n v="174605.51169914886"/>
    <x v="9"/>
  </r>
  <r>
    <n v="190600.0571410878"/>
    <x v="10"/>
  </r>
  <r>
    <n v="197253.11196031197"/>
    <x v="11"/>
  </r>
  <r>
    <n v="229757.65857880437"/>
    <x v="12"/>
  </r>
  <r>
    <n v="254761.94285874366"/>
    <x v="13"/>
  </r>
  <r>
    <n v="274898.85878214083"/>
    <x v="14"/>
  </r>
  <r>
    <n v="278079.04326598643"/>
    <x v="15"/>
  </r>
  <r>
    <n v="295407.20971808909"/>
    <x v="16"/>
  </r>
  <r>
    <n v="328952.82377263828"/>
    <x v="17"/>
  </r>
  <r>
    <n v="293002.93522089254"/>
    <x v="18"/>
  </r>
  <r>
    <n v="285058.02966317564"/>
    <x v="19"/>
  </r>
  <r>
    <n v="250511.69278753683"/>
    <x v="20"/>
  </r>
  <r>
    <n v="237554.01658698605"/>
    <x v="21"/>
  </r>
  <r>
    <n v="208023.2722726051"/>
    <x v="22"/>
  </r>
  <r>
    <n v="176600.38756249732"/>
    <x v="23"/>
  </r>
  <r>
    <n v="133633.57838724885"/>
    <x v="0"/>
  </r>
  <r>
    <n v="118738.15547394259"/>
    <x v="1"/>
  </r>
  <r>
    <n v="104128.42975482253"/>
    <x v="2"/>
  </r>
  <r>
    <n v="92820.745423990185"/>
    <x v="3"/>
  </r>
  <r>
    <n v="93344.453800245537"/>
    <x v="4"/>
  </r>
  <r>
    <n v="97663.480784289975"/>
    <x v="5"/>
  </r>
  <r>
    <n v="121285.71581861303"/>
    <x v="6"/>
  </r>
  <r>
    <n v="117173.27677918784"/>
    <x v="7"/>
  </r>
  <r>
    <n v="123210.8447346656"/>
    <x v="8"/>
  </r>
  <r>
    <n v="149859.62402239337"/>
    <x v="9"/>
  </r>
  <r>
    <n v="168424.51092127932"/>
    <x v="10"/>
  </r>
  <r>
    <n v="193394.68232277088"/>
    <x v="11"/>
  </r>
  <r>
    <n v="231534.29138654302"/>
    <x v="12"/>
  </r>
  <r>
    <n v="275388.60860361229"/>
    <x v="13"/>
  </r>
  <r>
    <n v="305717.61778965691"/>
    <x v="14"/>
  </r>
  <r>
    <n v="310334.83483591024"/>
    <x v="15"/>
  </r>
  <r>
    <n v="361116.25630414521"/>
    <x v="16"/>
  </r>
  <r>
    <n v="359192.97192331246"/>
    <x v="17"/>
  </r>
  <r>
    <n v="347174.42135575367"/>
    <x v="18"/>
  </r>
  <r>
    <n v="318063.15815458971"/>
    <x v="19"/>
  </r>
  <r>
    <n v="311021.97197213949"/>
    <x v="20"/>
  </r>
  <r>
    <n v="280347.98325876822"/>
    <x v="21"/>
  </r>
  <r>
    <n v="248181.55243893591"/>
    <x v="22"/>
  </r>
  <r>
    <n v="208459.59671141498"/>
    <x v="23"/>
  </r>
  <r>
    <n v="160107.93519114272"/>
    <x v="0"/>
  </r>
  <r>
    <n v="153155.30139673542"/>
    <x v="1"/>
  </r>
  <r>
    <n v="137128.86239760925"/>
    <x v="2"/>
  </r>
  <r>
    <n v="120351.521194117"/>
    <x v="3"/>
  </r>
  <r>
    <n v="109541.32491418424"/>
    <x v="4"/>
  </r>
  <r>
    <n v="112103.43577572811"/>
    <x v="5"/>
  </r>
  <r>
    <n v="130945.78927339711"/>
    <x v="6"/>
  </r>
  <r>
    <n v="129383.51938343536"/>
    <x v="7"/>
  </r>
  <r>
    <n v="142917.91046438701"/>
    <x v="8"/>
  </r>
  <r>
    <n v="166821.13214677715"/>
    <x v="9"/>
  </r>
  <r>
    <n v="201556.40527939377"/>
    <x v="10"/>
  </r>
  <r>
    <n v="237734.53118116746"/>
    <x v="11"/>
  </r>
  <r>
    <n v="259753.47562593909"/>
    <x v="12"/>
  </r>
  <r>
    <n v="291709.99686800729"/>
    <x v="13"/>
  </r>
  <r>
    <n v="321238.81581096357"/>
    <x v="14"/>
  </r>
  <r>
    <n v="363288.7219608085"/>
    <x v="15"/>
  </r>
  <r>
    <n v="366534.63362794503"/>
    <x v="16"/>
  </r>
  <r>
    <n v="365340.52120986488"/>
    <x v="17"/>
  </r>
  <r>
    <n v="368360.20908334886"/>
    <x v="18"/>
  </r>
  <r>
    <n v="323400.22895379981"/>
    <x v="19"/>
  </r>
  <r>
    <n v="308587.33245690202"/>
    <x v="20"/>
  </r>
  <r>
    <n v="303205.93402244919"/>
    <x v="21"/>
  </r>
  <r>
    <n v="248614.12901733897"/>
    <x v="22"/>
  </r>
  <r>
    <n v="195967.63993325678"/>
    <x v="23"/>
  </r>
  <r>
    <n v="174100.25602383757"/>
    <x v="0"/>
  </r>
  <r>
    <n v="147780.59032104764"/>
    <x v="1"/>
  </r>
  <r>
    <n v="126164.43063881803"/>
    <x v="2"/>
  </r>
  <r>
    <n v="120937.37791441208"/>
    <x v="3"/>
  </r>
  <r>
    <n v="108292.07485564878"/>
    <x v="4"/>
  </r>
  <r>
    <n v="112010.76074123774"/>
    <x v="5"/>
  </r>
  <r>
    <n v="125341.53277091202"/>
    <x v="6"/>
  </r>
  <r>
    <n v="125629.44193761281"/>
    <x v="7"/>
  </r>
  <r>
    <n v="148933.8143169643"/>
    <x v="8"/>
  </r>
  <r>
    <n v="184288.49854363568"/>
    <x v="9"/>
  </r>
  <r>
    <n v="219228.36076198795"/>
    <x v="10"/>
  </r>
  <r>
    <n v="248869.01291998461"/>
    <x v="11"/>
  </r>
  <r>
    <n v="279878.78053082107"/>
    <x v="12"/>
  </r>
  <r>
    <n v="320316.87154587568"/>
    <x v="13"/>
  </r>
  <r>
    <n v="352568.63600304851"/>
    <x v="14"/>
  </r>
  <r>
    <n v="368463.35608074057"/>
    <x v="15"/>
  </r>
  <r>
    <n v="363462.15236394649"/>
    <x v="16"/>
  </r>
  <r>
    <n v="351965.39214996429"/>
    <x v="17"/>
  </r>
  <r>
    <n v="352140.26290729782"/>
    <x v="18"/>
  </r>
  <r>
    <n v="329598.24942716374"/>
    <x v="19"/>
  </r>
  <r>
    <n v="285877.85575529729"/>
    <x v="20"/>
  </r>
  <r>
    <n v="274912.26289465453"/>
    <x v="21"/>
  </r>
  <r>
    <n v="262960.79167963151"/>
    <x v="22"/>
  </r>
  <r>
    <n v="228153.03051749992"/>
    <x v="23"/>
  </r>
  <r>
    <n v="195021.16555436904"/>
    <x v="0"/>
  </r>
  <r>
    <n v="158897.9200869443"/>
    <x v="1"/>
  </r>
  <r>
    <n v="133363.27681571408"/>
    <x v="2"/>
  </r>
  <r>
    <n v="120004.02104694817"/>
    <x v="3"/>
  </r>
  <r>
    <n v="121741.70550143972"/>
    <x v="4"/>
  </r>
  <r>
    <n v="107457.21322942461"/>
    <x v="5"/>
  </r>
  <r>
    <n v="108510.15623884887"/>
    <x v="6"/>
  </r>
  <r>
    <n v="135733.61480436439"/>
    <x v="7"/>
  </r>
  <r>
    <n v="153164.14928679381"/>
    <x v="8"/>
  </r>
  <r>
    <n v="182427.85487281767"/>
    <x v="9"/>
  </r>
  <r>
    <n v="221669.83461090838"/>
    <x v="10"/>
  </r>
  <r>
    <n v="286784.51462892222"/>
    <x v="11"/>
  </r>
  <r>
    <n v="309576.62062937795"/>
    <x v="12"/>
  </r>
  <r>
    <n v="326159.06574297091"/>
    <x v="13"/>
  </r>
  <r>
    <n v="346677.23460343579"/>
    <x v="14"/>
  </r>
  <r>
    <n v="349500.6815665217"/>
    <x v="15"/>
  </r>
  <r>
    <n v="368394.60121414071"/>
    <x v="16"/>
  </r>
  <r>
    <n v="371841.83912383515"/>
    <x v="17"/>
  </r>
  <r>
    <n v="356554.24303706025"/>
    <x v="18"/>
  </r>
  <r>
    <n v="331184.87306102383"/>
    <x v="19"/>
  </r>
  <r>
    <n v="289562.39936745493"/>
    <x v="20"/>
  </r>
  <r>
    <n v="288961.50711305731"/>
    <x v="21"/>
  </r>
  <r>
    <n v="247516.40275042647"/>
    <x v="22"/>
  </r>
  <r>
    <n v="231034.56196814525"/>
    <x v="23"/>
  </r>
  <r>
    <n v="206368.36409188245"/>
    <x v="0"/>
  </r>
  <r>
    <n v="182951.99682508089"/>
    <x v="1"/>
  </r>
  <r>
    <n v="155938.25676993612"/>
    <x v="2"/>
  </r>
  <r>
    <n v="141642.97653894615"/>
    <x v="3"/>
  </r>
  <r>
    <n v="130686.67249311558"/>
    <x v="4"/>
  </r>
  <r>
    <n v="125350.86567819951"/>
    <x v="5"/>
  </r>
  <r>
    <n v="120841.9985414321"/>
    <x v="6"/>
  </r>
  <r>
    <n v="131564.95051009141"/>
    <x v="7"/>
  </r>
  <r>
    <n v="170011.79594226996"/>
    <x v="8"/>
  </r>
  <r>
    <n v="212156.80956149678"/>
    <x v="9"/>
  </r>
  <r>
    <n v="237903.87568158741"/>
    <x v="10"/>
  </r>
  <r>
    <n v="273688.49093813938"/>
    <x v="11"/>
  </r>
  <r>
    <n v="307855.48555064341"/>
    <x v="12"/>
  </r>
  <r>
    <n v="327758.29982478794"/>
    <x v="13"/>
  </r>
  <r>
    <n v="341065.37949769461"/>
    <x v="14"/>
  </r>
  <r>
    <n v="342842.01230543322"/>
    <x v="15"/>
  </r>
  <r>
    <n v="363984.29545732611"/>
    <x v="16"/>
  </r>
  <r>
    <n v="358486.11075309914"/>
    <x v="17"/>
  </r>
  <r>
    <n v="339963.59672304761"/>
    <x v="18"/>
  </r>
  <r>
    <n v="306561.81232316856"/>
    <x v="19"/>
  </r>
  <r>
    <n v="320738.77774523821"/>
    <x v="20"/>
  </r>
  <r>
    <n v="291283.21110136999"/>
    <x v="21"/>
  </r>
  <r>
    <n v="261611.47374823465"/>
    <x v="22"/>
  </r>
  <r>
    <n v="230625.26621673969"/>
    <x v="23"/>
  </r>
  <r>
    <n v="173745.67215606637"/>
    <x v="0"/>
  </r>
  <r>
    <n v="142638.59318579509"/>
    <x v="1"/>
  </r>
  <r>
    <n v="129455.87324355988"/>
    <x v="2"/>
  </r>
  <r>
    <n v="117658.10668506534"/>
    <x v="3"/>
  </r>
  <r>
    <n v="106688.75060574693"/>
    <x v="4"/>
  </r>
  <r>
    <n v="118644.68213447348"/>
    <x v="5"/>
  </r>
  <r>
    <n v="122430.08988320424"/>
    <x v="6"/>
  </r>
  <r>
    <n v="127059.53951715528"/>
    <x v="7"/>
  </r>
  <r>
    <n v="135128.9117525942"/>
    <x v="8"/>
  </r>
  <r>
    <n v="166161.9273106496"/>
    <x v="9"/>
  </r>
  <r>
    <n v="182653.2768518345"/>
    <x v="10"/>
  </r>
  <r>
    <n v="218109.57501166017"/>
    <x v="11"/>
  </r>
  <r>
    <n v="247093.48481802113"/>
    <x v="12"/>
  </r>
  <r>
    <n v="258839.1692068527"/>
    <x v="13"/>
  </r>
  <r>
    <n v="308017.08577415778"/>
    <x v="14"/>
  </r>
  <r>
    <n v="328313.24384115153"/>
    <x v="15"/>
  </r>
  <r>
    <n v="351942.82289006037"/>
    <x v="16"/>
  </r>
  <r>
    <n v="356247.82289899042"/>
    <x v="17"/>
  </r>
  <r>
    <n v="345381.44225343881"/>
    <x v="18"/>
  </r>
  <r>
    <n v="334651.65064427961"/>
    <x v="19"/>
  </r>
  <r>
    <n v="319349.51739887765"/>
    <x v="20"/>
  </r>
  <r>
    <n v="288476.01784009865"/>
    <x v="21"/>
  </r>
  <r>
    <n v="272213.97845862567"/>
    <x v="22"/>
  </r>
  <r>
    <n v="225523.83326345257"/>
    <x v="23"/>
  </r>
  <r>
    <n v="189931.99986988923"/>
    <x v="0"/>
  </r>
  <r>
    <n v="159097.84227688421"/>
    <x v="1"/>
  </r>
  <r>
    <n v="151193.984609679"/>
    <x v="2"/>
  </r>
  <r>
    <n v="137824.63351524557"/>
    <x v="3"/>
  </r>
  <r>
    <n v="121586.79106395843"/>
    <x v="4"/>
  </r>
  <r>
    <n v="121005.69996165654"/>
    <x v="5"/>
  </r>
  <r>
    <n v="148566.69246812828"/>
    <x v="6"/>
  </r>
  <r>
    <n v="128066.79922123371"/>
    <x v="7"/>
  </r>
  <r>
    <n v="146639.27390246611"/>
    <x v="8"/>
  </r>
  <r>
    <n v="164982.95181502347"/>
    <x v="9"/>
  </r>
  <r>
    <n v="204761.73229961412"/>
    <x v="10"/>
  </r>
  <r>
    <n v="212219.26401169982"/>
    <x v="11"/>
  </r>
  <r>
    <n v="226924.72878991757"/>
    <x v="12"/>
  </r>
  <r>
    <n v="266306.79310590035"/>
    <x v="13"/>
  </r>
  <r>
    <n v="299334.48145544983"/>
    <x v="14"/>
  </r>
  <r>
    <n v="326475.8443407201"/>
    <x v="15"/>
  </r>
  <r>
    <n v="309665.98970230966"/>
    <x v="16"/>
  </r>
  <r>
    <n v="314901.44341414195"/>
    <x v="17"/>
  </r>
  <r>
    <n v="287373.28091345"/>
    <x v="18"/>
  </r>
  <r>
    <n v="277873.11487879278"/>
    <x v="19"/>
  </r>
  <r>
    <n v="237365.77847170018"/>
    <x v="20"/>
  </r>
  <r>
    <n v="232221.84346733787"/>
    <x v="21"/>
  </r>
  <r>
    <n v="207499.20085973854"/>
    <x v="22"/>
  </r>
  <r>
    <n v="171204.12982796592"/>
    <x v="23"/>
  </r>
  <r>
    <n v="145812.45763756242"/>
    <x v="0"/>
  </r>
  <r>
    <n v="127780.63775933196"/>
    <x v="1"/>
  </r>
  <r>
    <n v="114988.50031384287"/>
    <x v="2"/>
  </r>
  <r>
    <n v="119499.09992275498"/>
    <x v="3"/>
  </r>
  <r>
    <n v="106297.41828788114"/>
    <x v="4"/>
  </r>
  <r>
    <n v="107761.52170819"/>
    <x v="5"/>
  </r>
  <r>
    <n v="122210.46660174092"/>
    <x v="6"/>
  </r>
  <r>
    <n v="119031.00888972962"/>
    <x v="7"/>
  </r>
  <r>
    <n v="113008.26326768856"/>
    <x v="8"/>
  </r>
  <r>
    <n v="151886.83283453656"/>
    <x v="9"/>
  </r>
  <r>
    <n v="189022.70328182279"/>
    <x v="10"/>
  </r>
  <r>
    <n v="201607.79552625219"/>
    <x v="11"/>
  </r>
  <r>
    <n v="226071.43235574296"/>
    <x v="12"/>
  </r>
  <r>
    <n v="261357.46032509845"/>
    <x v="13"/>
  </r>
  <r>
    <n v="301472.48491826805"/>
    <x v="14"/>
  </r>
  <r>
    <n v="322917.34192000219"/>
    <x v="15"/>
  </r>
  <r>
    <n v="327511.43512386031"/>
    <x v="16"/>
  </r>
  <r>
    <n v="307230.19241751707"/>
    <x v="17"/>
  </r>
  <r>
    <n v="282213.21462229715"/>
    <x v="18"/>
  </r>
  <r>
    <n v="257774.82852564691"/>
    <x v="19"/>
  </r>
  <r>
    <n v="236115.67129688457"/>
    <x v="20"/>
  </r>
  <r>
    <n v="231939.6675411172"/>
    <x v="21"/>
  </r>
  <r>
    <n v="221602.62007517522"/>
    <x v="22"/>
  </r>
  <r>
    <n v="177608.1696220726"/>
    <x v="23"/>
  </r>
  <r>
    <n v="147206.78716287145"/>
    <x v="0"/>
  </r>
  <r>
    <n v="131143.91648312905"/>
    <x v="1"/>
  </r>
  <r>
    <n v="125626.38141710918"/>
    <x v="2"/>
  </r>
  <r>
    <n v="115783.54037562148"/>
    <x v="3"/>
  </r>
  <r>
    <n v="105195.01236334837"/>
    <x v="4"/>
  </r>
  <r>
    <n v="108628.54459745609"/>
    <x v="5"/>
  </r>
  <r>
    <n v="107019.45549524369"/>
    <x v="6"/>
  </r>
  <r>
    <n v="122178.52827513048"/>
    <x v="7"/>
  </r>
  <r>
    <n v="142041.3843069931"/>
    <x v="8"/>
  </r>
  <r>
    <n v="169485.20206444096"/>
    <x v="9"/>
  </r>
  <r>
    <n v="220325.08701075759"/>
    <x v="10"/>
  </r>
  <r>
    <n v="266573.97260972782"/>
    <x v="11"/>
  </r>
  <r>
    <n v="306733.25691439305"/>
    <x v="12"/>
  </r>
  <r>
    <n v="302453.87241614558"/>
    <x v="13"/>
  </r>
  <r>
    <n v="310242.66293963627"/>
    <x v="14"/>
  </r>
  <r>
    <n v="325421.31213037693"/>
    <x v="15"/>
  </r>
  <r>
    <n v="335993.84395876387"/>
    <x v="16"/>
  </r>
  <r>
    <n v="312437.38260173978"/>
    <x v="17"/>
  </r>
  <r>
    <n v="316045.84607652097"/>
    <x v="18"/>
  </r>
  <r>
    <n v="277515.47047014994"/>
    <x v="19"/>
  </r>
  <r>
    <n v="264757.62214180868"/>
    <x v="20"/>
  </r>
  <r>
    <n v="234487.54619543607"/>
    <x v="21"/>
  </r>
  <r>
    <n v="218533.55494638471"/>
    <x v="22"/>
  </r>
  <r>
    <n v="195285.50649962426"/>
    <x v="23"/>
  </r>
  <r>
    <n v="167039.17748978204"/>
    <x v="0"/>
  </r>
  <r>
    <n v="146062.08727410267"/>
    <x v="1"/>
  </r>
  <r>
    <n v="129371.93380902914"/>
    <x v="2"/>
  </r>
  <r>
    <n v="118722.55544859469"/>
    <x v="3"/>
  </r>
  <r>
    <n v="114247.9337431359"/>
    <x v="4"/>
  </r>
  <r>
    <n v="110206.69513455093"/>
    <x v="5"/>
  </r>
  <r>
    <n v="117626.93844501022"/>
    <x v="6"/>
  </r>
  <r>
    <n v="116553.76203385381"/>
    <x v="7"/>
  </r>
  <r>
    <n v="135796.96859448636"/>
    <x v="8"/>
  </r>
  <r>
    <n v="166220.76462553471"/>
    <x v="9"/>
  </r>
  <r>
    <n v="205166.5546424886"/>
    <x v="10"/>
  </r>
  <r>
    <n v="237196.62963533693"/>
    <x v="11"/>
  </r>
  <r>
    <n v="257050.73099899158"/>
    <x v="12"/>
  </r>
  <r>
    <n v="292303.72630821069"/>
    <x v="13"/>
  </r>
  <r>
    <n v="318282.04233028868"/>
    <x v="14"/>
  </r>
  <r>
    <n v="333027.30842415552"/>
    <x v="15"/>
  </r>
  <r>
    <n v="351577.96398632036"/>
    <x v="16"/>
  </r>
  <r>
    <n v="346554.72991678782"/>
    <x v="17"/>
  </r>
  <r>
    <n v="341459.26983453985"/>
    <x v="18"/>
  </r>
  <r>
    <n v="327710.03639339225"/>
    <x v="19"/>
  </r>
  <r>
    <n v="316461.47665175097"/>
    <x v="20"/>
  </r>
  <r>
    <n v="283229.97206055798"/>
    <x v="21"/>
  </r>
  <r>
    <n v="293955.33229445142"/>
    <x v="22"/>
  </r>
  <r>
    <n v="241349.31462979733"/>
    <x v="23"/>
  </r>
  <r>
    <n v="203388.43829652696"/>
    <x v="0"/>
  </r>
  <r>
    <n v="165485.93992826657"/>
    <x v="1"/>
  </r>
  <r>
    <n v="144044.71719466202"/>
    <x v="2"/>
  </r>
  <r>
    <n v="138671.82329813935"/>
    <x v="3"/>
  </r>
  <r>
    <n v="131365.26908176928"/>
    <x v="4"/>
  </r>
  <r>
    <n v="118037.15139377199"/>
    <x v="5"/>
  </r>
  <r>
    <n v="129023.32778469361"/>
    <x v="6"/>
  </r>
  <r>
    <n v="128527.01375493001"/>
    <x v="7"/>
  </r>
  <r>
    <n v="159274.05699514988"/>
    <x v="8"/>
  </r>
  <r>
    <n v="186700.78423518562"/>
    <x v="9"/>
  </r>
  <r>
    <n v="228877.18192377308"/>
    <x v="10"/>
  </r>
  <r>
    <n v="264883.97037804418"/>
    <x v="11"/>
  </r>
  <r>
    <n v="289505.15070440649"/>
    <x v="12"/>
  </r>
  <r>
    <n v="319771.25462538842"/>
    <x v="13"/>
  </r>
  <r>
    <n v="322251.31162167661"/>
    <x v="14"/>
  </r>
  <r>
    <n v="345374.49796415039"/>
    <x v="15"/>
  </r>
  <r>
    <n v="344433.58729644422"/>
    <x v="16"/>
  </r>
  <r>
    <n v="324906.40794096183"/>
    <x v="17"/>
  </r>
  <r>
    <n v="325122.5725880714"/>
    <x v="18"/>
  </r>
  <r>
    <n v="285549.79701217625"/>
    <x v="19"/>
  </r>
  <r>
    <n v="286654.26325600175"/>
    <x v="20"/>
  </r>
  <r>
    <n v="266745.44521604746"/>
    <x v="21"/>
  </r>
  <r>
    <n v="242649.27477635257"/>
    <x v="22"/>
  </r>
  <r>
    <n v="207026.25963244366"/>
    <x v="23"/>
  </r>
  <r>
    <n v="185251.67048212478"/>
    <x v="0"/>
  </r>
  <r>
    <n v="175886.08045058369"/>
    <x v="1"/>
  </r>
  <r>
    <n v="146467.13929191467"/>
    <x v="2"/>
  </r>
  <r>
    <n v="131662.88726996782"/>
    <x v="3"/>
  </r>
  <r>
    <n v="125731.15371950511"/>
    <x v="4"/>
  </r>
  <r>
    <n v="115848.05201249325"/>
    <x v="5"/>
  </r>
  <r>
    <n v="119998.99417948634"/>
    <x v="6"/>
  </r>
  <r>
    <n v="123895.79427293077"/>
    <x v="7"/>
  </r>
  <r>
    <n v="142999.84484198652"/>
    <x v="8"/>
  </r>
  <r>
    <n v="179053.66261729441"/>
    <x v="9"/>
  </r>
  <r>
    <n v="236850.46897357181"/>
    <x v="10"/>
  </r>
  <r>
    <n v="271532.06005873758"/>
    <x v="11"/>
  </r>
  <r>
    <n v="275658.91337786842"/>
    <x v="12"/>
  </r>
  <r>
    <n v="293091.48432343977"/>
    <x v="13"/>
  </r>
  <r>
    <n v="272499.77514268545"/>
    <x v="14"/>
  </r>
  <r>
    <n v="291627.18500391947"/>
    <x v="15"/>
  </r>
  <r>
    <n v="308812.51763435925"/>
    <x v="16"/>
  </r>
  <r>
    <n v="343127.3853957036"/>
    <x v="17"/>
  </r>
  <r>
    <n v="294174.00985558366"/>
    <x v="18"/>
  </r>
  <r>
    <n v="288947.63505892997"/>
    <x v="19"/>
  </r>
  <r>
    <n v="270020.28557859588"/>
    <x v="20"/>
  </r>
  <r>
    <n v="248316.97672066139"/>
    <x v="21"/>
  </r>
  <r>
    <n v="227884.1215349517"/>
    <x v="22"/>
  </r>
  <r>
    <n v="203488.73869278579"/>
    <x v="23"/>
  </r>
  <r>
    <n v="179294.92938404958"/>
    <x v="0"/>
  </r>
  <r>
    <n v="146681.31792632895"/>
    <x v="1"/>
  </r>
  <r>
    <n v="140462.50421421425"/>
    <x v="2"/>
  </r>
  <r>
    <n v="129141.56984666256"/>
    <x v="3"/>
  </r>
  <r>
    <n v="129050.29432442054"/>
    <x v="4"/>
  </r>
  <r>
    <n v="128977.27120456884"/>
    <x v="5"/>
  </r>
  <r>
    <n v="133560.19139822951"/>
    <x v="6"/>
  </r>
  <r>
    <n v="149633.27585754785"/>
    <x v="7"/>
  </r>
  <r>
    <n v="157998.50994342755"/>
    <x v="8"/>
  </r>
  <r>
    <n v="159334.32640082212"/>
    <x v="9"/>
  </r>
  <r>
    <n v="172060.57415981407"/>
    <x v="10"/>
  </r>
  <r>
    <n v="204124.24924499751"/>
    <x v="11"/>
  </r>
  <r>
    <n v="210613.45791006536"/>
    <x v="12"/>
  </r>
  <r>
    <n v="256983.28762909339"/>
    <x v="13"/>
  </r>
  <r>
    <n v="272121.6221131481"/>
    <x v="14"/>
  </r>
  <r>
    <n v="327949.33065774257"/>
    <x v="15"/>
  </r>
  <r>
    <n v="330780.06075280427"/>
    <x v="16"/>
  </r>
  <r>
    <n v="355126.68495675654"/>
    <x v="17"/>
  </r>
  <r>
    <n v="324106.59874665638"/>
    <x v="18"/>
  </r>
  <r>
    <n v="324460.24410932767"/>
    <x v="19"/>
  </r>
  <r>
    <n v="302318.52632647409"/>
    <x v="20"/>
  </r>
  <r>
    <n v="270736.03374575661"/>
    <x v="21"/>
  </r>
  <r>
    <n v="224398.31798711477"/>
    <x v="22"/>
  </r>
  <r>
    <n v="194209.85770531654"/>
    <x v="23"/>
  </r>
  <r>
    <n v="147316.43668011777"/>
    <x v="0"/>
  </r>
  <r>
    <n v="132801.64263094112"/>
    <x v="1"/>
  </r>
  <r>
    <n v="124989.91163427592"/>
    <x v="2"/>
  </r>
  <r>
    <n v="117516.66745440345"/>
    <x v="3"/>
  </r>
  <r>
    <n v="110228.58180507076"/>
    <x v="4"/>
  </r>
  <r>
    <n v="106665.67502966797"/>
    <x v="5"/>
  </r>
  <r>
    <n v="135624.59079870692"/>
    <x v="6"/>
  </r>
  <r>
    <n v="134365.79650713562"/>
    <x v="7"/>
  </r>
  <r>
    <n v="140761.73012697569"/>
    <x v="8"/>
  </r>
  <r>
    <n v="173112.64749729642"/>
    <x v="9"/>
  </r>
  <r>
    <n v="207925.4370129673"/>
    <x v="10"/>
  </r>
  <r>
    <n v="239309.8282048993"/>
    <x v="11"/>
  </r>
  <r>
    <n v="281063.92123477731"/>
    <x v="12"/>
  </r>
  <r>
    <n v="301065.58199066517"/>
    <x v="13"/>
  </r>
  <r>
    <n v="330307.76801945077"/>
    <x v="14"/>
  </r>
  <r>
    <n v="342222.06083302782"/>
    <x v="15"/>
  </r>
  <r>
    <n v="343339.0376058048"/>
    <x v="16"/>
  </r>
  <r>
    <n v="363587.80157391983"/>
    <x v="17"/>
  </r>
  <r>
    <n v="361705.76407386019"/>
    <x v="18"/>
  </r>
  <r>
    <n v="346919.07542949106"/>
    <x v="19"/>
  </r>
  <r>
    <n v="335554.02996363858"/>
    <x v="20"/>
  </r>
  <r>
    <n v="301348.62257547426"/>
    <x v="21"/>
  </r>
  <r>
    <n v="249326.3034991778"/>
    <x v="22"/>
  </r>
  <r>
    <n v="211542.37143985703"/>
    <x v="23"/>
  </r>
  <r>
    <n v="193345.11805513554"/>
    <x v="0"/>
  </r>
  <r>
    <n v="164358.99256114167"/>
    <x v="1"/>
  </r>
  <r>
    <n v="144613.770628178"/>
    <x v="2"/>
  </r>
  <r>
    <n v="126896.30818800666"/>
    <x v="3"/>
  </r>
  <r>
    <n v="125171.35483494353"/>
    <x v="4"/>
  </r>
  <r>
    <n v="126757.47644340053"/>
    <x v="5"/>
  </r>
  <r>
    <n v="137935.74214385988"/>
    <x v="6"/>
  </r>
  <r>
    <n v="147818.34397012534"/>
    <x v="7"/>
  </r>
  <r>
    <n v="157292.7188603243"/>
    <x v="8"/>
  </r>
  <r>
    <n v="176872.75047202496"/>
    <x v="9"/>
  </r>
  <r>
    <n v="222421.41122755499"/>
    <x v="10"/>
  </r>
  <r>
    <n v="257593.30426323664"/>
    <x v="11"/>
  </r>
  <r>
    <n v="292653.85899536643"/>
    <x v="12"/>
  </r>
  <r>
    <n v="300534.78969968762"/>
    <x v="13"/>
  </r>
  <r>
    <n v="326121.76664875459"/>
    <x v="14"/>
  </r>
  <r>
    <n v="355267.86749189999"/>
    <x v="15"/>
  </r>
  <r>
    <n v="348363.32547799195"/>
    <x v="16"/>
  </r>
  <r>
    <n v="348439.36139261274"/>
    <x v="17"/>
  </r>
  <r>
    <n v="347294.85064791015"/>
    <x v="18"/>
  </r>
  <r>
    <n v="318373.42593485431"/>
    <x v="19"/>
  </r>
  <r>
    <n v="318783.62537332566"/>
    <x v="20"/>
  </r>
  <r>
    <n v="299321.91688533663"/>
    <x v="21"/>
  </r>
  <r>
    <n v="279304.74631601863"/>
    <x v="22"/>
  </r>
  <r>
    <n v="228996.42374723492"/>
    <x v="23"/>
  </r>
  <r>
    <n v="197923.13401336494"/>
    <x v="0"/>
  </r>
  <r>
    <n v="181666.75544358813"/>
    <x v="1"/>
  </r>
  <r>
    <n v="164952.95897023703"/>
    <x v="2"/>
  </r>
  <r>
    <n v="153422.54754934571"/>
    <x v="3"/>
  </r>
  <r>
    <n v="143603.87641746292"/>
    <x v="4"/>
  </r>
  <r>
    <n v="135013.64195452302"/>
    <x v="5"/>
  </r>
  <r>
    <n v="161833.18972140888"/>
    <x v="6"/>
  </r>
  <r>
    <n v="147523.13061362586"/>
    <x v="7"/>
  </r>
  <r>
    <n v="151684.77293065086"/>
    <x v="8"/>
  </r>
  <r>
    <n v="160407.01644152252"/>
    <x v="9"/>
  </r>
  <r>
    <n v="158110.92907021497"/>
    <x v="10"/>
  </r>
  <r>
    <n v="176348.60524394599"/>
    <x v="11"/>
  </r>
  <r>
    <n v="186330.52121526783"/>
    <x v="12"/>
  </r>
  <r>
    <n v="203879.55086446946"/>
    <x v="13"/>
  </r>
  <r>
    <n v="229104.42500904703"/>
    <x v="14"/>
  </r>
  <r>
    <n v="266219.57067079161"/>
    <x v="15"/>
  </r>
  <r>
    <n v="273959.64308693999"/>
    <x v="16"/>
  </r>
  <r>
    <n v="294179.22482769523"/>
    <x v="17"/>
  </r>
  <r>
    <n v="264462.82760431297"/>
    <x v="18"/>
  </r>
  <r>
    <n v="260115.10805699794"/>
    <x v="19"/>
  </r>
  <r>
    <n v="245255.03151493505"/>
    <x v="20"/>
  </r>
  <r>
    <n v="233436.33751654217"/>
    <x v="21"/>
  </r>
  <r>
    <n v="211620.67708327249"/>
    <x v="22"/>
  </r>
  <r>
    <n v="183048.61497081703"/>
    <x v="23"/>
  </r>
  <r>
    <n v="154756.93191595314"/>
    <x v="0"/>
  </r>
  <r>
    <n v="131771.8747829824"/>
    <x v="1"/>
  </r>
  <r>
    <n v="114158.03627051921"/>
    <x v="2"/>
  </r>
  <r>
    <n v="106849.61087892257"/>
    <x v="3"/>
  </r>
  <r>
    <n v="111726.68387128283"/>
    <x v="4"/>
  </r>
  <r>
    <n v="113307.07036144623"/>
    <x v="5"/>
  </r>
  <r>
    <n v="126991.81243115776"/>
    <x v="6"/>
  </r>
  <r>
    <n v="124893.09689295173"/>
    <x v="7"/>
  </r>
  <r>
    <n v="131886.38800478869"/>
    <x v="8"/>
  </r>
  <r>
    <n v="151412.10824890304"/>
    <x v="9"/>
  </r>
  <r>
    <n v="183178.39482082546"/>
    <x v="10"/>
  </r>
  <r>
    <n v="227062.18248489837"/>
    <x v="11"/>
  </r>
  <r>
    <n v="262746.91263555706"/>
    <x v="12"/>
  </r>
  <r>
    <n v="280037.0580992641"/>
    <x v="13"/>
  </r>
  <r>
    <n v="293187.73163256532"/>
    <x v="14"/>
  </r>
  <r>
    <n v="328704.77205822879"/>
    <x v="15"/>
  </r>
  <r>
    <n v="340428.83998234943"/>
    <x v="16"/>
  </r>
  <r>
    <n v="329610.04257974285"/>
    <x v="17"/>
  </r>
  <r>
    <n v="322322.07852302416"/>
    <x v="18"/>
  </r>
  <r>
    <n v="295629.04111585917"/>
    <x v="19"/>
  </r>
  <r>
    <n v="297104.2567500585"/>
    <x v="20"/>
  </r>
  <r>
    <n v="290616.02082590264"/>
    <x v="21"/>
  </r>
  <r>
    <n v="250383.24054122009"/>
    <x v="22"/>
  </r>
  <r>
    <n v="201957.11759598128"/>
    <x v="23"/>
  </r>
  <r>
    <n v="171940.92702763891"/>
    <x v="0"/>
  </r>
  <r>
    <n v="149871.3406854677"/>
    <x v="1"/>
  </r>
  <r>
    <n v="131443.57472518471"/>
    <x v="2"/>
  </r>
  <r>
    <n v="121738.80885203824"/>
    <x v="3"/>
  </r>
  <r>
    <n v="108562.72921755644"/>
    <x v="4"/>
  </r>
  <r>
    <n v="109249.89636528214"/>
    <x v="5"/>
  </r>
  <r>
    <n v="117734.69652159435"/>
    <x v="6"/>
  </r>
  <r>
    <n v="129927.03111251611"/>
    <x v="7"/>
  </r>
  <r>
    <n v="144734.14731603715"/>
    <x v="8"/>
  </r>
  <r>
    <n v="176541.35655771551"/>
    <x v="9"/>
  </r>
  <r>
    <n v="217341.67712338426"/>
    <x v="10"/>
  </r>
  <r>
    <n v="269893.09970435273"/>
    <x v="11"/>
  </r>
  <r>
    <n v="311424.86739467859"/>
    <x v="12"/>
  </r>
  <r>
    <n v="317229.69878699747"/>
    <x v="13"/>
  </r>
  <r>
    <n v="328805.18053681118"/>
    <x v="14"/>
  </r>
  <r>
    <n v="335394.58151581435"/>
    <x v="15"/>
  </r>
  <r>
    <n v="334350.6413731795"/>
    <x v="16"/>
  </r>
  <r>
    <n v="342614.26456462726"/>
    <x v="17"/>
  </r>
  <r>
    <n v="330527.66150672303"/>
    <x v="18"/>
  </r>
  <r>
    <n v="307894.54743982753"/>
    <x v="19"/>
  </r>
  <r>
    <n v="280505.48688955058"/>
    <x v="20"/>
  </r>
  <r>
    <n v="272492.99297688238"/>
    <x v="21"/>
  </r>
  <r>
    <n v="257899.25830063937"/>
    <x v="22"/>
  </r>
  <r>
    <n v="208147.92447600482"/>
    <x v="23"/>
  </r>
  <r>
    <n v="182476.38661904662"/>
    <x v="0"/>
  </r>
  <r>
    <n v="162798.14870610606"/>
    <x v="1"/>
  </r>
  <r>
    <n v="148229.51614950865"/>
    <x v="2"/>
  </r>
  <r>
    <n v="125176.42119386017"/>
    <x v="3"/>
  </r>
  <r>
    <n v="117732.72401918948"/>
    <x v="4"/>
  </r>
  <r>
    <n v="112743.40753381755"/>
    <x v="5"/>
  </r>
  <r>
    <n v="118715.89487540562"/>
    <x v="6"/>
  </r>
  <r>
    <n v="121249.26347778726"/>
    <x v="7"/>
  </r>
  <r>
    <n v="143272.23931792547"/>
    <x v="8"/>
  </r>
  <r>
    <n v="189503.00761740984"/>
    <x v="9"/>
  </r>
  <r>
    <n v="217700.4023552626"/>
    <x v="10"/>
  </r>
  <r>
    <n v="259489.93287697612"/>
    <x v="11"/>
  </r>
  <r>
    <n v="282649.59700364963"/>
    <x v="12"/>
  </r>
  <r>
    <n v="304286.67841782595"/>
    <x v="13"/>
  </r>
  <r>
    <n v="323734.12003910571"/>
    <x v="14"/>
  </r>
  <r>
    <n v="334745.57418344868"/>
    <x v="15"/>
  </r>
  <r>
    <n v="340675.91617399565"/>
    <x v="16"/>
  </r>
  <r>
    <n v="362830.38767102873"/>
    <x v="17"/>
  </r>
  <r>
    <n v="359825.40184981574"/>
    <x v="18"/>
  </r>
  <r>
    <n v="330392.34243763238"/>
    <x v="19"/>
  </r>
  <r>
    <n v="301851.23240058491"/>
    <x v="20"/>
  </r>
  <r>
    <n v="275743.48779605003"/>
    <x v="21"/>
  </r>
  <r>
    <n v="260671.89414679041"/>
    <x v="22"/>
  </r>
  <r>
    <n v="226150.02171525775"/>
    <x v="23"/>
  </r>
  <r>
    <n v="200236.9874166068"/>
    <x v="0"/>
  </r>
  <r>
    <n v="165788.17863579711"/>
    <x v="1"/>
  </r>
  <r>
    <n v="146635.90984014547"/>
    <x v="2"/>
  </r>
  <r>
    <n v="132804.52032280574"/>
    <x v="3"/>
  </r>
  <r>
    <n v="129850.02245698331"/>
    <x v="4"/>
  </r>
  <r>
    <n v="129954.59210502257"/>
    <x v="5"/>
  </r>
  <r>
    <n v="150522.98252446999"/>
    <x v="6"/>
  </r>
  <r>
    <n v="148767.52293558352"/>
    <x v="7"/>
  </r>
  <r>
    <n v="158817.38215754999"/>
    <x v="8"/>
  </r>
  <r>
    <n v="184241.84382286193"/>
    <x v="9"/>
  </r>
  <r>
    <n v="212812.90617382451"/>
    <x v="10"/>
  </r>
  <r>
    <n v="260353.24043637002"/>
    <x v="11"/>
  </r>
  <r>
    <n v="296859.9636782438"/>
    <x v="12"/>
  </r>
  <r>
    <n v="328760.38041369768"/>
    <x v="13"/>
  </r>
  <r>
    <n v="350110.01688838005"/>
    <x v="14"/>
  </r>
  <r>
    <n v="343167.86222587491"/>
    <x v="15"/>
  </r>
  <r>
    <n v="345271.60359212622"/>
    <x v="16"/>
  </r>
  <r>
    <n v="307934.67300244723"/>
    <x v="17"/>
  </r>
  <r>
    <n v="288700.31568205572"/>
    <x v="18"/>
  </r>
  <r>
    <n v="250142.70333014891"/>
    <x v="19"/>
  </r>
  <r>
    <n v="239177.04907041223"/>
    <x v="20"/>
  </r>
  <r>
    <n v="239010.00783935832"/>
    <x v="21"/>
  </r>
  <r>
    <n v="218942.6735616205"/>
    <x v="22"/>
  </r>
  <r>
    <n v="180576.31288124388"/>
    <x v="23"/>
  </r>
  <r>
    <n v="161961.87523789128"/>
    <x v="0"/>
  </r>
  <r>
    <n v="130524.14541928499"/>
    <x v="1"/>
  </r>
  <r>
    <n v="124225.08058193089"/>
    <x v="2"/>
  </r>
  <r>
    <n v="121626.41674583171"/>
    <x v="3"/>
  </r>
  <r>
    <n v="113268.05939778815"/>
    <x v="4"/>
  </r>
  <r>
    <n v="117610.71258618656"/>
    <x v="5"/>
  </r>
  <r>
    <n v="134816.27012142152"/>
    <x v="6"/>
  </r>
  <r>
    <n v="136432.93849657322"/>
    <x v="7"/>
  </r>
  <r>
    <n v="138099.40580230276"/>
    <x v="8"/>
  </r>
  <r>
    <n v="169858.84265696988"/>
    <x v="9"/>
  </r>
  <r>
    <n v="192170.68201709873"/>
    <x v="10"/>
  </r>
  <r>
    <n v="231790.21670822182"/>
    <x v="11"/>
  </r>
  <r>
    <n v="257673.17710034366"/>
    <x v="12"/>
  </r>
  <r>
    <n v="316037.68586109258"/>
    <x v="13"/>
  </r>
  <r>
    <n v="326231.98359819956"/>
    <x v="14"/>
  </r>
  <r>
    <n v="354192.90772240493"/>
    <x v="15"/>
  </r>
  <r>
    <n v="365346.05779292824"/>
    <x v="16"/>
  </r>
  <r>
    <n v="377173.37135662459"/>
    <x v="17"/>
  </r>
  <r>
    <n v="361462.2816194722"/>
    <x v="18"/>
  </r>
  <r>
    <n v="339017.74418659892"/>
    <x v="19"/>
  </r>
  <r>
    <n v="316057.97831733996"/>
    <x v="20"/>
  </r>
  <r>
    <n v="284938.72657537833"/>
    <x v="21"/>
  </r>
  <r>
    <n v="260230.16169042201"/>
    <x v="22"/>
  </r>
  <r>
    <n v="214308.41426427124"/>
    <x v="23"/>
  </r>
  <r>
    <n v="186025.24269238731"/>
    <x v="0"/>
  </r>
  <r>
    <n v="160286.41007872584"/>
    <x v="1"/>
  </r>
  <r>
    <n v="141807.58873085363"/>
    <x v="2"/>
  </r>
  <r>
    <n v="134338.08690143426"/>
    <x v="3"/>
  </r>
  <r>
    <n v="134579.69142545052"/>
    <x v="4"/>
  </r>
  <r>
    <n v="131807.87970701657"/>
    <x v="5"/>
  </r>
  <r>
    <n v="145909.55609498595"/>
    <x v="6"/>
  </r>
  <r>
    <n v="156533.12980067168"/>
    <x v="7"/>
  </r>
  <r>
    <n v="147266.46211576412"/>
    <x v="8"/>
  </r>
  <r>
    <n v="171617.0853656879"/>
    <x v="9"/>
  </r>
  <r>
    <n v="188924.56453203503"/>
    <x v="10"/>
  </r>
  <r>
    <n v="204302.22030102092"/>
    <x v="11"/>
  </r>
  <r>
    <n v="213931.78789755414"/>
    <x v="12"/>
  </r>
  <r>
    <n v="224040.79517108598"/>
    <x v="13"/>
  </r>
  <r>
    <n v="254477.75022502715"/>
    <x v="14"/>
  </r>
  <r>
    <n v="273641.04341768136"/>
    <x v="15"/>
  </r>
  <r>
    <n v="281680.23366426764"/>
    <x v="16"/>
  </r>
  <r>
    <n v="289541.49338570179"/>
    <x v="17"/>
  </r>
  <r>
    <n v="288212.37803236762"/>
    <x v="18"/>
  </r>
  <r>
    <n v="282922.5318912064"/>
    <x v="19"/>
  </r>
  <r>
    <n v="254186.52240420875"/>
    <x v="20"/>
  </r>
  <r>
    <n v="237919.18698888159"/>
    <x v="21"/>
  </r>
  <r>
    <n v="220549.45240416689"/>
    <x v="22"/>
  </r>
  <r>
    <n v="200777.35850350943"/>
    <x v="23"/>
  </r>
  <r>
    <n v="164889.19039933971"/>
    <x v="0"/>
  </r>
  <r>
    <n v="145884.61609882567"/>
    <x v="1"/>
  </r>
  <r>
    <n v="139884.15570087256"/>
    <x v="2"/>
  </r>
  <r>
    <n v="126478.58351775783"/>
    <x v="3"/>
  </r>
  <r>
    <n v="120856.30316992293"/>
    <x v="4"/>
  </r>
  <r>
    <n v="124302.99442692344"/>
    <x v="5"/>
  </r>
  <r>
    <n v="138144.00327105954"/>
    <x v="6"/>
  </r>
  <r>
    <n v="142184.20158728029"/>
    <x v="7"/>
  </r>
  <r>
    <n v="144311.80212645637"/>
    <x v="8"/>
  </r>
  <r>
    <n v="151849.94974162348"/>
    <x v="9"/>
  </r>
  <r>
    <n v="182282.23023507089"/>
    <x v="10"/>
  </r>
  <r>
    <n v="214048.09798798952"/>
    <x v="11"/>
  </r>
  <r>
    <n v="233431.36572965866"/>
    <x v="12"/>
  </r>
  <r>
    <n v="259808.45148449211"/>
    <x v="13"/>
  </r>
  <r>
    <n v="288536.78712651733"/>
    <x v="14"/>
  </r>
  <r>
    <n v="313293.98905707337"/>
    <x v="15"/>
  </r>
  <r>
    <n v="311186.22162426962"/>
    <x v="16"/>
  </r>
  <r>
    <n v="303720.86745401658"/>
    <x v="17"/>
  </r>
  <r>
    <n v="299958.65687397879"/>
    <x v="18"/>
  </r>
  <r>
    <n v="283804.67279547971"/>
    <x v="19"/>
  </r>
  <r>
    <n v="262348.19694396347"/>
    <x v="20"/>
  </r>
  <r>
    <n v="256487.0546610725"/>
    <x v="21"/>
  </r>
  <r>
    <n v="245447.79633899502"/>
    <x v="22"/>
  </r>
  <r>
    <n v="195502.63037735541"/>
    <x v="23"/>
  </r>
  <r>
    <n v="172315.14856265695"/>
    <x v="0"/>
  </r>
  <r>
    <n v="154730.11398942111"/>
    <x v="1"/>
  </r>
  <r>
    <n v="142744.97321275389"/>
    <x v="2"/>
  </r>
  <r>
    <n v="125611.41201529685"/>
    <x v="3"/>
  </r>
  <r>
    <n v="122735.34138550385"/>
    <x v="4"/>
  </r>
  <r>
    <n v="111929.14908388186"/>
    <x v="5"/>
  </r>
  <r>
    <n v="126609.70088652024"/>
    <x v="6"/>
  </r>
  <r>
    <n v="140282.03375445862"/>
    <x v="7"/>
  </r>
  <r>
    <n v="153203.28904572435"/>
    <x v="8"/>
  </r>
  <r>
    <n v="186906.95126736641"/>
    <x v="9"/>
  </r>
  <r>
    <n v="226522.2572375804"/>
    <x v="10"/>
  </r>
  <r>
    <n v="272526.2282913755"/>
    <x v="11"/>
  </r>
  <r>
    <n v="300827.69279652106"/>
    <x v="12"/>
  </r>
  <r>
    <n v="315922.74030999211"/>
    <x v="13"/>
  </r>
  <r>
    <n v="337357.194388084"/>
    <x v="14"/>
  </r>
  <r>
    <n v="364727.90796393756"/>
    <x v="15"/>
  </r>
  <r>
    <n v="364684.59397277294"/>
    <x v="16"/>
  </r>
  <r>
    <n v="358847.28384222579"/>
    <x v="17"/>
  </r>
  <r>
    <n v="350499.70770595683"/>
    <x v="18"/>
  </r>
  <r>
    <n v="340674.05175391433"/>
    <x v="19"/>
  </r>
  <r>
    <n v="339790.93810872897"/>
    <x v="20"/>
  </r>
  <r>
    <n v="303685.87580176571"/>
    <x v="21"/>
  </r>
  <r>
    <n v="288886.73066960688"/>
    <x v="22"/>
  </r>
  <r>
    <n v="249534.41601318255"/>
    <x v="23"/>
  </r>
  <r>
    <n v="209507.31639022479"/>
    <x v="0"/>
  </r>
  <r>
    <n v="192044.99578509494"/>
    <x v="1"/>
  </r>
  <r>
    <n v="174579.93259100494"/>
    <x v="2"/>
  </r>
  <r>
    <n v="161539.81376440983"/>
    <x v="3"/>
  </r>
  <r>
    <n v="152883.85173845818"/>
    <x v="4"/>
  </r>
  <r>
    <n v="148011.85186015975"/>
    <x v="5"/>
  </r>
  <r>
    <n v="145877.79340215129"/>
    <x v="6"/>
  </r>
  <r>
    <n v="165448.57046489752"/>
    <x v="7"/>
  </r>
  <r>
    <n v="170129.62940834597"/>
    <x v="8"/>
  </r>
  <r>
    <n v="208657.45156982302"/>
    <x v="9"/>
  </r>
  <r>
    <n v="246662.69569691265"/>
    <x v="10"/>
  </r>
  <r>
    <n v="282583.47764221503"/>
    <x v="11"/>
  </r>
  <r>
    <n v="308495.80940576288"/>
    <x v="12"/>
  </r>
  <r>
    <n v="325284.45288817567"/>
    <x v="13"/>
  </r>
  <r>
    <n v="352538.62669865618"/>
    <x v="14"/>
  </r>
  <r>
    <n v="360409.15447933518"/>
    <x v="15"/>
  </r>
  <r>
    <n v="362901.77604573662"/>
    <x v="16"/>
  </r>
  <r>
    <n v="378272.13625788264"/>
    <x v="17"/>
  </r>
  <r>
    <n v="382451.760771489"/>
    <x v="18"/>
  </r>
  <r>
    <n v="353289.87990910461"/>
    <x v="19"/>
  </r>
  <r>
    <n v="343557.9853727459"/>
    <x v="20"/>
  </r>
  <r>
    <n v="313684.03114220168"/>
    <x v="21"/>
  </r>
  <r>
    <n v="297174.24005456024"/>
    <x v="22"/>
  </r>
  <r>
    <n v="256208.22928688198"/>
    <x v="23"/>
  </r>
  <r>
    <n v="217147.68286289385"/>
    <x v="0"/>
  </r>
  <r>
    <n v="196522.81942938906"/>
    <x v="1"/>
  </r>
  <r>
    <n v="175544.79700366899"/>
    <x v="2"/>
  </r>
  <r>
    <n v="156060.37771744304"/>
    <x v="3"/>
  </r>
  <r>
    <n v="144388.3649424045"/>
    <x v="4"/>
  </r>
  <r>
    <n v="144436.15083970616"/>
    <x v="5"/>
  </r>
  <r>
    <n v="139436.80296367928"/>
    <x v="6"/>
  </r>
  <r>
    <n v="157711.0379833527"/>
    <x v="7"/>
  </r>
  <r>
    <n v="190936.34135123171"/>
    <x v="8"/>
  </r>
  <r>
    <n v="215363.7165611698"/>
    <x v="9"/>
  </r>
  <r>
    <n v="234799.4447606343"/>
    <x v="10"/>
  </r>
  <r>
    <n v="267883.87633005006"/>
    <x v="11"/>
  </r>
  <r>
    <n v="300141.96449472767"/>
    <x v="12"/>
  </r>
  <r>
    <n v="332916.01065147499"/>
    <x v="13"/>
  </r>
  <r>
    <n v="357276.92874271731"/>
    <x v="14"/>
  </r>
  <r>
    <n v="356359.7421450314"/>
    <x v="15"/>
  </r>
  <r>
    <n v="349381.78521284874"/>
    <x v="16"/>
  </r>
  <r>
    <n v="330104.14092187351"/>
    <x v="17"/>
  </r>
  <r>
    <n v="296740.47866955394"/>
    <x v="18"/>
  </r>
  <r>
    <n v="263186.72663068242"/>
    <x v="19"/>
  </r>
  <r>
    <n v="230564.69826201495"/>
    <x v="20"/>
  </r>
  <r>
    <n v="228009.55107143702"/>
    <x v="21"/>
  </r>
  <r>
    <n v="213588.97778781925"/>
    <x v="22"/>
  </r>
  <r>
    <n v="181912.54815764219"/>
    <x v="23"/>
  </r>
  <r>
    <n v="161100.33752654563"/>
    <x v="0"/>
  </r>
  <r>
    <n v="143482.36486520644"/>
    <x v="1"/>
  </r>
  <r>
    <n v="134891.45488774433"/>
    <x v="2"/>
  </r>
  <r>
    <n v="130413.83389780689"/>
    <x v="3"/>
  </r>
  <r>
    <n v="120354.84171950004"/>
    <x v="4"/>
  </r>
  <r>
    <n v="125257.09113810337"/>
    <x v="5"/>
  </r>
  <r>
    <n v="130676.39288230237"/>
    <x v="6"/>
  </r>
  <r>
    <n v="147512.07919604238"/>
    <x v="7"/>
  </r>
  <r>
    <n v="130604.36952394353"/>
    <x v="8"/>
  </r>
  <r>
    <n v="149803.26233191864"/>
    <x v="9"/>
  </r>
  <r>
    <n v="155827.71700570092"/>
    <x v="10"/>
  </r>
  <r>
    <n v="155681.67076599749"/>
    <x v="11"/>
  </r>
  <r>
    <n v="165913.63519286332"/>
    <x v="12"/>
  </r>
  <r>
    <n v="189155.49592660027"/>
    <x v="13"/>
  </r>
  <r>
    <n v="193647.72154050806"/>
    <x v="14"/>
  </r>
  <r>
    <n v="223805.99983345365"/>
    <x v="15"/>
  </r>
  <r>
    <n v="246110.69224993745"/>
    <x v="16"/>
  </r>
  <r>
    <n v="259669.59271930507"/>
    <x v="17"/>
  </r>
  <r>
    <n v="246081.94235187187"/>
    <x v="18"/>
  </r>
  <r>
    <n v="235408.97502432155"/>
    <x v="19"/>
  </r>
  <r>
    <n v="239774.31199037604"/>
    <x v="20"/>
  </r>
  <r>
    <n v="218817.93304994781"/>
    <x v="21"/>
  </r>
  <r>
    <n v="182396.00039090277"/>
    <x v="22"/>
  </r>
  <r>
    <n v="157029.3897892735"/>
    <x v="23"/>
  </r>
  <r>
    <n v="139292.06722214897"/>
    <x v="0"/>
  </r>
  <r>
    <n v="133182.02485840174"/>
    <x v="1"/>
  </r>
  <r>
    <n v="111523.00273254384"/>
    <x v="2"/>
  </r>
  <r>
    <n v="105855.23323678281"/>
    <x v="3"/>
  </r>
  <r>
    <n v="100829.23631285448"/>
    <x v="4"/>
  </r>
  <r>
    <n v="111459.53138803628"/>
    <x v="5"/>
  </r>
  <r>
    <n v="114604.0514889585"/>
    <x v="6"/>
  </r>
  <r>
    <n v="126468.18059411568"/>
    <x v="7"/>
  </r>
  <r>
    <n v="136463.80951023853"/>
    <x v="8"/>
  </r>
  <r>
    <n v="122159.60035821794"/>
    <x v="9"/>
  </r>
  <r>
    <n v="147079.06087701058"/>
    <x v="10"/>
  </r>
  <r>
    <n v="148206.88641301435"/>
    <x v="11"/>
  </r>
  <r>
    <n v="156202.34384943225"/>
    <x v="12"/>
  </r>
  <r>
    <n v="170786.12144161775"/>
    <x v="13"/>
  </r>
  <r>
    <n v="192755.89375798617"/>
    <x v="14"/>
  </r>
  <r>
    <n v="198587.94838555047"/>
    <x v="15"/>
  </r>
  <r>
    <n v="223016.63409366168"/>
    <x v="16"/>
  </r>
  <r>
    <n v="237943.34338819611"/>
    <x v="17"/>
  </r>
  <r>
    <n v="229227.61183731863"/>
    <x v="18"/>
  </r>
  <r>
    <n v="217004.91962376842"/>
    <x v="19"/>
  </r>
  <r>
    <n v="197782.08658112594"/>
    <x v="20"/>
  </r>
  <r>
    <n v="191972.44552540881"/>
    <x v="21"/>
  </r>
  <r>
    <n v="173259.74753965449"/>
    <x v="22"/>
  </r>
  <r>
    <n v="139787.42202129101"/>
    <x v="23"/>
  </r>
  <r>
    <n v="117029.52691185156"/>
    <x v="0"/>
  </r>
  <r>
    <n v="103165.92886209251"/>
    <x v="1"/>
  </r>
  <r>
    <n v="90247.861999371657"/>
    <x v="2"/>
  </r>
  <r>
    <n v="80137.199715260402"/>
    <x v="3"/>
  </r>
  <r>
    <n v="84419.98205155466"/>
    <x v="4"/>
  </r>
  <r>
    <n v="85966.011873118056"/>
    <x v="5"/>
  </r>
  <r>
    <n v="102155.65636324498"/>
    <x v="6"/>
  </r>
  <r>
    <n v="105883.46298866627"/>
    <x v="7"/>
  </r>
  <r>
    <n v="97618.056438879867"/>
    <x v="8"/>
  </r>
  <r>
    <n v="118699.02052264064"/>
    <x v="9"/>
  </r>
  <r>
    <n v="150155.51613467414"/>
    <x v="10"/>
  </r>
  <r>
    <n v="174854.06989441122"/>
    <x v="11"/>
  </r>
  <r>
    <n v="173373.42312345325"/>
    <x v="12"/>
  </r>
  <r>
    <n v="185031.37168613923"/>
    <x v="13"/>
  </r>
  <r>
    <n v="204766.93376143518"/>
    <x v="14"/>
  </r>
  <r>
    <n v="229635.81175280418"/>
    <x v="15"/>
  </r>
  <r>
    <n v="241065.97681859846"/>
    <x v="16"/>
  </r>
  <r>
    <n v="257752.32038176662"/>
    <x v="17"/>
  </r>
  <r>
    <n v="248290.76675719934"/>
    <x v="18"/>
  </r>
  <r>
    <n v="222384.39303173748"/>
    <x v="19"/>
  </r>
  <r>
    <n v="209335.92484564779"/>
    <x v="20"/>
  </r>
  <r>
    <n v="198801.04619672918"/>
    <x v="21"/>
  </r>
  <r>
    <n v="158821.66491962085"/>
    <x v="22"/>
  </r>
  <r>
    <n v="126608.30932660446"/>
    <x v="23"/>
  </r>
  <r>
    <n v="111000.39092243032"/>
    <x v="0"/>
  </r>
  <r>
    <n v="99433.562513646248"/>
    <x v="1"/>
  </r>
  <r>
    <n v="89757.735682631566"/>
    <x v="2"/>
  </r>
  <r>
    <n v="85565.384475426559"/>
    <x v="3"/>
  </r>
  <r>
    <n v="74490.067188153116"/>
    <x v="4"/>
  </r>
  <r>
    <n v="85683.734619719049"/>
    <x v="5"/>
  </r>
  <r>
    <n v="92892.825600823606"/>
    <x v="6"/>
  </r>
  <r>
    <n v="90836.768804695603"/>
    <x v="7"/>
  </r>
  <r>
    <n v="93076.248059041318"/>
    <x v="8"/>
  </r>
  <r>
    <n v="126323.52591432804"/>
    <x v="9"/>
  </r>
  <r>
    <n v="133345.95872265348"/>
    <x v="10"/>
  </r>
  <r>
    <n v="155043.82293353888"/>
    <x v="11"/>
  </r>
  <r>
    <n v="174351.33847668656"/>
    <x v="12"/>
  </r>
  <r>
    <n v="199303.16965138383"/>
    <x v="13"/>
  </r>
  <r>
    <n v="217714.60167051962"/>
    <x v="14"/>
  </r>
  <r>
    <n v="233039.945594905"/>
    <x v="15"/>
  </r>
  <r>
    <n v="236071.5737088742"/>
    <x v="16"/>
  </r>
  <r>
    <n v="268975.80502434325"/>
    <x v="17"/>
  </r>
  <r>
    <n v="273279.31890132435"/>
    <x v="18"/>
  </r>
  <r>
    <n v="237260.56032971956"/>
    <x v="19"/>
  </r>
  <r>
    <n v="230142.90699434237"/>
    <x v="20"/>
  </r>
  <r>
    <n v="207853.42716489892"/>
    <x v="21"/>
  </r>
  <r>
    <n v="178051.06396341926"/>
    <x v="22"/>
  </r>
  <r>
    <n v="142603.60153354422"/>
    <x v="23"/>
  </r>
  <r>
    <n v="122144.82010047181"/>
    <x v="0"/>
  </r>
  <r>
    <n v="105421.71503700456"/>
    <x v="1"/>
  </r>
  <r>
    <n v="94960.055407149106"/>
    <x v="2"/>
  </r>
  <r>
    <n v="85821.445010218289"/>
    <x v="3"/>
  </r>
  <r>
    <n v="79970.063912173355"/>
    <x v="4"/>
  </r>
  <r>
    <n v="87123.641109842079"/>
    <x v="5"/>
  </r>
  <r>
    <n v="106861.42562791615"/>
    <x v="6"/>
  </r>
  <r>
    <n v="113421.6984207213"/>
    <x v="7"/>
  </r>
  <r>
    <n v="105826.50360415291"/>
    <x v="8"/>
  </r>
  <r>
    <n v="130380.89580970355"/>
    <x v="9"/>
  </r>
  <r>
    <n v="136073.65934278662"/>
    <x v="10"/>
  </r>
  <r>
    <n v="181097.94519530016"/>
    <x v="11"/>
  </r>
  <r>
    <n v="198151.83621000688"/>
    <x v="12"/>
  </r>
  <r>
    <n v="231852.60722949382"/>
    <x v="13"/>
  </r>
  <r>
    <n v="258133.06738706928"/>
    <x v="14"/>
  </r>
  <r>
    <n v="272845.2332693474"/>
    <x v="15"/>
  </r>
  <r>
    <n v="286648.2106458827"/>
    <x v="16"/>
  </r>
  <r>
    <n v="306898.78499291721"/>
    <x v="17"/>
  </r>
  <r>
    <n v="279363.24587364268"/>
    <x v="18"/>
  </r>
  <r>
    <n v="254110.05416029372"/>
    <x v="19"/>
  </r>
  <r>
    <n v="243400.52798680103"/>
    <x v="20"/>
  </r>
  <r>
    <n v="241766.05304884372"/>
    <x v="21"/>
  </r>
  <r>
    <n v="202374.1667517079"/>
    <x v="22"/>
  </r>
  <r>
    <n v="158149.85221698516"/>
    <x v="23"/>
  </r>
  <r>
    <n v="138046.52652550358"/>
    <x v="0"/>
  </r>
  <r>
    <n v="134332.89894990361"/>
    <x v="1"/>
  </r>
  <r>
    <n v="114191.82550692052"/>
    <x v="2"/>
  </r>
  <r>
    <n v="92940.922234805505"/>
    <x v="3"/>
  </r>
  <r>
    <n v="89386.743107029746"/>
    <x v="4"/>
  </r>
  <r>
    <n v="90274.828539098584"/>
    <x v="5"/>
  </r>
  <r>
    <n v="86998.596616634415"/>
    <x v="6"/>
  </r>
  <r>
    <n v="93771.494360452736"/>
    <x v="7"/>
  </r>
  <r>
    <n v="118440.4335635358"/>
    <x v="8"/>
  </r>
  <r>
    <n v="129685.83189721315"/>
    <x v="9"/>
  </r>
  <r>
    <n v="169181.46371467109"/>
    <x v="10"/>
  </r>
  <r>
    <n v="197623.30013753352"/>
    <x v="11"/>
  </r>
  <r>
    <n v="243797.62244354136"/>
    <x v="12"/>
  </r>
  <r>
    <n v="267169.0468626396"/>
    <x v="13"/>
  </r>
  <r>
    <n v="282773.9727374803"/>
    <x v="14"/>
  </r>
  <r>
    <n v="307877.55149444856"/>
    <x v="15"/>
  </r>
  <r>
    <n v="308728.75383360428"/>
    <x v="16"/>
  </r>
  <r>
    <n v="306528.38687009498"/>
    <x v="17"/>
  </r>
  <r>
    <n v="281979.40553586726"/>
    <x v="18"/>
  </r>
  <r>
    <n v="273651.85165003681"/>
    <x v="19"/>
  </r>
  <r>
    <n v="244939.64729480215"/>
    <x v="20"/>
  </r>
  <r>
    <n v="223245.47139320802"/>
    <x v="21"/>
  </r>
  <r>
    <n v="214933.34625906506"/>
    <x v="22"/>
  </r>
  <r>
    <n v="179014.06395600201"/>
    <x v="23"/>
  </r>
  <r>
    <n v="150907.74208603459"/>
    <x v="0"/>
  </r>
  <r>
    <n v="120922.97645326579"/>
    <x v="1"/>
  </r>
  <r>
    <n v="110921.5178468162"/>
    <x v="2"/>
  </r>
  <r>
    <n v="100067.46534129509"/>
    <x v="3"/>
  </r>
  <r>
    <n v="90088.906677148669"/>
    <x v="4"/>
  </r>
  <r>
    <n v="86131.384583302119"/>
    <x v="5"/>
  </r>
  <r>
    <n v="90852.562334225047"/>
    <x v="6"/>
  </r>
  <r>
    <n v="105251.55968400319"/>
    <x v="7"/>
  </r>
  <r>
    <n v="141434.9749203985"/>
    <x v="8"/>
  </r>
  <r>
    <n v="179783.42095564588"/>
    <x v="9"/>
  </r>
  <r>
    <n v="189076.75795389063"/>
    <x v="10"/>
  </r>
  <r>
    <n v="214204.22290436446"/>
    <x v="11"/>
  </r>
  <r>
    <n v="247142.01378129725"/>
    <x v="12"/>
  </r>
  <r>
    <n v="282859.43883483123"/>
    <x v="13"/>
  </r>
  <r>
    <n v="315077.50951921276"/>
    <x v="14"/>
  </r>
  <r>
    <n v="313778.143825437"/>
    <x v="15"/>
  </r>
  <r>
    <n v="312275.20507524593"/>
    <x v="16"/>
  </r>
  <r>
    <n v="317342.61779453134"/>
    <x v="17"/>
  </r>
  <r>
    <n v="297601.1382120208"/>
    <x v="18"/>
  </r>
  <r>
    <n v="272898.95018415415"/>
    <x v="19"/>
  </r>
  <r>
    <n v="284219.35765037854"/>
    <x v="20"/>
  </r>
  <r>
    <n v="264981.54169563326"/>
    <x v="21"/>
  </r>
  <r>
    <n v="233642.04519884783"/>
    <x v="22"/>
  </r>
  <r>
    <n v="191280.13771216903"/>
    <x v="23"/>
  </r>
  <r>
    <n v="168555.95077738824"/>
    <x v="0"/>
  </r>
  <r>
    <n v="137746.73318054347"/>
    <x v="1"/>
  </r>
  <r>
    <n v="126841.29428531727"/>
    <x v="2"/>
  </r>
  <r>
    <n v="114299.04317188686"/>
    <x v="3"/>
  </r>
  <r>
    <n v="108766.20094679356"/>
    <x v="4"/>
  </r>
  <r>
    <n v="108998.34151235358"/>
    <x v="5"/>
  </r>
  <r>
    <n v="122230.38076985588"/>
    <x v="6"/>
  </r>
  <r>
    <n v="120378.52525864898"/>
    <x v="7"/>
  </r>
  <r>
    <n v="150423.0333957627"/>
    <x v="8"/>
  </r>
  <r>
    <n v="166105.10302904065"/>
    <x v="9"/>
  </r>
  <r>
    <n v="201953.21312204286"/>
    <x v="10"/>
  </r>
  <r>
    <n v="240163.75962272484"/>
    <x v="11"/>
  </r>
  <r>
    <n v="263981.29383229546"/>
    <x v="12"/>
  </r>
  <r>
    <n v="275491.52087926294"/>
    <x v="13"/>
  </r>
  <r>
    <n v="324068.47270702245"/>
    <x v="14"/>
  </r>
  <r>
    <n v="324615.26118188613"/>
    <x v="15"/>
  </r>
  <r>
    <n v="338355.28060495073"/>
    <x v="16"/>
  </r>
  <r>
    <n v="334788.32074241462"/>
    <x v="17"/>
  </r>
  <r>
    <n v="327597.57673573348"/>
    <x v="18"/>
  </r>
  <r>
    <n v="299803.3966161923"/>
    <x v="19"/>
  </r>
  <r>
    <n v="268637.64245452121"/>
    <x v="20"/>
  </r>
  <r>
    <n v="263686.93162409397"/>
    <x v="21"/>
  </r>
  <r>
    <n v="245334.03969345358"/>
    <x v="22"/>
  </r>
  <r>
    <n v="209595.41699421237"/>
    <x v="23"/>
  </r>
  <r>
    <n v="166771.39002288459"/>
    <x v="0"/>
  </r>
  <r>
    <n v="145752.79619496019"/>
    <x v="1"/>
  </r>
  <r>
    <n v="135127.37157948353"/>
    <x v="2"/>
  </r>
  <r>
    <n v="131462.40807006415"/>
    <x v="3"/>
  </r>
  <r>
    <n v="111560.02092836135"/>
    <x v="4"/>
  </r>
  <r>
    <n v="111226.42483670948"/>
    <x v="5"/>
  </r>
  <r>
    <n v="134225.00577041504"/>
    <x v="6"/>
  </r>
  <r>
    <n v="132959.82111146353"/>
    <x v="7"/>
  </r>
  <r>
    <n v="138262.33990506158"/>
    <x v="8"/>
  </r>
  <r>
    <n v="157323.42775050431"/>
    <x v="9"/>
  </r>
  <r>
    <n v="174309.91592618416"/>
    <x v="10"/>
  </r>
  <r>
    <n v="201433.20204283987"/>
    <x v="11"/>
  </r>
  <r>
    <n v="219145.27387712392"/>
    <x v="12"/>
  </r>
  <r>
    <n v="260555.24629909391"/>
    <x v="13"/>
  </r>
  <r>
    <n v="249452.67875599425"/>
    <x v="14"/>
  </r>
  <r>
    <n v="268743.23888463422"/>
    <x v="15"/>
  </r>
  <r>
    <n v="283690.37573832046"/>
    <x v="16"/>
  </r>
  <r>
    <n v="275785.28863468487"/>
    <x v="17"/>
  </r>
  <r>
    <n v="257724.4351422895"/>
    <x v="18"/>
  </r>
  <r>
    <n v="237349.2148556154"/>
    <x v="19"/>
  </r>
  <r>
    <n v="221441.4017793028"/>
    <x v="20"/>
  </r>
  <r>
    <n v="214977.45735736587"/>
    <x v="21"/>
  </r>
  <r>
    <n v="198493.20071866424"/>
    <x v="22"/>
  </r>
  <r>
    <n v="157662.73869501415"/>
    <x v="23"/>
  </r>
  <r>
    <n v="138453.56455601091"/>
    <x v="0"/>
  </r>
  <r>
    <n v="112379.55514671556"/>
    <x v="1"/>
  </r>
  <r>
    <n v="97620.650414645163"/>
    <x v="2"/>
  </r>
  <r>
    <n v="97183.606029060931"/>
    <x v="3"/>
  </r>
  <r>
    <n v="97836.781286028636"/>
    <x v="4"/>
  </r>
  <r>
    <n v="96100.749494801144"/>
    <x v="5"/>
  </r>
  <r>
    <n v="116144.07598641937"/>
    <x v="6"/>
  </r>
  <r>
    <n v="118462.3067237652"/>
    <x v="7"/>
  </r>
  <r>
    <n v="116986.11834865386"/>
    <x v="8"/>
  </r>
  <r>
    <n v="147731.09451443574"/>
    <x v="9"/>
  </r>
  <r>
    <n v="186589.35135960064"/>
    <x v="10"/>
  </r>
  <r>
    <n v="209388.00701531072"/>
    <x v="11"/>
  </r>
  <r>
    <n v="227331.73979984404"/>
    <x v="12"/>
  </r>
  <r>
    <n v="250452.65641352316"/>
    <x v="13"/>
  </r>
  <r>
    <n v="257857.67362665167"/>
    <x v="14"/>
  </r>
  <r>
    <n v="282464.56006572384"/>
    <x v="15"/>
  </r>
  <r>
    <n v="296810.48899463657"/>
    <x v="16"/>
  </r>
  <r>
    <n v="296229.38438204426"/>
    <x v="17"/>
  </r>
  <r>
    <n v="292233.82406545163"/>
    <x v="18"/>
  </r>
  <r>
    <n v="275589.25432033738"/>
    <x v="19"/>
  </r>
  <r>
    <n v="260694.42931125159"/>
    <x v="20"/>
  </r>
  <r>
    <n v="263678.60928518028"/>
    <x v="21"/>
  </r>
  <r>
    <n v="215765.82333566496"/>
    <x v="22"/>
  </r>
  <r>
    <n v="180285.54441030059"/>
    <x v="23"/>
  </r>
  <r>
    <n v="178282.37554874778"/>
    <x v="0"/>
  </r>
  <r>
    <n v="167249.85862332667"/>
    <x v="1"/>
  </r>
  <r>
    <n v="144009.58890790486"/>
    <x v="2"/>
  </r>
  <r>
    <n v="138099.46803666794"/>
    <x v="3"/>
  </r>
  <r>
    <n v="129037.94852731341"/>
    <x v="4"/>
  </r>
  <r>
    <n v="128840.47893986966"/>
    <x v="5"/>
  </r>
  <r>
    <n v="136428.96646190179"/>
    <x v="6"/>
  </r>
  <r>
    <n v="145508.52570913246"/>
    <x v="7"/>
  </r>
  <r>
    <n v="147711.24636717417"/>
    <x v="8"/>
  </r>
  <r>
    <n v="161470.13571895234"/>
    <x v="9"/>
  </r>
  <r>
    <n v="195941.35947643308"/>
    <x v="10"/>
  </r>
  <r>
    <n v="219820.01119621305"/>
    <x v="11"/>
  </r>
  <r>
    <n v="266562.0644050226"/>
    <x v="12"/>
  </r>
  <r>
    <n v="287544.55793019937"/>
    <x v="13"/>
  </r>
  <r>
    <n v="311811.03280369763"/>
    <x v="14"/>
  </r>
  <r>
    <n v="343221.89929915901"/>
    <x v="15"/>
  </r>
  <r>
    <n v="370803.19161271193"/>
    <x v="16"/>
  </r>
  <r>
    <n v="382220.53547241178"/>
    <x v="17"/>
  </r>
  <r>
    <n v="357438.42995972297"/>
    <x v="18"/>
  </r>
  <r>
    <n v="329479.39552244137"/>
    <x v="19"/>
  </r>
  <r>
    <n v="317663.46084541193"/>
    <x v="20"/>
  </r>
  <r>
    <n v="292005.58535901183"/>
    <x v="21"/>
  </r>
  <r>
    <n v="254090.20735566545"/>
    <x v="22"/>
  </r>
  <r>
    <n v="219750.56756857556"/>
    <x v="23"/>
  </r>
  <r>
    <n v="180846.54638731517"/>
    <x v="0"/>
  </r>
  <r>
    <n v="153872.08214214677"/>
    <x v="1"/>
  </r>
  <r>
    <n v="130203.86021941795"/>
    <x v="2"/>
  </r>
  <r>
    <n v="122366.2963511562"/>
    <x v="3"/>
  </r>
  <r>
    <n v="126403.59280890343"/>
    <x v="4"/>
  </r>
  <r>
    <n v="111017.91235449679"/>
    <x v="5"/>
  </r>
  <r>
    <n v="127228.09934063967"/>
    <x v="6"/>
  </r>
  <r>
    <n v="147376.07552798363"/>
    <x v="7"/>
  </r>
  <r>
    <n v="139218.60281330204"/>
    <x v="8"/>
  </r>
  <r>
    <n v="153024.04280356172"/>
    <x v="9"/>
  </r>
  <r>
    <n v="183900.89560514566"/>
    <x v="10"/>
  </r>
  <r>
    <n v="224350.60709513968"/>
    <x v="11"/>
  </r>
  <r>
    <n v="276187.07603805396"/>
    <x v="12"/>
  </r>
  <r>
    <n v="322806.9708834599"/>
    <x v="13"/>
  </r>
  <r>
    <n v="343689.49679545779"/>
    <x v="14"/>
  </r>
  <r>
    <n v="356853.730220325"/>
    <x v="15"/>
  </r>
  <r>
    <n v="351542.30705118063"/>
    <x v="16"/>
  </r>
  <r>
    <n v="339269.76101579779"/>
    <x v="17"/>
  </r>
  <r>
    <n v="321869.74720061681"/>
    <x v="18"/>
  </r>
  <r>
    <n v="300942.18436516682"/>
    <x v="19"/>
  </r>
  <r>
    <n v="285211.40809467586"/>
    <x v="20"/>
  </r>
  <r>
    <n v="279533.19772912888"/>
    <x v="21"/>
  </r>
  <r>
    <n v="223795.72910235188"/>
    <x v="22"/>
  </r>
  <r>
    <n v="200573.10899206673"/>
    <x v="23"/>
  </r>
  <r>
    <n v="164785.98310943929"/>
    <x v="0"/>
  </r>
  <r>
    <n v="156142.96679244025"/>
    <x v="1"/>
  </r>
  <r>
    <n v="132713.45148772417"/>
    <x v="2"/>
  </r>
  <r>
    <n v="125428.61207952801"/>
    <x v="3"/>
  </r>
  <r>
    <n v="116300.2706345457"/>
    <x v="4"/>
  </r>
  <r>
    <n v="113587.07689213022"/>
    <x v="5"/>
  </r>
  <r>
    <n v="119133.42239171384"/>
    <x v="6"/>
  </r>
  <r>
    <n v="131177.23360190648"/>
    <x v="7"/>
  </r>
  <r>
    <n v="140576.88895927198"/>
    <x v="8"/>
  </r>
  <r>
    <n v="197199.10061276969"/>
    <x v="9"/>
  </r>
  <r>
    <n v="227201.49428664715"/>
    <x v="10"/>
  </r>
  <r>
    <n v="262285.67899917788"/>
    <x v="11"/>
  </r>
  <r>
    <n v="287629.88776299072"/>
    <x v="12"/>
  </r>
  <r>
    <n v="308575.30307260191"/>
    <x v="13"/>
  </r>
  <r>
    <n v="325165.46374174365"/>
    <x v="14"/>
  </r>
  <r>
    <n v="332744.43202493107"/>
    <x v="15"/>
  </r>
  <r>
    <n v="351700.54489033658"/>
    <x v="16"/>
  </r>
  <r>
    <n v="349112.87245553953"/>
    <x v="17"/>
  </r>
  <r>
    <n v="351415.52951614087"/>
    <x v="18"/>
  </r>
  <r>
    <n v="329566.22346495261"/>
    <x v="19"/>
  </r>
  <r>
    <n v="285548.67004535027"/>
    <x v="20"/>
  </r>
  <r>
    <n v="292328.20952929888"/>
    <x v="21"/>
  </r>
  <r>
    <n v="250746.91022562471"/>
    <x v="22"/>
  </r>
  <r>
    <n v="205971.14162938818"/>
    <x v="23"/>
  </r>
  <r>
    <n v="177728.74598072647"/>
    <x v="0"/>
  </r>
  <r>
    <n v="151284.94028787551"/>
    <x v="1"/>
  </r>
  <r>
    <n v="133935.79978193005"/>
    <x v="2"/>
  </r>
  <r>
    <n v="121514.81604180842"/>
    <x v="3"/>
  </r>
  <r>
    <n v="113531.77167497354"/>
    <x v="4"/>
  </r>
  <r>
    <n v="121296.81766961027"/>
    <x v="5"/>
  </r>
  <r>
    <n v="117956.6650094502"/>
    <x v="6"/>
  </r>
  <r>
    <n v="128389.53230889433"/>
    <x v="7"/>
  </r>
  <r>
    <n v="137684.33559118203"/>
    <x v="8"/>
  </r>
  <r>
    <n v="184655.74003491027"/>
    <x v="9"/>
  </r>
  <r>
    <n v="198433.97997056946"/>
    <x v="10"/>
  </r>
  <r>
    <n v="219682.37236570462"/>
    <x v="11"/>
  </r>
  <r>
    <n v="238431.37156234498"/>
    <x v="12"/>
  </r>
  <r>
    <n v="297374.77938422683"/>
    <x v="13"/>
  </r>
  <r>
    <n v="320017.52179577464"/>
    <x v="14"/>
  </r>
  <r>
    <n v="345074.68649514613"/>
    <x v="15"/>
  </r>
  <r>
    <n v="352568.94915792544"/>
    <x v="16"/>
  </r>
  <r>
    <n v="366663.7271931349"/>
    <x v="17"/>
  </r>
  <r>
    <n v="331437.98671739077"/>
    <x v="18"/>
  </r>
  <r>
    <n v="334989.00612327026"/>
    <x v="19"/>
  </r>
  <r>
    <n v="296187.99559055705"/>
    <x v="20"/>
  </r>
  <r>
    <n v="277848.6981916682"/>
    <x v="21"/>
  </r>
  <r>
    <n v="243185.49791571643"/>
    <x v="22"/>
  </r>
  <r>
    <n v="191892.21858871347"/>
    <x v="23"/>
  </r>
  <r>
    <n v="154502.69270233341"/>
    <x v="0"/>
  </r>
  <r>
    <n v="136697.87715660944"/>
    <x v="1"/>
  </r>
  <r>
    <n v="135489.96377376642"/>
    <x v="2"/>
  </r>
  <r>
    <n v="113998.73715623425"/>
    <x v="3"/>
  </r>
  <r>
    <n v="108421.52435429848"/>
    <x v="4"/>
  </r>
  <r>
    <n v="108750.02392364293"/>
    <x v="5"/>
  </r>
  <r>
    <n v="114338.60519360878"/>
    <x v="6"/>
  </r>
  <r>
    <n v="129152.37445981945"/>
    <x v="7"/>
  </r>
  <r>
    <n v="141388.42747874602"/>
    <x v="8"/>
  </r>
  <r>
    <n v="175771.6685008065"/>
    <x v="9"/>
  </r>
  <r>
    <n v="219818.55990242196"/>
    <x v="10"/>
  </r>
  <r>
    <n v="243419.87406032029"/>
    <x v="11"/>
  </r>
  <r>
    <n v="293363.37213507516"/>
    <x v="12"/>
  </r>
  <r>
    <n v="303192.18911124027"/>
    <x v="13"/>
  </r>
  <r>
    <n v="333801.44206412148"/>
    <x v="14"/>
  </r>
  <r>
    <n v="343562.21989051142"/>
    <x v="15"/>
  </r>
  <r>
    <n v="359140.90681382152"/>
    <x v="16"/>
  </r>
  <r>
    <n v="378132.28767888108"/>
    <x v="17"/>
  </r>
  <r>
    <n v="387869.5639090414"/>
    <x v="18"/>
  </r>
  <r>
    <n v="360681.83750313282"/>
    <x v="19"/>
  </r>
  <r>
    <n v="337561.9471458224"/>
    <x v="20"/>
  </r>
  <r>
    <n v="286580.21221930371"/>
    <x v="21"/>
  </r>
  <r>
    <n v="268723.46220329258"/>
    <x v="22"/>
  </r>
  <r>
    <n v="222932.19369135241"/>
    <x v="23"/>
  </r>
  <r>
    <n v="191875.89543489128"/>
    <x v="0"/>
  </r>
  <r>
    <n v="156241.56113837592"/>
    <x v="1"/>
  </r>
  <r>
    <n v="135298.56465174985"/>
    <x v="2"/>
  </r>
  <r>
    <n v="126153.50211755103"/>
    <x v="3"/>
  </r>
  <r>
    <n v="117744.83853719151"/>
    <x v="4"/>
  </r>
  <r>
    <n v="113884.36584231174"/>
    <x v="5"/>
  </r>
  <r>
    <n v="126566.66049137486"/>
    <x v="6"/>
  </r>
  <r>
    <n v="130450.04178072022"/>
    <x v="7"/>
  </r>
  <r>
    <n v="149329.47015484239"/>
    <x v="8"/>
  </r>
  <r>
    <n v="165667.65189017239"/>
    <x v="9"/>
  </r>
  <r>
    <n v="195165.63514244845"/>
    <x v="10"/>
  </r>
  <r>
    <n v="230511.48968604105"/>
    <x v="11"/>
  </r>
  <r>
    <n v="263656.94876271958"/>
    <x v="12"/>
  </r>
  <r>
    <n v="278570.19407485728"/>
    <x v="13"/>
  </r>
  <r>
    <n v="297654.73863811814"/>
    <x v="14"/>
  </r>
  <r>
    <n v="344783.49141835613"/>
    <x v="15"/>
  </r>
  <r>
    <n v="358018.79142305738"/>
    <x v="16"/>
  </r>
  <r>
    <n v="338785.02888957859"/>
    <x v="17"/>
  </r>
  <r>
    <n v="326994.56207778607"/>
    <x v="18"/>
  </r>
  <r>
    <n v="306896.85839525878"/>
    <x v="19"/>
  </r>
  <r>
    <n v="279689.09477184765"/>
    <x v="20"/>
  </r>
  <r>
    <n v="275273.54121515551"/>
    <x v="21"/>
  </r>
  <r>
    <n v="247461.30592510663"/>
    <x v="22"/>
  </r>
  <r>
    <n v="209341.74805119645"/>
    <x v="23"/>
  </r>
  <r>
    <n v="166543.5935222891"/>
    <x v="0"/>
  </r>
  <r>
    <n v="141275.67911701999"/>
    <x v="1"/>
  </r>
  <r>
    <n v="131639.18197613672"/>
    <x v="2"/>
  </r>
  <r>
    <n v="127248.57350681054"/>
    <x v="3"/>
  </r>
  <r>
    <n v="124109.28458892817"/>
    <x v="4"/>
  </r>
  <r>
    <n v="124693.04020709649"/>
    <x v="5"/>
  </r>
  <r>
    <n v="148709.34636269452"/>
    <x v="6"/>
  </r>
  <r>
    <n v="136182.76149263515"/>
    <x v="7"/>
  </r>
  <r>
    <n v="144644.8186397276"/>
    <x v="8"/>
  </r>
  <r>
    <n v="165337.61519783415"/>
    <x v="9"/>
  </r>
  <r>
    <n v="182712.16114777824"/>
    <x v="10"/>
  </r>
  <r>
    <n v="205896.64188144632"/>
    <x v="11"/>
  </r>
  <r>
    <n v="208572.42189414025"/>
    <x v="12"/>
  </r>
  <r>
    <n v="245806.92463513816"/>
    <x v="13"/>
  </r>
  <r>
    <n v="267993.19613611879"/>
    <x v="14"/>
  </r>
  <r>
    <n v="298979.31731539208"/>
    <x v="15"/>
  </r>
  <r>
    <n v="315214.76929774735"/>
    <x v="16"/>
  </r>
  <r>
    <n v="330800.72829532239"/>
    <x v="17"/>
  </r>
  <r>
    <n v="319556.85305693006"/>
    <x v="18"/>
  </r>
  <r>
    <n v="298567.6492486333"/>
    <x v="19"/>
  </r>
  <r>
    <n v="303894.86499107408"/>
    <x v="20"/>
  </r>
  <r>
    <n v="271436.41406340961"/>
    <x v="21"/>
  </r>
  <r>
    <n v="224472.68743199544"/>
    <x v="22"/>
  </r>
  <r>
    <n v="190600.33303501265"/>
    <x v="23"/>
  </r>
  <r>
    <n v="168560.47054852525"/>
    <x v="0"/>
  </r>
  <r>
    <n v="146434.63841155358"/>
    <x v="1"/>
  </r>
  <r>
    <n v="127858.03106985951"/>
    <x v="2"/>
  </r>
  <r>
    <n v="121620.13627617367"/>
    <x v="3"/>
  </r>
  <r>
    <n v="110401.89275876881"/>
    <x v="4"/>
  </r>
  <r>
    <n v="119849.94798380119"/>
    <x v="5"/>
  </r>
  <r>
    <n v="135939.67758528484"/>
    <x v="6"/>
  </r>
  <r>
    <n v="147386.39063761698"/>
    <x v="7"/>
  </r>
  <r>
    <n v="131268.43103110051"/>
    <x v="8"/>
  </r>
  <r>
    <n v="152882.44022441958"/>
    <x v="9"/>
  </r>
  <r>
    <n v="184586.96743558478"/>
    <x v="10"/>
  </r>
  <r>
    <n v="228101.82701763968"/>
    <x v="11"/>
  </r>
  <r>
    <n v="253068.13760462799"/>
    <x v="12"/>
  </r>
  <r>
    <n v="282019.06112421653"/>
    <x v="13"/>
  </r>
  <r>
    <n v="296582.6538698721"/>
    <x v="14"/>
  </r>
  <r>
    <n v="326263.73421946733"/>
    <x v="15"/>
  </r>
  <r>
    <n v="354266.77562976867"/>
    <x v="16"/>
  </r>
  <r>
    <n v="355111.21014184045"/>
    <x v="17"/>
  </r>
  <r>
    <n v="340321.87098777958"/>
    <x v="18"/>
  </r>
  <r>
    <n v="321900.20876491984"/>
    <x v="19"/>
  </r>
  <r>
    <n v="284358.14097738097"/>
    <x v="20"/>
  </r>
  <r>
    <n v="275633.64933905716"/>
    <x v="21"/>
  </r>
  <r>
    <n v="242758.86435706899"/>
    <x v="22"/>
  </r>
  <r>
    <n v="205072.8063780221"/>
    <x v="23"/>
  </r>
  <r>
    <n v="173942.57016476404"/>
    <x v="0"/>
  </r>
  <r>
    <n v="153491.07850871552"/>
    <x v="1"/>
  </r>
  <r>
    <n v="142672.16706084533"/>
    <x v="2"/>
  </r>
  <r>
    <n v="128268.06838176705"/>
    <x v="3"/>
  </r>
  <r>
    <n v="125538.66072269644"/>
    <x v="4"/>
  </r>
  <r>
    <n v="120626.46038591966"/>
    <x v="5"/>
  </r>
  <r>
    <n v="152372.81762941796"/>
    <x v="6"/>
  </r>
  <r>
    <n v="167856.82713949739"/>
    <x v="7"/>
  </r>
  <r>
    <n v="147248.59575401273"/>
    <x v="8"/>
  </r>
  <r>
    <n v="156430.24493652527"/>
    <x v="9"/>
  </r>
  <r>
    <n v="178006.42685941892"/>
    <x v="10"/>
  </r>
  <r>
    <n v="218920.08420326962"/>
    <x v="11"/>
  </r>
  <r>
    <n v="254437.39428323368"/>
    <x v="12"/>
  </r>
  <r>
    <n v="295877.79324669688"/>
    <x v="13"/>
  </r>
  <r>
    <n v="323513.39203759324"/>
    <x v="14"/>
  </r>
  <r>
    <n v="369978.73189690441"/>
    <x v="15"/>
  </r>
  <r>
    <n v="364674.76806573995"/>
    <x v="16"/>
  </r>
  <r>
    <n v="360407.80826688244"/>
    <x v="17"/>
  </r>
  <r>
    <n v="349467.79961666017"/>
    <x v="18"/>
  </r>
  <r>
    <n v="320225.35330878041"/>
    <x v="19"/>
  </r>
  <r>
    <n v="310491.07329805975"/>
    <x v="20"/>
  </r>
  <r>
    <n v="281415.01080093754"/>
    <x v="21"/>
  </r>
  <r>
    <n v="277138.53176323534"/>
    <x v="22"/>
  </r>
  <r>
    <n v="223175.37123056024"/>
    <x v="23"/>
  </r>
  <r>
    <n v="191784.86966410265"/>
    <x v="0"/>
  </r>
  <r>
    <n v="161461.61521992087"/>
    <x v="1"/>
  </r>
  <r>
    <n v="141146.26428466098"/>
    <x v="2"/>
  </r>
  <r>
    <n v="133911.54913084046"/>
    <x v="3"/>
  </r>
  <r>
    <n v="126786.23499984074"/>
    <x v="4"/>
  </r>
  <r>
    <n v="122941.1335348987"/>
    <x v="5"/>
  </r>
  <r>
    <n v="117871.01526781238"/>
    <x v="6"/>
  </r>
  <r>
    <n v="143277.49701951002"/>
    <x v="7"/>
  </r>
  <r>
    <n v="158113.40241736197"/>
    <x v="8"/>
  </r>
  <r>
    <n v="177217.29756450382"/>
    <x v="9"/>
  </r>
  <r>
    <n v="207669.60791892427"/>
    <x v="10"/>
  </r>
  <r>
    <n v="252615.78649579032"/>
    <x v="11"/>
  </r>
  <r>
    <n v="282486.9707267069"/>
    <x v="12"/>
  </r>
  <r>
    <n v="327334.75782666192"/>
    <x v="13"/>
  </r>
  <r>
    <n v="344365.42517466896"/>
    <x v="14"/>
  </r>
  <r>
    <n v="349856.93361638341"/>
    <x v="15"/>
  </r>
  <r>
    <n v="357455.37732592842"/>
    <x v="16"/>
  </r>
  <r>
    <n v="364428.29780621052"/>
    <x v="17"/>
  </r>
  <r>
    <n v="352203.94096681516"/>
    <x v="18"/>
  </r>
  <r>
    <n v="307881.42858737207"/>
    <x v="19"/>
  </r>
  <r>
    <n v="285265.58972954267"/>
    <x v="20"/>
  </r>
  <r>
    <n v="268348.71629900351"/>
    <x v="21"/>
  </r>
  <r>
    <n v="224569.87730006871"/>
    <x v="22"/>
  </r>
  <r>
    <n v="188200.95426562545"/>
    <x v="23"/>
  </r>
  <r>
    <n v="150621.10602358993"/>
    <x v="0"/>
  </r>
  <r>
    <n v="120931.72364929732"/>
    <x v="1"/>
  </r>
  <r>
    <n v="110688.70274356638"/>
    <x v="2"/>
  </r>
  <r>
    <n v="96654.863442272544"/>
    <x v="3"/>
  </r>
  <r>
    <n v="100368.72425363451"/>
    <x v="4"/>
  </r>
  <r>
    <n v="90186.01786943592"/>
    <x v="5"/>
  </r>
  <r>
    <n v="93777.884173144877"/>
    <x v="6"/>
  </r>
  <r>
    <n v="117611.39753496049"/>
    <x v="7"/>
  </r>
  <r>
    <n v="150312.18331511543"/>
    <x v="8"/>
  </r>
  <r>
    <n v="173920.02049241881"/>
    <x v="9"/>
  </r>
  <r>
    <n v="181738.45225113368"/>
    <x v="10"/>
  </r>
  <r>
    <n v="215923.17813000848"/>
    <x v="11"/>
  </r>
  <r>
    <n v="251913.04819471817"/>
    <x v="12"/>
  </r>
  <r>
    <n v="293788.67924240819"/>
    <x v="13"/>
  </r>
  <r>
    <n v="309014.1555886516"/>
    <x v="14"/>
  </r>
  <r>
    <n v="344315.80029019993"/>
    <x v="15"/>
  </r>
  <r>
    <n v="341308.62592323415"/>
    <x v="16"/>
  </r>
  <r>
    <n v="342932.38959580386"/>
    <x v="17"/>
  </r>
  <r>
    <n v="309710.37087031873"/>
    <x v="18"/>
  </r>
  <r>
    <n v="319603.3256688636"/>
    <x v="19"/>
  </r>
  <r>
    <n v="298791.74149422301"/>
    <x v="20"/>
  </r>
  <r>
    <n v="263853.35718911182"/>
    <x v="21"/>
  </r>
  <r>
    <n v="210433.4330882768"/>
    <x v="22"/>
  </r>
  <r>
    <n v="199936.72446733495"/>
    <x v="23"/>
  </r>
  <r>
    <n v="156373.12950345717"/>
    <x v="0"/>
  </r>
  <r>
    <n v="128705.16530048885"/>
    <x v="1"/>
  </r>
  <r>
    <n v="113474.03983217695"/>
    <x v="2"/>
  </r>
  <r>
    <n v="108435.30384265892"/>
    <x v="3"/>
  </r>
  <r>
    <n v="95261.020598421237"/>
    <x v="4"/>
  </r>
  <r>
    <n v="104006.61061529917"/>
    <x v="5"/>
  </r>
  <r>
    <n v="124440.65553523562"/>
    <x v="6"/>
  </r>
  <r>
    <n v="121134.19473846191"/>
    <x v="7"/>
  </r>
  <r>
    <n v="123519.89545400096"/>
    <x v="8"/>
  </r>
  <r>
    <n v="154757.83951399024"/>
    <x v="9"/>
  </r>
  <r>
    <n v="187907.34036585037"/>
    <x v="10"/>
  </r>
  <r>
    <n v="225319.19745024151"/>
    <x v="11"/>
  </r>
  <r>
    <n v="263348.30694981758"/>
    <x v="12"/>
  </r>
  <r>
    <n v="288622.44787360966"/>
    <x v="13"/>
  </r>
  <r>
    <n v="320202.16381874238"/>
    <x v="14"/>
  </r>
  <r>
    <n v="345043.1949804108"/>
    <x v="15"/>
  </r>
  <r>
    <n v="325474.91703074396"/>
    <x v="16"/>
  </r>
  <r>
    <n v="332253.95714478591"/>
    <x v="17"/>
  </r>
  <r>
    <n v="345011.42257010291"/>
    <x v="18"/>
  </r>
  <r>
    <n v="346192.65087356162"/>
    <x v="19"/>
  </r>
  <r>
    <n v="302989.44492915802"/>
    <x v="20"/>
  </r>
  <r>
    <n v="327039.5365799999"/>
    <x v="21"/>
  </r>
  <r>
    <n v="291422.88309924025"/>
    <x v="22"/>
  </r>
  <r>
    <n v="224391.72708588681"/>
    <x v="23"/>
  </r>
  <r>
    <n v="182387.14936512525"/>
    <x v="0"/>
  </r>
  <r>
    <n v="164584.08161407441"/>
    <x v="1"/>
  </r>
  <r>
    <n v="155174.14235769474"/>
    <x v="2"/>
  </r>
  <r>
    <n v="149443.95070593196"/>
    <x v="3"/>
  </r>
  <r>
    <n v="147698.90256729521"/>
    <x v="4"/>
  </r>
  <r>
    <n v="151207.928085091"/>
    <x v="5"/>
  </r>
  <r>
    <n v="175108.47405421376"/>
    <x v="6"/>
  </r>
  <r>
    <n v="175396.22035758625"/>
    <x v="7"/>
  </r>
  <r>
    <n v="166980.68263835611"/>
    <x v="8"/>
  </r>
  <r>
    <n v="183291.99203058684"/>
    <x v="9"/>
  </r>
  <r>
    <n v="217296.66384751076"/>
    <x v="10"/>
  </r>
  <r>
    <n v="212832.93670014065"/>
    <x v="11"/>
  </r>
  <r>
    <n v="224533.31405971939"/>
    <x v="12"/>
  </r>
  <r>
    <n v="245886.10597595447"/>
    <x v="13"/>
  </r>
  <r>
    <n v="278083.24599467748"/>
    <x v="14"/>
  </r>
  <r>
    <n v="304175.16756177624"/>
    <x v="15"/>
  </r>
  <r>
    <n v="332037.91723894025"/>
    <x v="16"/>
  </r>
  <r>
    <n v="328757.27542686911"/>
    <x v="17"/>
  </r>
  <r>
    <n v="335213.50410690909"/>
    <x v="18"/>
  </r>
  <r>
    <n v="346238.21837753954"/>
    <x v="19"/>
  </r>
  <r>
    <n v="352223.32276131539"/>
    <x v="20"/>
  </r>
  <r>
    <n v="306897.73229259538"/>
    <x v="21"/>
  </r>
  <r>
    <n v="279221.18516935728"/>
    <x v="22"/>
  </r>
  <r>
    <n v="227822.9133194903"/>
    <x v="23"/>
  </r>
  <r>
    <n v="193823.11035915581"/>
    <x v="0"/>
  </r>
  <r>
    <n v="167631.76736471363"/>
    <x v="1"/>
  </r>
  <r>
    <n v="158035.12618450139"/>
    <x v="2"/>
  </r>
  <r>
    <n v="147909.44940416823"/>
    <x v="3"/>
  </r>
  <r>
    <n v="145093.06555214536"/>
    <x v="4"/>
  </r>
  <r>
    <n v="148762.35759934271"/>
    <x v="5"/>
  </r>
  <r>
    <n v="187487.82282837207"/>
    <x v="6"/>
  </r>
  <r>
    <n v="169287.6467644019"/>
    <x v="7"/>
  </r>
  <r>
    <n v="149998.56340845692"/>
    <x v="8"/>
  </r>
  <r>
    <n v="170438.13260798517"/>
    <x v="9"/>
  </r>
  <r>
    <n v="199091.96224376198"/>
    <x v="10"/>
  </r>
  <r>
    <n v="254774.46897019312"/>
    <x v="11"/>
  </r>
  <r>
    <n v="268859.4156603663"/>
    <x v="12"/>
  </r>
  <r>
    <n v="287224.89876873279"/>
    <x v="13"/>
  </r>
  <r>
    <n v="304986.8621343461"/>
    <x v="14"/>
  </r>
  <r>
    <n v="332737.6281099536"/>
    <x v="15"/>
  </r>
  <r>
    <n v="348487.84859618306"/>
    <x v="16"/>
  </r>
  <r>
    <n v="353635.35359348386"/>
    <x v="17"/>
  </r>
  <r>
    <n v="356141.12936359737"/>
    <x v="18"/>
  </r>
  <r>
    <n v="328457.24774485599"/>
    <x v="19"/>
  </r>
  <r>
    <n v="319099.83596052747"/>
    <x v="20"/>
  </r>
  <r>
    <n v="304768.5438533015"/>
    <x v="21"/>
  </r>
  <r>
    <n v="259924.51763295569"/>
    <x v="22"/>
  </r>
  <r>
    <n v="221346.19486796987"/>
    <x v="23"/>
  </r>
  <r>
    <n v="193807.11491683481"/>
    <x v="0"/>
  </r>
  <r>
    <n v="158493.2356525746"/>
    <x v="1"/>
  </r>
  <r>
    <n v="139254.41699879148"/>
    <x v="2"/>
  </r>
  <r>
    <n v="130569.7188999004"/>
    <x v="3"/>
  </r>
  <r>
    <n v="134925.84743770637"/>
    <x v="4"/>
  </r>
  <r>
    <n v="130922.64858139461"/>
    <x v="5"/>
  </r>
  <r>
    <n v="152464.06187454073"/>
    <x v="6"/>
  </r>
  <r>
    <n v="137756.61938516333"/>
    <x v="7"/>
  </r>
  <r>
    <n v="151900.47611900646"/>
    <x v="8"/>
  </r>
  <r>
    <n v="174916.23224547983"/>
    <x v="9"/>
  </r>
  <r>
    <n v="221963.60333625058"/>
    <x v="10"/>
  </r>
  <r>
    <n v="237998.07453650629"/>
    <x v="11"/>
  </r>
  <r>
    <n v="272848.91305486549"/>
    <x v="12"/>
  </r>
  <r>
    <n v="315433.80542303267"/>
    <x v="13"/>
  </r>
  <r>
    <n v="334235.33209172421"/>
    <x v="14"/>
  </r>
  <r>
    <n v="347632.4591567851"/>
    <x v="15"/>
  </r>
  <r>
    <n v="365255.44163526595"/>
    <x v="16"/>
  </r>
  <r>
    <n v="376034.8716498951"/>
    <x v="17"/>
  </r>
  <r>
    <n v="353684.32305495045"/>
    <x v="18"/>
  </r>
  <r>
    <n v="330082.75921209878"/>
    <x v="19"/>
  </r>
  <r>
    <n v="322761.24732638622"/>
    <x v="20"/>
  </r>
  <r>
    <n v="278700.46719924326"/>
    <x v="21"/>
  </r>
  <r>
    <n v="234524.73836172326"/>
    <x v="22"/>
  </r>
  <r>
    <n v="201266.70258172412"/>
    <x v="23"/>
  </r>
  <r>
    <n v="154574.28986269314"/>
    <x v="0"/>
  </r>
  <r>
    <n v="133961.080383452"/>
    <x v="1"/>
  </r>
  <r>
    <n v="117816.46690817039"/>
    <x v="2"/>
  </r>
  <r>
    <n v="113836.0127905736"/>
    <x v="3"/>
  </r>
  <r>
    <n v="118461.47336644593"/>
    <x v="4"/>
  </r>
  <r>
    <n v="111970.24197701472"/>
    <x v="5"/>
  </r>
  <r>
    <n v="137369.67012878155"/>
    <x v="6"/>
  </r>
  <r>
    <n v="143241.3239119002"/>
    <x v="7"/>
  </r>
  <r>
    <n v="146740.6585324459"/>
    <x v="8"/>
  </r>
  <r>
    <n v="159382.5666403122"/>
    <x v="9"/>
  </r>
  <r>
    <n v="190725.97138245296"/>
    <x v="10"/>
  </r>
  <r>
    <n v="207689.59832049813"/>
    <x v="11"/>
  </r>
  <r>
    <n v="239913.1893389617"/>
    <x v="12"/>
  </r>
  <r>
    <n v="277093.15152297245"/>
    <x v="13"/>
  </r>
  <r>
    <n v="313656.92245284974"/>
    <x v="14"/>
  </r>
  <r>
    <n v="343164.40933866095"/>
    <x v="15"/>
  </r>
  <r>
    <n v="352242.95424076886"/>
    <x v="16"/>
  </r>
  <r>
    <n v="357416.30163073645"/>
    <x v="17"/>
  </r>
  <r>
    <n v="316300.9924764742"/>
    <x v="18"/>
  </r>
  <r>
    <n v="301945.60577125446"/>
    <x v="19"/>
  </r>
  <r>
    <n v="294953.05381151894"/>
    <x v="20"/>
  </r>
  <r>
    <n v="292376.39872528642"/>
    <x v="21"/>
  </r>
  <r>
    <n v="245094.05848814765"/>
    <x v="22"/>
  </r>
  <r>
    <n v="223952.09430435806"/>
    <x v="23"/>
  </r>
  <r>
    <n v="183670.38957731798"/>
    <x v="0"/>
  </r>
  <r>
    <n v="148541.23036257346"/>
    <x v="1"/>
  </r>
  <r>
    <n v="129122.79459550779"/>
    <x v="2"/>
  </r>
  <r>
    <n v="126014.73190209792"/>
    <x v="3"/>
  </r>
  <r>
    <n v="113420.19371146613"/>
    <x v="4"/>
  </r>
  <r>
    <n v="107044.17632267482"/>
    <x v="5"/>
  </r>
  <r>
    <n v="115393.85963547119"/>
    <x v="6"/>
  </r>
  <r>
    <n v="117548.00876744061"/>
    <x v="7"/>
  </r>
  <r>
    <n v="153291.47099385911"/>
    <x v="8"/>
  </r>
  <r>
    <n v="188272.34855696061"/>
    <x v="9"/>
  </r>
  <r>
    <n v="221412.78272395395"/>
    <x v="10"/>
  </r>
  <r>
    <n v="279192.34655725077"/>
    <x v="11"/>
  </r>
  <r>
    <n v="308469.43665240135"/>
    <x v="12"/>
  </r>
  <r>
    <n v="346608.81326947996"/>
    <x v="13"/>
  </r>
  <r>
    <n v="371236.36379607394"/>
    <x v="14"/>
  </r>
  <r>
    <n v="381200.9157549786"/>
    <x v="15"/>
  </r>
  <r>
    <n v="398102.21508655546"/>
    <x v="16"/>
  </r>
  <r>
    <n v="373374.01031316101"/>
    <x v="17"/>
  </r>
  <r>
    <n v="347310.74009445385"/>
    <x v="18"/>
  </r>
  <r>
    <n v="321201.02847443224"/>
    <x v="19"/>
  </r>
  <r>
    <n v="310415.57481030468"/>
    <x v="20"/>
  </r>
  <r>
    <n v="329533.85805288068"/>
    <x v="21"/>
  </r>
  <r>
    <n v="295077.98992002808"/>
    <x v="22"/>
  </r>
  <r>
    <n v="244246.08157080089"/>
    <x v="23"/>
  </r>
  <r>
    <n v="201522.1302889534"/>
    <x v="0"/>
  </r>
  <r>
    <n v="168217.52826516316"/>
    <x v="1"/>
  </r>
  <r>
    <n v="152290.5932532333"/>
    <x v="2"/>
  </r>
  <r>
    <n v="138225.46530622861"/>
    <x v="3"/>
  </r>
  <r>
    <n v="129231.18907586057"/>
    <x v="4"/>
  </r>
  <r>
    <n v="115802.82798367243"/>
    <x v="5"/>
  </r>
  <r>
    <n v="124491.60687101907"/>
    <x v="6"/>
  </r>
  <r>
    <n v="135270.24101485952"/>
    <x v="7"/>
  </r>
  <r>
    <n v="170168.36362125055"/>
    <x v="8"/>
  </r>
  <r>
    <n v="206672.77195348003"/>
    <x v="9"/>
  </r>
  <r>
    <n v="232307.16144896005"/>
    <x v="10"/>
  </r>
  <r>
    <n v="277981.21848063392"/>
    <x v="11"/>
  </r>
  <r>
    <n v="334276.77979397262"/>
    <x v="12"/>
  </r>
  <r>
    <n v="361806.88669209834"/>
    <x v="13"/>
  </r>
  <r>
    <n v="394515.1162049236"/>
    <x v="14"/>
  </r>
  <r>
    <n v="421027.28875905095"/>
    <x v="15"/>
  </r>
  <r>
    <n v="410182.78460346721"/>
    <x v="16"/>
  </r>
  <r>
    <n v="410986.17715133965"/>
    <x v="17"/>
  </r>
  <r>
    <n v="396090.94036645908"/>
    <x v="18"/>
  </r>
  <r>
    <n v="355551.71682070574"/>
    <x v="19"/>
  </r>
  <r>
    <n v="349608.68435156153"/>
    <x v="20"/>
  </r>
  <r>
    <n v="332951.51448307704"/>
    <x v="21"/>
  </r>
  <r>
    <n v="284176.86970128276"/>
    <x v="22"/>
  </r>
  <r>
    <n v="236106.99191080627"/>
    <x v="23"/>
  </r>
  <r>
    <n v="207348.23217340378"/>
    <x v="0"/>
  </r>
  <r>
    <n v="196208.67842956341"/>
    <x v="1"/>
  </r>
  <r>
    <n v="174152.86731668373"/>
    <x v="2"/>
  </r>
  <r>
    <n v="158555.89097054416"/>
    <x v="3"/>
  </r>
  <r>
    <n v="145067.03589576349"/>
    <x v="4"/>
  </r>
  <r>
    <n v="147585.79528344882"/>
    <x v="5"/>
  </r>
  <r>
    <n v="173294.74694810904"/>
    <x v="6"/>
  </r>
  <r>
    <n v="159685.02875062"/>
    <x v="7"/>
  </r>
  <r>
    <n v="156116.60942455719"/>
    <x v="8"/>
  </r>
  <r>
    <n v="176781.26960948837"/>
    <x v="9"/>
  </r>
  <r>
    <n v="219502.92691082743"/>
    <x v="10"/>
  </r>
  <r>
    <n v="256057.27223371755"/>
    <x v="11"/>
  </r>
  <r>
    <n v="306325.79769643501"/>
    <x v="12"/>
  </r>
  <r>
    <n v="325533.81146910432"/>
    <x v="13"/>
  </r>
  <r>
    <n v="368565.32779749279"/>
    <x v="14"/>
  </r>
  <r>
    <n v="385874.73718524387"/>
    <x v="15"/>
  </r>
  <r>
    <n v="396810.5324018792"/>
    <x v="16"/>
  </r>
  <r>
    <n v="397210.93343512021"/>
    <x v="17"/>
  </r>
  <r>
    <n v="377402.64582409058"/>
    <x v="18"/>
  </r>
  <r>
    <n v="362067.74504706194"/>
    <x v="19"/>
  </r>
  <r>
    <n v="361127.96209344751"/>
    <x v="20"/>
  </r>
  <r>
    <n v="336295.04569276149"/>
    <x v="21"/>
  </r>
  <r>
    <n v="285170.14765614248"/>
    <x v="22"/>
  </r>
  <r>
    <n v="242108.18536876061"/>
    <x v="23"/>
  </r>
  <r>
    <n v="214947.75264930999"/>
    <x v="0"/>
  </r>
  <r>
    <n v="191762.13272804249"/>
    <x v="1"/>
  </r>
  <r>
    <n v="175327.38533702242"/>
    <x v="2"/>
  </r>
  <r>
    <n v="164021.83791516413"/>
    <x v="3"/>
  </r>
  <r>
    <n v="153422.43075186669"/>
    <x v="4"/>
  </r>
  <r>
    <n v="157392.21864036456"/>
    <x v="5"/>
  </r>
  <r>
    <n v="177463.65858686628"/>
    <x v="6"/>
  </r>
  <r>
    <n v="159818.23567320732"/>
    <x v="7"/>
  </r>
  <r>
    <n v="166189.7431275296"/>
    <x v="8"/>
  </r>
  <r>
    <n v="214770.89767582336"/>
    <x v="9"/>
  </r>
  <r>
    <n v="273189.45212055201"/>
    <x v="10"/>
  </r>
  <r>
    <n v="304104.53793061053"/>
    <x v="11"/>
  </r>
  <r>
    <n v="327833.44109964685"/>
    <x v="12"/>
  </r>
  <r>
    <n v="361450.02447258955"/>
    <x v="13"/>
  </r>
  <r>
    <n v="382720.68564449745"/>
    <x v="14"/>
  </r>
  <r>
    <n v="412863.74557894218"/>
    <x v="15"/>
  </r>
  <r>
    <n v="393299.64985224319"/>
    <x v="16"/>
  </r>
  <r>
    <n v="378851.5988187287"/>
    <x v="17"/>
  </r>
  <r>
    <n v="362108.8806431187"/>
    <x v="18"/>
  </r>
  <r>
    <n v="334939.35002818209"/>
    <x v="19"/>
  </r>
  <r>
    <n v="322560.3445708346"/>
    <x v="20"/>
  </r>
  <r>
    <n v="313921.12034406385"/>
    <x v="21"/>
  </r>
  <r>
    <n v="265821.21793795261"/>
    <x v="22"/>
  </r>
  <r>
    <n v="224226.8725954683"/>
    <x v="23"/>
  </r>
  <r>
    <n v="188040.57849905681"/>
    <x v="0"/>
  </r>
  <r>
    <n v="160297.02217647596"/>
    <x v="1"/>
  </r>
  <r>
    <n v="146164.37005491232"/>
    <x v="2"/>
  </r>
  <r>
    <n v="145310.36948806714"/>
    <x v="3"/>
  </r>
  <r>
    <n v="130392.77809721105"/>
    <x v="4"/>
  </r>
  <r>
    <n v="133473.38324841234"/>
    <x v="5"/>
  </r>
  <r>
    <n v="169435.46025675745"/>
    <x v="6"/>
  </r>
  <r>
    <n v="159090.35721839947"/>
    <x v="7"/>
  </r>
  <r>
    <n v="165730.88460459645"/>
    <x v="8"/>
  </r>
  <r>
    <n v="200024.83204523183"/>
    <x v="9"/>
  </r>
  <r>
    <n v="243290.69330760502"/>
    <x v="10"/>
  </r>
  <r>
    <n v="273917.40860190778"/>
    <x v="11"/>
  </r>
  <r>
    <n v="287375.95816548128"/>
    <x v="12"/>
  </r>
  <r>
    <n v="296655.09371694917"/>
    <x v="13"/>
  </r>
  <r>
    <n v="340755.8234366207"/>
    <x v="14"/>
  </r>
  <r>
    <n v="376774.84421962855"/>
    <x v="15"/>
  </r>
  <r>
    <n v="386579.44175532326"/>
    <x v="16"/>
  </r>
  <r>
    <n v="389060.96687434724"/>
    <x v="17"/>
  </r>
  <r>
    <n v="400671.06751799723"/>
    <x v="18"/>
  </r>
  <r>
    <n v="353394.34519230778"/>
    <x v="19"/>
  </r>
  <r>
    <n v="312133.71939522302"/>
    <x v="20"/>
  </r>
  <r>
    <n v="309712.61803489842"/>
    <x v="21"/>
  </r>
  <r>
    <n v="271212.8836089648"/>
    <x v="22"/>
  </r>
  <r>
    <n v="232925.95878979354"/>
    <x v="23"/>
  </r>
  <r>
    <n v="206020.75090854763"/>
    <x v="0"/>
  </r>
  <r>
    <n v="188303.74643983852"/>
    <x v="1"/>
  </r>
  <r>
    <n v="178129.00656618123"/>
    <x v="2"/>
  </r>
  <r>
    <n v="153999.78039045184"/>
    <x v="3"/>
  </r>
  <r>
    <n v="139518.09991478935"/>
    <x v="4"/>
  </r>
  <r>
    <n v="135329.43195410198"/>
    <x v="5"/>
  </r>
  <r>
    <n v="159966.09598149161"/>
    <x v="6"/>
  </r>
  <r>
    <n v="151404.32090617364"/>
    <x v="7"/>
  </r>
  <r>
    <n v="169360.18024333654"/>
    <x v="8"/>
  </r>
  <r>
    <n v="175452.91444729568"/>
    <x v="9"/>
  </r>
  <r>
    <n v="211839.83040368638"/>
    <x v="10"/>
  </r>
  <r>
    <n v="220471.26758097595"/>
    <x v="11"/>
  </r>
  <r>
    <n v="260747.6196868296"/>
    <x v="12"/>
  </r>
  <r>
    <n v="300108.26783175295"/>
    <x v="13"/>
  </r>
  <r>
    <n v="302614.82386734558"/>
    <x v="14"/>
  </r>
  <r>
    <n v="297785.16781559994"/>
    <x v="15"/>
  </r>
  <r>
    <n v="335286.16242832039"/>
    <x v="16"/>
  </r>
  <r>
    <n v="342537.07589348644"/>
    <x v="17"/>
  </r>
  <r>
    <n v="310175.68999141851"/>
    <x v="18"/>
  </r>
  <r>
    <n v="319833.81609138171"/>
    <x v="19"/>
  </r>
  <r>
    <n v="300775.61329069437"/>
    <x v="20"/>
  </r>
  <r>
    <n v="297734.23208512604"/>
    <x v="21"/>
  </r>
  <r>
    <n v="242358.61937692383"/>
    <x v="22"/>
  </r>
  <r>
    <n v="209022.12010034907"/>
    <x v="23"/>
  </r>
  <r>
    <n v="171537.13653525923"/>
    <x v="0"/>
  </r>
  <r>
    <n v="153151.10123417393"/>
    <x v="1"/>
  </r>
  <r>
    <n v="141548.31948071762"/>
    <x v="2"/>
  </r>
  <r>
    <n v="140428.35762267568"/>
    <x v="3"/>
  </r>
  <r>
    <n v="136217.17120026227"/>
    <x v="4"/>
  </r>
  <r>
    <n v="142262.59010557045"/>
    <x v="5"/>
  </r>
  <r>
    <n v="160766.72638956821"/>
    <x v="6"/>
  </r>
  <r>
    <n v="168244.32258171451"/>
    <x v="7"/>
  </r>
  <r>
    <n v="142609.16842606501"/>
    <x v="8"/>
  </r>
  <r>
    <n v="176792.5210376966"/>
    <x v="9"/>
  </r>
  <r>
    <n v="173242.17266012914"/>
    <x v="10"/>
  </r>
  <r>
    <n v="186562.2875224055"/>
    <x v="11"/>
  </r>
  <r>
    <n v="183448.27920604512"/>
    <x v="12"/>
  </r>
  <r>
    <n v="191448.82492757557"/>
    <x v="13"/>
  </r>
  <r>
    <n v="213507.63225989492"/>
    <x v="14"/>
  </r>
  <r>
    <n v="225590.23046705226"/>
    <x v="15"/>
  </r>
  <r>
    <n v="209690.44869379408"/>
    <x v="16"/>
  </r>
  <r>
    <n v="201863.71491038188"/>
    <x v="17"/>
  </r>
  <r>
    <n v="217742.2266466805"/>
    <x v="18"/>
  </r>
  <r>
    <n v="202490.45535379232"/>
    <x v="19"/>
  </r>
  <r>
    <n v="190848.64472107278"/>
    <x v="20"/>
  </r>
  <r>
    <n v="186401.27193814405"/>
    <x v="21"/>
  </r>
  <r>
    <n v="150296.37513650942"/>
    <x v="22"/>
  </r>
  <r>
    <n v="138036.01684790972"/>
    <x v="23"/>
  </r>
  <r>
    <n v="124189.72215716579"/>
    <x v="0"/>
  </r>
  <r>
    <n v="106598.60572085029"/>
    <x v="1"/>
  </r>
  <r>
    <n v="99541.814504222741"/>
    <x v="2"/>
  </r>
  <r>
    <n v="101152.0327680757"/>
    <x v="3"/>
  </r>
  <r>
    <n v="92962.850064324593"/>
    <x v="4"/>
  </r>
  <r>
    <n v="87193.980652764178"/>
    <x v="5"/>
  </r>
  <r>
    <n v="98049.314893197487"/>
    <x v="6"/>
  </r>
  <r>
    <n v="101650.49756672657"/>
    <x v="7"/>
  </r>
  <r>
    <n v="117438.6935738225"/>
    <x v="8"/>
  </r>
  <r>
    <n v="146453.87975826749"/>
    <x v="9"/>
  </r>
  <r>
    <n v="161923.89130565236"/>
    <x v="10"/>
  </r>
  <r>
    <n v="187692.86099096283"/>
    <x v="11"/>
  </r>
  <r>
    <n v="217169.07483637278"/>
    <x v="12"/>
  </r>
  <r>
    <n v="225204.03026553034"/>
    <x v="13"/>
  </r>
  <r>
    <n v="241662.52893773338"/>
    <x v="14"/>
  </r>
  <r>
    <n v="249751.806449544"/>
    <x v="15"/>
  </r>
  <r>
    <n v="300795.58808695863"/>
    <x v="16"/>
  </r>
  <r>
    <n v="284315.10153355537"/>
    <x v="17"/>
  </r>
  <r>
    <n v="255760.75574636034"/>
    <x v="18"/>
  </r>
  <r>
    <n v="229640.04238308381"/>
    <x v="19"/>
  </r>
  <r>
    <n v="213415.12398469602"/>
    <x v="20"/>
  </r>
  <r>
    <n v="200601.33899709955"/>
    <x v="21"/>
  </r>
  <r>
    <n v="176626.09041101037"/>
    <x v="22"/>
  </r>
  <r>
    <n v="153457.83919930703"/>
    <x v="23"/>
  </r>
  <r>
    <n v="119236.95581813202"/>
    <x v="0"/>
  </r>
  <r>
    <n v="108293.76368475512"/>
    <x v="1"/>
  </r>
  <r>
    <n v="95341.309916217841"/>
    <x v="2"/>
  </r>
  <r>
    <n v="86679.348753386919"/>
    <x v="3"/>
  </r>
  <r>
    <n v="80563.276808948722"/>
    <x v="4"/>
  </r>
  <r>
    <n v="81754.398878682099"/>
    <x v="5"/>
  </r>
  <r>
    <n v="85833.299091773486"/>
    <x v="6"/>
  </r>
  <r>
    <n v="101048.38230183568"/>
    <x v="7"/>
  </r>
  <r>
    <n v="113676.9634753194"/>
    <x v="8"/>
  </r>
  <r>
    <n v="159640.14788026371"/>
    <x v="9"/>
  </r>
  <r>
    <n v="177220.41862642014"/>
    <x v="10"/>
  </r>
  <r>
    <n v="201686.54783070361"/>
    <x v="11"/>
  </r>
  <r>
    <n v="227628.00300281795"/>
    <x v="12"/>
  </r>
  <r>
    <n v="256286.18651996795"/>
    <x v="13"/>
  </r>
  <r>
    <n v="255784.80352842534"/>
    <x v="14"/>
  </r>
  <r>
    <n v="286793.5368012822"/>
    <x v="15"/>
  </r>
  <r>
    <n v="310622.9381640231"/>
    <x v="16"/>
  </r>
  <r>
    <n v="305371.87633233977"/>
    <x v="17"/>
  </r>
  <r>
    <n v="274067.37562698562"/>
    <x v="18"/>
  </r>
  <r>
    <n v="274270.46312587865"/>
    <x v="19"/>
  </r>
  <r>
    <n v="259894.41499077305"/>
    <x v="20"/>
  </r>
  <r>
    <n v="230258.1374849861"/>
    <x v="21"/>
  </r>
  <r>
    <n v="183050.156548003"/>
    <x v="22"/>
  </r>
  <r>
    <n v="156032.38756874605"/>
    <x v="23"/>
  </r>
  <r>
    <n v="133138.50891010388"/>
    <x v="0"/>
  </r>
  <r>
    <n v="116951.51141399903"/>
    <x v="1"/>
  </r>
  <r>
    <n v="100022.84036941633"/>
    <x v="2"/>
  </r>
  <r>
    <n v="104000.07979323935"/>
    <x v="3"/>
  </r>
  <r>
    <n v="100486.01376044874"/>
    <x v="4"/>
  </r>
  <r>
    <n v="101271.28074124239"/>
    <x v="5"/>
  </r>
  <r>
    <n v="135519.78552037658"/>
    <x v="6"/>
  </r>
  <r>
    <n v="130481.82979633764"/>
    <x v="7"/>
  </r>
  <r>
    <n v="118498.63741121416"/>
    <x v="8"/>
  </r>
  <r>
    <n v="148110.96076679355"/>
    <x v="9"/>
  </r>
  <r>
    <n v="150998.72330484202"/>
    <x v="10"/>
  </r>
  <r>
    <n v="151109.95795153864"/>
    <x v="11"/>
  </r>
  <r>
    <n v="167469.84667249644"/>
    <x v="12"/>
  </r>
  <r>
    <n v="169192.3919547167"/>
    <x v="13"/>
  </r>
  <r>
    <n v="165258.2309879933"/>
    <x v="14"/>
  </r>
  <r>
    <n v="169655.38588468893"/>
    <x v="15"/>
  </r>
  <r>
    <n v="210497.19638322663"/>
    <x v="16"/>
  </r>
  <r>
    <n v="215379.91048754923"/>
    <x v="17"/>
  </r>
  <r>
    <n v="201775.96625460536"/>
    <x v="18"/>
  </r>
  <r>
    <n v="201813.15370733794"/>
    <x v="19"/>
  </r>
  <r>
    <n v="212314.12257779558"/>
    <x v="20"/>
  </r>
  <r>
    <n v="194173.55879642657"/>
    <x v="21"/>
  </r>
  <r>
    <n v="161150.33610969956"/>
    <x v="22"/>
  </r>
  <r>
    <n v="126305.9191762331"/>
    <x v="23"/>
  </r>
  <r>
    <n v="124184.47877314643"/>
    <x v="0"/>
  </r>
  <r>
    <n v="106851.12303784263"/>
    <x v="1"/>
  </r>
  <r>
    <n v="98761.642657007411"/>
    <x v="2"/>
  </r>
  <r>
    <n v="98246.511387723556"/>
    <x v="3"/>
  </r>
  <r>
    <n v="99096.805693543152"/>
    <x v="4"/>
  </r>
  <r>
    <n v="105044.55876883578"/>
    <x v="5"/>
  </r>
  <r>
    <n v="139572.60926115737"/>
    <x v="6"/>
  </r>
  <r>
    <n v="128012.35197631053"/>
    <x v="7"/>
  </r>
  <r>
    <n v="131956.4535252373"/>
    <x v="8"/>
  </r>
  <r>
    <n v="136033.02854720107"/>
    <x v="9"/>
  </r>
  <r>
    <n v="152276.96981796867"/>
    <x v="10"/>
  </r>
  <r>
    <n v="152825.91779311554"/>
    <x v="11"/>
  </r>
  <r>
    <n v="176707.08196773814"/>
    <x v="12"/>
  </r>
  <r>
    <n v="194961.89222055298"/>
    <x v="13"/>
  </r>
  <r>
    <n v="208047.2720161051"/>
    <x v="14"/>
  </r>
  <r>
    <n v="218547.19533082074"/>
    <x v="15"/>
  </r>
  <r>
    <n v="265780.6441330408"/>
    <x v="16"/>
  </r>
  <r>
    <n v="288630.84353016451"/>
    <x v="17"/>
  </r>
  <r>
    <n v="293063.9374548262"/>
    <x v="18"/>
  </r>
  <r>
    <n v="285672.88830961863"/>
    <x v="19"/>
  </r>
  <r>
    <n v="282637.62438540626"/>
    <x v="20"/>
  </r>
  <r>
    <n v="259264.2413792547"/>
    <x v="21"/>
  </r>
  <r>
    <n v="215483.07718919226"/>
    <x v="22"/>
  </r>
  <r>
    <n v="184864.52347180058"/>
    <x v="23"/>
  </r>
  <r>
    <n v="153130.26814588267"/>
    <x v="0"/>
  </r>
  <r>
    <n v="132529.66775678337"/>
    <x v="1"/>
  </r>
  <r>
    <n v="124422.55337612113"/>
    <x v="2"/>
  </r>
  <r>
    <n v="127834.73234265439"/>
    <x v="3"/>
  </r>
  <r>
    <n v="115594.0601520917"/>
    <x v="4"/>
  </r>
  <r>
    <n v="132249.7397135112"/>
    <x v="5"/>
  </r>
  <r>
    <n v="155901.61507445347"/>
    <x v="6"/>
  </r>
  <r>
    <n v="148501.20274349704"/>
    <x v="7"/>
  </r>
  <r>
    <n v="133565.92273423038"/>
    <x v="8"/>
  </r>
  <r>
    <n v="173398.25696656283"/>
    <x v="9"/>
  </r>
  <r>
    <n v="173818.91369164057"/>
    <x v="10"/>
  </r>
  <r>
    <n v="200936.89996902962"/>
    <x v="11"/>
  </r>
  <r>
    <n v="229774.07638707891"/>
    <x v="12"/>
  </r>
  <r>
    <n v="238720.41310641274"/>
    <x v="13"/>
  </r>
  <r>
    <n v="262199.63132214575"/>
    <x v="14"/>
  </r>
  <r>
    <n v="282631.53831466951"/>
    <x v="15"/>
  </r>
  <r>
    <n v="301224.29715178034"/>
    <x v="16"/>
  </r>
  <r>
    <n v="313939.16008194"/>
    <x v="17"/>
  </r>
  <r>
    <n v="289750.39965015731"/>
    <x v="18"/>
  </r>
  <r>
    <n v="255107.03372268355"/>
    <x v="19"/>
  </r>
  <r>
    <n v="244507.75140186277"/>
    <x v="20"/>
  </r>
  <r>
    <n v="227308.32823604182"/>
    <x v="21"/>
  </r>
  <r>
    <n v="201433.03957655284"/>
    <x v="22"/>
  </r>
  <r>
    <n v="140848.3433194414"/>
    <x v="23"/>
  </r>
  <r>
    <n v="115592.00025122696"/>
    <x v="0"/>
  </r>
  <r>
    <n v="96493.793239427541"/>
    <x v="1"/>
  </r>
  <r>
    <n v="90508.53280255587"/>
    <x v="2"/>
  </r>
  <r>
    <n v="86914.879690899834"/>
    <x v="3"/>
  </r>
  <r>
    <n v="82722.677127592266"/>
    <x v="4"/>
  </r>
  <r>
    <n v="97695.238221449035"/>
    <x v="5"/>
  </r>
  <r>
    <n v="129838.46969822294"/>
    <x v="6"/>
  </r>
  <r>
    <n v="113031.61370023309"/>
    <x v="7"/>
  </r>
  <r>
    <n v="108754.28417315867"/>
    <x v="8"/>
  </r>
  <r>
    <n v="127617.35038018473"/>
    <x v="9"/>
  </r>
  <r>
    <n v="137346.99561395968"/>
    <x v="10"/>
  </r>
  <r>
    <n v="154268.65987454032"/>
    <x v="11"/>
  </r>
  <r>
    <n v="184481.31948971833"/>
    <x v="12"/>
  </r>
  <r>
    <n v="203006.21083545944"/>
    <x v="13"/>
  </r>
  <r>
    <n v="205224.16227565263"/>
    <x v="14"/>
  </r>
  <r>
    <n v="234419.23086364305"/>
    <x v="15"/>
  </r>
  <r>
    <n v="245412.76572572973"/>
    <x v="16"/>
  </r>
  <r>
    <n v="245777.21212569508"/>
    <x v="17"/>
  </r>
  <r>
    <n v="259795.22764307333"/>
    <x v="18"/>
  </r>
  <r>
    <n v="229238.73624188709"/>
    <x v="19"/>
  </r>
  <r>
    <n v="239667.14042279092"/>
    <x v="20"/>
  </r>
  <r>
    <n v="214337.85033493795"/>
    <x v="21"/>
  </r>
  <r>
    <n v="183062.92169124063"/>
    <x v="22"/>
  </r>
  <r>
    <n v="148690.99451862671"/>
    <x v="23"/>
  </r>
  <r>
    <n v="109376.58490599319"/>
    <x v="0"/>
  </r>
  <r>
    <n v="104903.74425782751"/>
    <x v="1"/>
  </r>
  <r>
    <n v="94331.755623464691"/>
    <x v="2"/>
  </r>
  <r>
    <n v="88376.20769603613"/>
    <x v="3"/>
  </r>
  <r>
    <n v="88778.364326605049"/>
    <x v="4"/>
  </r>
  <r>
    <n v="100587.71356299109"/>
    <x v="5"/>
  </r>
  <r>
    <n v="110126.6463083711"/>
    <x v="6"/>
  </r>
  <r>
    <n v="120479.12285550634"/>
    <x v="7"/>
  </r>
  <r>
    <n v="114852.44122219738"/>
    <x v="8"/>
  </r>
  <r>
    <n v="128978.84341727365"/>
    <x v="9"/>
  </r>
  <r>
    <n v="141742.69921686425"/>
    <x v="10"/>
  </r>
  <r>
    <n v="173887.76431751397"/>
    <x v="11"/>
  </r>
  <r>
    <n v="201479.38734600978"/>
    <x v="12"/>
  </r>
  <r>
    <n v="235010.96859766229"/>
    <x v="13"/>
  </r>
  <r>
    <n v="255632.16799540914"/>
    <x v="14"/>
  </r>
  <r>
    <n v="288691.14244638721"/>
    <x v="15"/>
  </r>
  <r>
    <n v="306509.53461144707"/>
    <x v="16"/>
  </r>
  <r>
    <n v="323412.55052707787"/>
    <x v="17"/>
  </r>
  <r>
    <n v="309485.43593801156"/>
    <x v="18"/>
  </r>
  <r>
    <n v="298895.61043479719"/>
    <x v="19"/>
  </r>
  <r>
    <n v="271505.51437423629"/>
    <x v="20"/>
  </r>
  <r>
    <n v="236634.54500651697"/>
    <x v="21"/>
  </r>
  <r>
    <n v="221843.89500645123"/>
    <x v="22"/>
  </r>
  <r>
    <n v="185179.50104039267"/>
    <x v="23"/>
  </r>
  <r>
    <n v="155122.84770510046"/>
    <x v="0"/>
  </r>
  <r>
    <n v="129070.68846681529"/>
    <x v="1"/>
  </r>
  <r>
    <n v="114062.46143791011"/>
    <x v="2"/>
  </r>
  <r>
    <n v="103752.42353018164"/>
    <x v="3"/>
  </r>
  <r>
    <n v="105855.90222194005"/>
    <x v="4"/>
  </r>
  <r>
    <n v="94218.250404223989"/>
    <x v="5"/>
  </r>
  <r>
    <n v="90845.131527573089"/>
    <x v="6"/>
  </r>
  <r>
    <n v="123349.60251319331"/>
    <x v="7"/>
  </r>
  <r>
    <n v="152371.83449491434"/>
    <x v="8"/>
  </r>
  <r>
    <n v="163179.18240838466"/>
    <x v="9"/>
  </r>
  <r>
    <n v="186104.97392512092"/>
    <x v="10"/>
  </r>
  <r>
    <n v="244661.60414902633"/>
    <x v="11"/>
  </r>
  <r>
    <n v="271673.70840090519"/>
    <x v="12"/>
  </r>
  <r>
    <n v="296694.76241390524"/>
    <x v="13"/>
  </r>
  <r>
    <n v="332879.85490147898"/>
    <x v="14"/>
  </r>
  <r>
    <n v="346765.02241839032"/>
    <x v="15"/>
  </r>
  <r>
    <n v="354449.01443506096"/>
    <x v="16"/>
  </r>
  <r>
    <n v="352367.2661368947"/>
    <x v="17"/>
  </r>
  <r>
    <n v="332591.93693970109"/>
    <x v="18"/>
  </r>
  <r>
    <n v="320246.73258290702"/>
    <x v="19"/>
  </r>
  <r>
    <n v="283522.10212186404"/>
    <x v="20"/>
  </r>
  <r>
    <n v="269127.51487897569"/>
    <x v="21"/>
  </r>
  <r>
    <n v="230930.7263279469"/>
    <x v="22"/>
  </r>
  <r>
    <n v="196299.07998796875"/>
    <x v="23"/>
  </r>
  <r>
    <n v="176196.36941480113"/>
    <x v="0"/>
  </r>
  <r>
    <n v="146611.44732887723"/>
    <x v="1"/>
  </r>
  <r>
    <n v="133527.94802665195"/>
    <x v="2"/>
  </r>
  <r>
    <n v="126644.68078534216"/>
    <x v="3"/>
  </r>
  <r>
    <n v="113422.64132860294"/>
    <x v="4"/>
  </r>
  <r>
    <n v="117243.17515758514"/>
    <x v="5"/>
  </r>
  <r>
    <n v="109440.09843686367"/>
    <x v="6"/>
  </r>
  <r>
    <n v="120070.50806064626"/>
    <x v="7"/>
  </r>
  <r>
    <n v="155824.98090305072"/>
    <x v="8"/>
  </r>
  <r>
    <n v="195003.04410965065"/>
    <x v="9"/>
  </r>
  <r>
    <n v="216099.48287167461"/>
    <x v="10"/>
  </r>
  <r>
    <n v="243356.19113204113"/>
    <x v="11"/>
  </r>
  <r>
    <n v="272166.41028098343"/>
    <x v="12"/>
  </r>
  <r>
    <n v="288055.15554509743"/>
    <x v="13"/>
  </r>
  <r>
    <n v="326267.444556873"/>
    <x v="14"/>
  </r>
  <r>
    <n v="345865.30766571395"/>
    <x v="15"/>
  </r>
  <r>
    <n v="358522.81766270672"/>
    <x v="16"/>
  </r>
  <r>
    <n v="368183.96137604822"/>
    <x v="17"/>
  </r>
  <r>
    <n v="348881.98641210934"/>
    <x v="18"/>
  </r>
  <r>
    <n v="315604.38289454865"/>
    <x v="19"/>
  </r>
  <r>
    <n v="308653.23572037258"/>
    <x v="20"/>
  </r>
  <r>
    <n v="270471.74249551119"/>
    <x v="21"/>
  </r>
  <r>
    <n v="228773.5601188766"/>
    <x v="22"/>
  </r>
  <r>
    <n v="200036.07005352815"/>
    <x v="23"/>
  </r>
  <r>
    <n v="162572.28384562937"/>
    <x v="0"/>
  </r>
  <r>
    <n v="142487.73936292154"/>
    <x v="1"/>
  </r>
  <r>
    <n v="134350.12848323621"/>
    <x v="2"/>
  </r>
  <r>
    <n v="122047.64500899037"/>
    <x v="3"/>
  </r>
  <r>
    <n v="125328.70468653859"/>
    <x v="4"/>
  </r>
  <r>
    <n v="121910.0779555499"/>
    <x v="5"/>
  </r>
  <r>
    <n v="121991.56494880523"/>
    <x v="6"/>
  </r>
  <r>
    <n v="122115.00159338013"/>
    <x v="7"/>
  </r>
  <r>
    <n v="126268.09884721937"/>
    <x v="8"/>
  </r>
  <r>
    <n v="203575.13235267179"/>
    <x v="9"/>
  </r>
  <r>
    <n v="253579.44381842532"/>
    <x v="10"/>
  </r>
  <r>
    <n v="258314.89708949186"/>
    <x v="11"/>
  </r>
  <r>
    <n v="294217.48572806624"/>
    <x v="12"/>
  </r>
  <r>
    <n v="303898.15688143723"/>
    <x v="13"/>
  </r>
  <r>
    <n v="351458.36554336798"/>
    <x v="14"/>
  </r>
  <r>
    <n v="341995.01484486437"/>
    <x v="15"/>
  </r>
  <r>
    <n v="360029.73418223386"/>
    <x v="16"/>
  </r>
  <r>
    <n v="351425.62355430686"/>
    <x v="17"/>
  </r>
  <r>
    <n v="363435.71877658711"/>
    <x v="18"/>
  </r>
  <r>
    <n v="348272.67794834223"/>
    <x v="19"/>
  </r>
  <r>
    <n v="338085.30734187819"/>
    <x v="20"/>
  </r>
  <r>
    <n v="286470.09655617253"/>
    <x v="21"/>
  </r>
  <r>
    <n v="247061.10583431617"/>
    <x v="22"/>
  </r>
  <r>
    <n v="195661.08940029205"/>
    <x v="23"/>
  </r>
  <r>
    <n v="156469.01026730577"/>
    <x v="0"/>
  </r>
  <r>
    <n v="136699.72600045067"/>
    <x v="1"/>
  </r>
  <r>
    <n v="123994.71395189548"/>
    <x v="2"/>
  </r>
  <r>
    <n v="109802.80346303922"/>
    <x v="3"/>
  </r>
  <r>
    <n v="106972.55125675762"/>
    <x v="4"/>
  </r>
  <r>
    <n v="117355.26985939586"/>
    <x v="5"/>
  </r>
  <r>
    <n v="139759.22937139988"/>
    <x v="6"/>
  </r>
  <r>
    <n v="137663.18601373056"/>
    <x v="7"/>
  </r>
  <r>
    <n v="135038.31537519614"/>
    <x v="8"/>
  </r>
  <r>
    <n v="176061.14925218499"/>
    <x v="9"/>
  </r>
  <r>
    <n v="193748.36520115737"/>
    <x v="10"/>
  </r>
  <r>
    <n v="220234.5900216341"/>
    <x v="11"/>
  </r>
  <r>
    <n v="271849.66997022065"/>
    <x v="12"/>
  </r>
  <r>
    <n v="301157.90425847407"/>
    <x v="13"/>
  </r>
  <r>
    <n v="343926.85761803127"/>
    <x v="14"/>
  </r>
  <r>
    <n v="354116.71412975859"/>
    <x v="15"/>
  </r>
  <r>
    <n v="392188.0261456765"/>
    <x v="16"/>
  </r>
  <r>
    <n v="377711.19329796481"/>
    <x v="17"/>
  </r>
  <r>
    <n v="357736.32303036388"/>
    <x v="18"/>
  </r>
  <r>
    <n v="329577.10032227013"/>
    <x v="19"/>
  </r>
  <r>
    <n v="313359.93753451132"/>
    <x v="20"/>
  </r>
  <r>
    <n v="284093.96363573545"/>
    <x v="21"/>
  </r>
  <r>
    <n v="229333.31402377502"/>
    <x v="22"/>
  </r>
  <r>
    <n v="192546.56084343066"/>
    <x v="23"/>
  </r>
  <r>
    <n v="150986.46069139309"/>
    <x v="0"/>
  </r>
  <r>
    <n v="138667.44267621776"/>
    <x v="1"/>
  </r>
  <r>
    <n v="127185.83946468486"/>
    <x v="2"/>
  </r>
  <r>
    <n v="130531.06657184419"/>
    <x v="3"/>
  </r>
  <r>
    <n v="114496.16806834711"/>
    <x v="4"/>
  </r>
  <r>
    <n v="127675.34201393285"/>
    <x v="5"/>
  </r>
  <r>
    <n v="145341.03525680912"/>
    <x v="6"/>
  </r>
  <r>
    <n v="132585.82264110947"/>
    <x v="7"/>
  </r>
  <r>
    <n v="121075.23900769027"/>
    <x v="8"/>
  </r>
  <r>
    <n v="151135.59865255619"/>
    <x v="9"/>
  </r>
  <r>
    <n v="181976.24634392641"/>
    <x v="10"/>
  </r>
  <r>
    <n v="207590.60531183096"/>
    <x v="11"/>
  </r>
  <r>
    <n v="249613.13290677752"/>
    <x v="12"/>
  </r>
  <r>
    <n v="290749.58246708696"/>
    <x v="13"/>
  </r>
  <r>
    <n v="355780.73332007573"/>
    <x v="14"/>
  </r>
  <r>
    <n v="390514.65210134193"/>
    <x v="15"/>
  </r>
  <r>
    <n v="383998.8000224962"/>
    <x v="16"/>
  </r>
  <r>
    <n v="382715.54955811391"/>
    <x v="17"/>
  </r>
  <r>
    <n v="380406.43795194878"/>
    <x v="18"/>
  </r>
  <r>
    <n v="378554.63478640688"/>
    <x v="19"/>
  </r>
  <r>
    <n v="366263.63226936432"/>
    <x v="20"/>
  </r>
  <r>
    <n v="301348.01059256331"/>
    <x v="21"/>
  </r>
  <r>
    <n v="267295.24620810401"/>
    <x v="22"/>
  </r>
  <r>
    <n v="220253.59411318705"/>
    <x v="23"/>
  </r>
  <r>
    <n v="170163.64975296595"/>
    <x v="0"/>
  </r>
  <r>
    <n v="151365.15237806179"/>
    <x v="1"/>
  </r>
  <r>
    <n v="130513.77971747973"/>
    <x v="2"/>
  </r>
  <r>
    <n v="117344.09146303059"/>
    <x v="3"/>
  </r>
  <r>
    <n v="117991.6452521821"/>
    <x v="4"/>
  </r>
  <r>
    <n v="123189.78764039589"/>
    <x v="5"/>
  </r>
  <r>
    <n v="169302.0219049654"/>
    <x v="6"/>
  </r>
  <r>
    <n v="137682.64803520049"/>
    <x v="7"/>
  </r>
  <r>
    <n v="132776.73852987331"/>
    <x v="8"/>
  </r>
  <r>
    <n v="138122.66962145921"/>
    <x v="9"/>
  </r>
  <r>
    <n v="154377.97142944305"/>
    <x v="10"/>
  </r>
  <r>
    <n v="170837.31372470298"/>
    <x v="11"/>
  </r>
  <r>
    <n v="196599.81302073732"/>
    <x v="12"/>
  </r>
  <r>
    <n v="210306.96380591384"/>
    <x v="13"/>
  </r>
  <r>
    <n v="256604.21811156662"/>
    <x v="14"/>
  </r>
  <r>
    <n v="265066.46859308198"/>
    <x v="15"/>
  </r>
  <r>
    <n v="264812.39926238026"/>
    <x v="16"/>
  </r>
  <r>
    <n v="286329.44665311271"/>
    <x v="17"/>
  </r>
  <r>
    <n v="288854.24325015605"/>
    <x v="18"/>
  </r>
  <r>
    <n v="249252.82383534595"/>
    <x v="19"/>
  </r>
  <r>
    <n v="271035.86308926041"/>
    <x v="20"/>
  </r>
  <r>
    <n v="261106.92850234892"/>
    <x v="21"/>
  </r>
  <r>
    <n v="224047.54347502696"/>
    <x v="22"/>
  </r>
  <r>
    <n v="171687.54238869975"/>
    <x v="23"/>
  </r>
  <r>
    <n v="140653.46837134246"/>
    <x v="0"/>
  </r>
  <r>
    <n v="116017.62386273718"/>
    <x v="1"/>
  </r>
  <r>
    <n v="102351.12253500889"/>
    <x v="2"/>
  </r>
  <r>
    <n v="98924.138583036067"/>
    <x v="3"/>
  </r>
  <r>
    <n v="92459.476527048158"/>
    <x v="4"/>
  </r>
  <r>
    <n v="102045.51155669169"/>
    <x v="5"/>
  </r>
  <r>
    <n v="133138.41321373577"/>
    <x v="6"/>
  </r>
  <r>
    <n v="120843.16666764153"/>
    <x v="7"/>
  </r>
  <r>
    <n v="108494.17877486654"/>
    <x v="8"/>
  </r>
  <r>
    <n v="112490.74577031206"/>
    <x v="9"/>
  </r>
  <r>
    <n v="126183.53718166461"/>
    <x v="10"/>
  </r>
  <r>
    <n v="152103.25363096804"/>
    <x v="11"/>
  </r>
  <r>
    <n v="182230.26661070844"/>
    <x v="12"/>
  </r>
  <r>
    <n v="208064.693612982"/>
    <x v="13"/>
  </r>
  <r>
    <n v="228981.41123724723"/>
    <x v="14"/>
  </r>
  <r>
    <n v="262175.0990975289"/>
    <x v="15"/>
  </r>
  <r>
    <n v="286327.3205499269"/>
    <x v="16"/>
  </r>
  <r>
    <n v="294014.81903054094"/>
    <x v="17"/>
  </r>
  <r>
    <n v="273769.62292018702"/>
    <x v="18"/>
  </r>
  <r>
    <n v="236013.08865824502"/>
    <x v="19"/>
  </r>
  <r>
    <n v="238838.64708287799"/>
    <x v="20"/>
  </r>
  <r>
    <n v="246928.07719344538"/>
    <x v="21"/>
  </r>
  <r>
    <n v="203210.55472022877"/>
    <x v="22"/>
  </r>
  <r>
    <n v="157791.13571070824"/>
    <x v="23"/>
  </r>
  <r>
    <n v="134610.23267605758"/>
    <x v="0"/>
  </r>
  <r>
    <n v="132616.86374762197"/>
    <x v="1"/>
  </r>
  <r>
    <n v="115875.88637612459"/>
    <x v="2"/>
  </r>
  <r>
    <n v="117696.92646403211"/>
    <x v="3"/>
  </r>
  <r>
    <n v="113049.69012053589"/>
    <x v="4"/>
  </r>
  <r>
    <n v="103331.58319645516"/>
    <x v="5"/>
  </r>
  <r>
    <n v="103465.64217963905"/>
    <x v="6"/>
  </r>
  <r>
    <n v="124114.25001485646"/>
    <x v="7"/>
  </r>
  <r>
    <n v="155897.0721556888"/>
    <x v="8"/>
  </r>
  <r>
    <n v="155195.26184869997"/>
    <x v="9"/>
  </r>
  <r>
    <n v="167524.05993852991"/>
    <x v="10"/>
  </r>
  <r>
    <n v="207238.94784490159"/>
    <x v="11"/>
  </r>
  <r>
    <n v="225646.6183903382"/>
    <x v="12"/>
  </r>
  <r>
    <n v="237183.36127026251"/>
    <x v="13"/>
  </r>
  <r>
    <n v="284004.56917409302"/>
    <x v="14"/>
  </r>
  <r>
    <n v="302447.95825305086"/>
    <x v="15"/>
  </r>
  <r>
    <n v="298674.38677251479"/>
    <x v="16"/>
  </r>
  <r>
    <n v="311404.05344070517"/>
    <x v="17"/>
  </r>
  <r>
    <n v="283103.0360047592"/>
    <x v="18"/>
  </r>
  <r>
    <n v="254320.70151683048"/>
    <x v="19"/>
  </r>
  <r>
    <n v="256581.38703427927"/>
    <x v="20"/>
  </r>
  <r>
    <n v="230684.92688290033"/>
    <x v="21"/>
  </r>
  <r>
    <n v="211910.73250287373"/>
    <x v="22"/>
  </r>
  <r>
    <n v="160782.41570135346"/>
    <x v="23"/>
  </r>
  <r>
    <n v="126655.58933014925"/>
    <x v="0"/>
  </r>
  <r>
    <n v="106435.39128686819"/>
    <x v="1"/>
  </r>
  <r>
    <n v="96968.818724306111"/>
    <x v="2"/>
  </r>
  <r>
    <n v="94373.116586016709"/>
    <x v="3"/>
  </r>
  <r>
    <n v="87365.292407299494"/>
    <x v="4"/>
  </r>
  <r>
    <n v="93239.617381793418"/>
    <x v="5"/>
  </r>
  <r>
    <n v="95463.652151247181"/>
    <x v="6"/>
  </r>
  <r>
    <n v="112555.07674632205"/>
    <x v="7"/>
  </r>
  <r>
    <n v="139923.47901982197"/>
    <x v="8"/>
  </r>
  <r>
    <n v="177253.59875589426"/>
    <x v="9"/>
  </r>
  <r>
    <n v="177372.77501677762"/>
    <x v="10"/>
  </r>
  <r>
    <n v="210643.88574230176"/>
    <x v="11"/>
  </r>
  <r>
    <n v="252686.90570103136"/>
    <x v="12"/>
  </r>
  <r>
    <n v="268096.86888234568"/>
    <x v="13"/>
  </r>
  <r>
    <n v="294045.76200921414"/>
    <x v="14"/>
  </r>
  <r>
    <n v="313880.63655935077"/>
    <x v="15"/>
  </r>
  <r>
    <n v="310902.19496101973"/>
    <x v="16"/>
  </r>
  <r>
    <n v="318820.88263112842"/>
    <x v="17"/>
  </r>
  <r>
    <n v="309878.36179458344"/>
    <x v="18"/>
  </r>
  <r>
    <n v="288936.40896096686"/>
    <x v="19"/>
  </r>
  <r>
    <n v="303800.29071633139"/>
    <x v="20"/>
  </r>
  <r>
    <n v="259345.95900675986"/>
    <x v="21"/>
  </r>
  <r>
    <n v="213389.4699778693"/>
    <x v="22"/>
  </r>
  <r>
    <n v="159621.67784439222"/>
    <x v="23"/>
  </r>
  <r>
    <n v="126003.47259646821"/>
    <x v="0"/>
  </r>
  <r>
    <n v="114700.03683190438"/>
    <x v="1"/>
  </r>
  <r>
    <n v="101718.10802072019"/>
    <x v="2"/>
  </r>
  <r>
    <n v="96294.803127811465"/>
    <x v="3"/>
  </r>
  <r>
    <n v="95963.670733944877"/>
    <x v="4"/>
  </r>
  <r>
    <n v="93543.143143524547"/>
    <x v="5"/>
  </r>
  <r>
    <n v="125888.86745743427"/>
    <x v="6"/>
  </r>
  <r>
    <n v="121875.65961589997"/>
    <x v="7"/>
  </r>
  <r>
    <n v="121181.69953605866"/>
    <x v="8"/>
  </r>
  <r>
    <n v="132842.96664411062"/>
    <x v="9"/>
  </r>
  <r>
    <n v="159934.75471581952"/>
    <x v="10"/>
  </r>
  <r>
    <n v="187855.95199494436"/>
    <x v="11"/>
  </r>
  <r>
    <n v="221188.01646334107"/>
    <x v="12"/>
  </r>
  <r>
    <n v="266053.09495376702"/>
    <x v="13"/>
  </r>
  <r>
    <n v="297665.50174693851"/>
    <x v="14"/>
  </r>
  <r>
    <n v="324952.00816118583"/>
    <x v="15"/>
  </r>
  <r>
    <n v="353677.3630837354"/>
    <x v="16"/>
  </r>
  <r>
    <n v="379247.09023937833"/>
    <x v="17"/>
  </r>
  <r>
    <n v="355797.08795996639"/>
    <x v="18"/>
  </r>
  <r>
    <n v="319509.3148426867"/>
    <x v="19"/>
  </r>
  <r>
    <n v="318632.24821462936"/>
    <x v="20"/>
  </r>
  <r>
    <n v="261121.45142257184"/>
    <x v="21"/>
  </r>
  <r>
    <n v="221365.82410823254"/>
    <x v="22"/>
  </r>
  <r>
    <n v="168953.30827321633"/>
    <x v="23"/>
  </r>
  <r>
    <n v="139967.08048977054"/>
    <x v="0"/>
  </r>
  <r>
    <n v="122837.97480438753"/>
    <x v="1"/>
  </r>
  <r>
    <n v="115558.516411726"/>
    <x v="2"/>
  </r>
  <r>
    <n v="103568.8317800293"/>
    <x v="3"/>
  </r>
  <r>
    <n v="90984.288008908843"/>
    <x v="4"/>
  </r>
  <r>
    <n v="101844.95460771229"/>
    <x v="5"/>
  </r>
  <r>
    <n v="140002.83173257156"/>
    <x v="6"/>
  </r>
  <r>
    <n v="128506.22313893895"/>
    <x v="7"/>
  </r>
  <r>
    <n v="118219.87425185654"/>
    <x v="8"/>
  </r>
  <r>
    <n v="146177.98395321463"/>
    <x v="9"/>
  </r>
  <r>
    <n v="172767.70093491959"/>
    <x v="10"/>
  </r>
  <r>
    <n v="201119.35233596712"/>
    <x v="11"/>
  </r>
  <r>
    <n v="259779.22612674377"/>
    <x v="12"/>
  </r>
  <r>
    <n v="294701.09242963366"/>
    <x v="13"/>
  </r>
  <r>
    <n v="342753.8047172323"/>
    <x v="14"/>
  </r>
  <r>
    <n v="380797.90261237213"/>
    <x v="15"/>
  </r>
  <r>
    <n v="400282.26452037174"/>
    <x v="16"/>
  </r>
  <r>
    <n v="390147.35959867702"/>
    <x v="17"/>
  </r>
  <r>
    <n v="385700.59843096073"/>
    <x v="18"/>
  </r>
  <r>
    <n v="378392.49488653074"/>
    <x v="19"/>
  </r>
  <r>
    <n v="338201.39257582225"/>
    <x v="20"/>
  </r>
  <r>
    <n v="310102.02784972836"/>
    <x v="21"/>
  </r>
  <r>
    <n v="266482.48602409678"/>
    <x v="22"/>
  </r>
  <r>
    <n v="220806.18468581338"/>
    <x v="23"/>
  </r>
  <r>
    <n v="193135.00078669735"/>
    <x v="0"/>
  </r>
  <r>
    <n v="172479.69572644468"/>
    <x v="1"/>
  </r>
  <r>
    <n v="152959.25548284623"/>
    <x v="2"/>
  </r>
  <r>
    <n v="133764.44429679113"/>
    <x v="3"/>
  </r>
  <r>
    <n v="123200.46722024451"/>
    <x v="4"/>
  </r>
  <r>
    <n v="137996.7061850212"/>
    <x v="5"/>
  </r>
  <r>
    <n v="156078.10166463879"/>
    <x v="6"/>
  </r>
  <r>
    <n v="159434.23731660517"/>
    <x v="7"/>
  </r>
  <r>
    <n v="137582.68847618866"/>
    <x v="8"/>
  </r>
  <r>
    <n v="154922.09029860594"/>
    <x v="9"/>
  </r>
  <r>
    <n v="171319.7592468381"/>
    <x v="10"/>
  </r>
  <r>
    <n v="221070.85182316421"/>
    <x v="11"/>
  </r>
  <r>
    <n v="274584.39472490078"/>
    <x v="12"/>
  </r>
  <r>
    <n v="329983.67666995234"/>
    <x v="13"/>
  </r>
  <r>
    <n v="353741.24430714839"/>
    <x v="14"/>
  </r>
  <r>
    <n v="387071.73873011558"/>
    <x v="15"/>
  </r>
  <r>
    <n v="386321.38785193121"/>
    <x v="16"/>
  </r>
  <r>
    <n v="405918.07342670002"/>
    <x v="17"/>
  </r>
  <r>
    <n v="389549.40125499398"/>
    <x v="18"/>
  </r>
  <r>
    <n v="361419.51877086412"/>
    <x v="19"/>
  </r>
  <r>
    <n v="363417.49970774888"/>
    <x v="20"/>
  </r>
  <r>
    <n v="306942.34413212881"/>
    <x v="21"/>
  </r>
  <r>
    <n v="279169.81052961026"/>
    <x v="22"/>
  </r>
  <r>
    <n v="230574.74567395682"/>
    <x v="23"/>
  </r>
  <r>
    <n v="195718.06896567121"/>
    <x v="0"/>
  </r>
  <r>
    <n v="163144.59811396379"/>
    <x v="1"/>
  </r>
  <r>
    <n v="158925.37905104653"/>
    <x v="2"/>
  </r>
  <r>
    <n v="145947.30175755662"/>
    <x v="3"/>
  </r>
  <r>
    <n v="139475.83617137419"/>
    <x v="4"/>
  </r>
  <r>
    <n v="141235.18655761407"/>
    <x v="5"/>
  </r>
  <r>
    <n v="179331.53752720458"/>
    <x v="6"/>
  </r>
  <r>
    <n v="173898.2644812825"/>
    <x v="7"/>
  </r>
  <r>
    <n v="150001.12634725941"/>
    <x v="8"/>
  </r>
  <r>
    <n v="174436.20129656675"/>
    <x v="9"/>
  </r>
  <r>
    <n v="224528.90959092934"/>
    <x v="10"/>
  </r>
  <r>
    <n v="267575.10680591332"/>
    <x v="11"/>
  </r>
  <r>
    <n v="308535.6131502788"/>
    <x v="12"/>
  </r>
  <r>
    <n v="342647.92477858008"/>
    <x v="13"/>
  </r>
  <r>
    <n v="375225.05906962301"/>
    <x v="14"/>
  </r>
  <r>
    <n v="387162.63781862799"/>
    <x v="15"/>
  </r>
  <r>
    <n v="405165.59644532989"/>
    <x v="16"/>
  </r>
  <r>
    <n v="392468.50821980165"/>
    <x v="17"/>
  </r>
  <r>
    <n v="381741.40178766544"/>
    <x v="18"/>
  </r>
  <r>
    <n v="364744.67873487755"/>
    <x v="19"/>
  </r>
  <r>
    <n v="344360.87705145008"/>
    <x v="20"/>
  </r>
  <r>
    <n v="325437.61012881994"/>
    <x v="21"/>
  </r>
  <r>
    <n v="285027.68273637415"/>
    <x v="22"/>
  </r>
  <r>
    <n v="243190.30601962996"/>
    <x v="23"/>
  </r>
  <r>
    <n v="188377.77948993628"/>
    <x v="0"/>
  </r>
  <r>
    <n v="170195.39410899376"/>
    <x v="1"/>
  </r>
  <r>
    <n v="151669.72483674594"/>
    <x v="2"/>
  </r>
  <r>
    <n v="145482.3393454646"/>
    <x v="3"/>
  </r>
  <r>
    <n v="139811.17170769267"/>
    <x v="4"/>
  </r>
  <r>
    <n v="142412.47531014465"/>
    <x v="5"/>
  </r>
  <r>
    <n v="168431.8569349419"/>
    <x v="6"/>
  </r>
  <r>
    <n v="136155.12466941099"/>
    <x v="7"/>
  </r>
  <r>
    <n v="142949.20188207697"/>
    <x v="8"/>
  </r>
  <r>
    <n v="165690.70480678472"/>
    <x v="9"/>
  </r>
  <r>
    <n v="206888.811359482"/>
    <x v="10"/>
  </r>
  <r>
    <n v="272823.70325818984"/>
    <x v="11"/>
  </r>
  <r>
    <n v="313562.70235987601"/>
    <x v="12"/>
  </r>
  <r>
    <n v="354820.68324921309"/>
    <x v="13"/>
  </r>
  <r>
    <n v="397755.70162222016"/>
    <x v="14"/>
  </r>
  <r>
    <n v="419681.12437102286"/>
    <x v="15"/>
  </r>
  <r>
    <n v="412547.29586926795"/>
    <x v="16"/>
  </r>
  <r>
    <n v="382284.14686707751"/>
    <x v="17"/>
  </r>
  <r>
    <n v="388911.50488069793"/>
    <x v="18"/>
  </r>
  <r>
    <n v="324603.62162223458"/>
    <x v="19"/>
  </r>
  <r>
    <n v="313836.25006668747"/>
    <x v="20"/>
  </r>
  <r>
    <n v="302062.57751866686"/>
    <x v="21"/>
  </r>
  <r>
    <n v="273218.68416618963"/>
    <x v="22"/>
  </r>
  <r>
    <n v="244896.50382622515"/>
    <x v="23"/>
  </r>
  <r>
    <n v="225882.38687900224"/>
    <x v="0"/>
  </r>
  <r>
    <n v="211006.1410158803"/>
    <x v="1"/>
  </r>
  <r>
    <n v="180693.97715793754"/>
    <x v="2"/>
  </r>
  <r>
    <n v="169145.65519297059"/>
    <x v="3"/>
  </r>
  <r>
    <n v="158368.53627204869"/>
    <x v="4"/>
  </r>
  <r>
    <n v="158336.93910777988"/>
    <x v="5"/>
  </r>
  <r>
    <n v="147549.68031012575"/>
    <x v="6"/>
  </r>
  <r>
    <n v="156226.53637628656"/>
    <x v="7"/>
  </r>
  <r>
    <n v="155152.52717466562"/>
    <x v="8"/>
  </r>
  <r>
    <n v="201966.70258334314"/>
    <x v="9"/>
  </r>
  <r>
    <n v="242711.83467498823"/>
    <x v="10"/>
  </r>
  <r>
    <n v="304942.10625493911"/>
    <x v="11"/>
  </r>
  <r>
    <n v="328348.47435512266"/>
    <x v="12"/>
  </r>
  <r>
    <n v="352396.69665245584"/>
    <x v="13"/>
  </r>
  <r>
    <n v="354911.12440780847"/>
    <x v="14"/>
  </r>
  <r>
    <n v="342602.22991472553"/>
    <x v="15"/>
  </r>
  <r>
    <n v="337550.41248961363"/>
    <x v="16"/>
  </r>
  <r>
    <n v="368293.21037051786"/>
    <x v="17"/>
  </r>
  <r>
    <n v="310351.07630598359"/>
    <x v="18"/>
  </r>
  <r>
    <n v="301320.1422861896"/>
    <x v="19"/>
  </r>
  <r>
    <n v="258699.37831868185"/>
    <x v="20"/>
  </r>
  <r>
    <n v="230938.0149352086"/>
    <x v="21"/>
  </r>
  <r>
    <n v="222250.95357375601"/>
    <x v="22"/>
  </r>
  <r>
    <n v="174240.97596019169"/>
    <x v="23"/>
  </r>
  <r>
    <n v="135384.90290375942"/>
    <x v="0"/>
  </r>
  <r>
    <n v="116736.85186120958"/>
    <x v="1"/>
  </r>
  <r>
    <n v="98521.536412847199"/>
    <x v="2"/>
  </r>
  <r>
    <n v="86168.549810618933"/>
    <x v="3"/>
  </r>
  <r>
    <n v="80008.59922775421"/>
    <x v="4"/>
  </r>
  <r>
    <n v="83647.539312710258"/>
    <x v="5"/>
  </r>
  <r>
    <n v="90493.035513192532"/>
    <x v="6"/>
  </r>
  <r>
    <n v="103075.75574196519"/>
    <x v="7"/>
  </r>
  <r>
    <n v="126086.04717327627"/>
    <x v="8"/>
  </r>
  <r>
    <n v="142884.61740914866"/>
    <x v="9"/>
  </r>
  <r>
    <n v="157688.91921139148"/>
    <x v="10"/>
  </r>
  <r>
    <n v="199891.0534616175"/>
    <x v="11"/>
  </r>
  <r>
    <n v="226112.77469114223"/>
    <x v="12"/>
  </r>
  <r>
    <n v="253415.52126280102"/>
    <x v="13"/>
  </r>
  <r>
    <n v="299084.69197809213"/>
    <x v="14"/>
  </r>
  <r>
    <n v="332240.74781198532"/>
    <x v="15"/>
  </r>
  <r>
    <n v="333285.64575460088"/>
    <x v="16"/>
  </r>
  <r>
    <n v="335761.41114125197"/>
    <x v="17"/>
  </r>
  <r>
    <n v="310530.29044990573"/>
    <x v="18"/>
  </r>
  <r>
    <n v="275616.33979272289"/>
    <x v="19"/>
  </r>
  <r>
    <n v="268450.86506277946"/>
    <x v="20"/>
  </r>
  <r>
    <n v="238929.79149098875"/>
    <x v="21"/>
  </r>
  <r>
    <n v="191148.14100493822"/>
    <x v="22"/>
  </r>
  <r>
    <n v="152801.00798726402"/>
    <x v="23"/>
  </r>
  <r>
    <n v="128028.21790153411"/>
    <x v="0"/>
  </r>
  <r>
    <n v="109011.2716016101"/>
    <x v="1"/>
  </r>
  <r>
    <n v="91381.435906694154"/>
    <x v="2"/>
  </r>
  <r>
    <n v="88347.331291495182"/>
    <x v="3"/>
  </r>
  <r>
    <n v="86775.740348520267"/>
    <x v="4"/>
  </r>
  <r>
    <n v="102818.68533484354"/>
    <x v="5"/>
  </r>
  <r>
    <n v="125952.28257361038"/>
    <x v="6"/>
  </r>
  <r>
    <n v="97741.371026142093"/>
    <x v="7"/>
  </r>
  <r>
    <n v="93705.642845478331"/>
    <x v="8"/>
  </r>
  <r>
    <n v="118531.28295001497"/>
    <x v="9"/>
  </r>
  <r>
    <n v="139085.51633574322"/>
    <x v="10"/>
  </r>
  <r>
    <n v="153266.54281175221"/>
    <x v="11"/>
  </r>
  <r>
    <n v="188366.64198017074"/>
    <x v="12"/>
  </r>
  <r>
    <n v="254550.84400937211"/>
    <x v="13"/>
  </r>
  <r>
    <n v="290844.30854133377"/>
    <x v="14"/>
  </r>
  <r>
    <n v="313326.6394876939"/>
    <x v="15"/>
  </r>
  <r>
    <n v="346753.43003033742"/>
    <x v="16"/>
  </r>
  <r>
    <n v="355348.12038568751"/>
    <x v="17"/>
  </r>
  <r>
    <n v="353656.75623747311"/>
    <x v="18"/>
  </r>
  <r>
    <n v="335201.75536419288"/>
    <x v="19"/>
  </r>
  <r>
    <n v="316650.55649907567"/>
    <x v="20"/>
  </r>
  <r>
    <n v="309478.91606989346"/>
    <x v="21"/>
  </r>
  <r>
    <n v="267831.8582975571"/>
    <x v="22"/>
  </r>
  <r>
    <n v="198807.36231318128"/>
    <x v="23"/>
  </r>
  <r>
    <n v="166001.1158719098"/>
    <x v="0"/>
  </r>
  <r>
    <n v="147801.11654380505"/>
    <x v="1"/>
  </r>
  <r>
    <n v="134327.14203686986"/>
    <x v="2"/>
  </r>
  <r>
    <n v="119091.31488379152"/>
    <x v="3"/>
  </r>
  <r>
    <n v="118607.74906882386"/>
    <x v="4"/>
  </r>
  <r>
    <n v="124497.70090173332"/>
    <x v="5"/>
  </r>
  <r>
    <n v="147639.58176560482"/>
    <x v="6"/>
  </r>
  <r>
    <n v="125983.16831104395"/>
    <x v="7"/>
  </r>
  <r>
    <n v="129716.48284548914"/>
    <x v="8"/>
  </r>
  <r>
    <n v="153231.15137102877"/>
    <x v="9"/>
  </r>
  <r>
    <n v="179488.08414023815"/>
    <x v="10"/>
  </r>
  <r>
    <n v="213706.19393399221"/>
    <x v="11"/>
  </r>
  <r>
    <n v="232161.08032479323"/>
    <x v="12"/>
  </r>
  <r>
    <n v="277093.29461197037"/>
    <x v="13"/>
  </r>
  <r>
    <n v="299502.65115513833"/>
    <x v="14"/>
  </r>
  <r>
    <n v="337954.40480419318"/>
    <x v="15"/>
  </r>
  <r>
    <n v="342907.63646004401"/>
    <x v="16"/>
  </r>
  <r>
    <n v="344040.22798175341"/>
    <x v="17"/>
  </r>
  <r>
    <n v="313593.67804782896"/>
    <x v="18"/>
  </r>
  <r>
    <n v="304813.62420395791"/>
    <x v="19"/>
  </r>
  <r>
    <n v="295189.57281388849"/>
    <x v="20"/>
  </r>
  <r>
    <n v="264087.13640178816"/>
    <x v="21"/>
  </r>
  <r>
    <n v="218640.24159725127"/>
    <x v="22"/>
  </r>
  <r>
    <n v="167289.92691385496"/>
    <x v="23"/>
  </r>
  <r>
    <n v="144723.81114733487"/>
    <x v="0"/>
  </r>
  <r>
    <n v="122873.32535851123"/>
    <x v="1"/>
  </r>
  <r>
    <n v="113835.36702088415"/>
    <x v="2"/>
  </r>
  <r>
    <n v="110391.88123726162"/>
    <x v="3"/>
  </r>
  <r>
    <n v="104167.73869282598"/>
    <x v="4"/>
  </r>
  <r>
    <n v="115919.02173883625"/>
    <x v="5"/>
  </r>
  <r>
    <n v="133932.66812270667"/>
    <x v="6"/>
  </r>
  <r>
    <n v="124906.30522476207"/>
    <x v="7"/>
  </r>
  <r>
    <n v="115976.93351868915"/>
    <x v="8"/>
  </r>
  <r>
    <n v="123974.95754690754"/>
    <x v="9"/>
  </r>
  <r>
    <n v="149377.26225398955"/>
    <x v="10"/>
  </r>
  <r>
    <n v="180681.80930585889"/>
    <x v="11"/>
  </r>
  <r>
    <n v="234165.2269609168"/>
    <x v="12"/>
  </r>
  <r>
    <n v="255687.44241785468"/>
    <x v="13"/>
  </r>
  <r>
    <n v="321050.47797814506"/>
    <x v="14"/>
  </r>
  <r>
    <n v="333670.27417554986"/>
    <x v="15"/>
  </r>
  <r>
    <n v="344484.28916406515"/>
    <x v="16"/>
  </r>
  <r>
    <n v="338636.75308971218"/>
    <x v="17"/>
  </r>
  <r>
    <n v="358209.16837888322"/>
    <x v="18"/>
  </r>
  <r>
    <n v="325120.03573142271"/>
    <x v="19"/>
  </r>
  <r>
    <n v="308723.62609046209"/>
    <x v="20"/>
  </r>
  <r>
    <n v="271569.97291881026"/>
    <x v="21"/>
  </r>
  <r>
    <n v="223791.85503497606"/>
    <x v="22"/>
  </r>
  <r>
    <n v="184232.54881788447"/>
    <x v="23"/>
  </r>
  <r>
    <n v="144321.68326170283"/>
    <x v="0"/>
  </r>
  <r>
    <n v="118500.25819814236"/>
    <x v="1"/>
  </r>
  <r>
    <n v="104999.83823850394"/>
    <x v="2"/>
  </r>
  <r>
    <n v="92174.186188795124"/>
    <x v="3"/>
  </r>
  <r>
    <n v="98127.782102839192"/>
    <x v="4"/>
  </r>
  <r>
    <n v="107919.14145899029"/>
    <x v="5"/>
  </r>
  <r>
    <n v="139131.3583913568"/>
    <x v="6"/>
  </r>
  <r>
    <n v="140721.81441144561"/>
    <x v="7"/>
  </r>
  <r>
    <n v="128921.09946636576"/>
    <x v="8"/>
  </r>
  <r>
    <n v="134500.76289394932"/>
    <x v="9"/>
  </r>
  <r>
    <n v="146051.38268582089"/>
    <x v="10"/>
  </r>
  <r>
    <n v="160377.81826509794"/>
    <x v="11"/>
  </r>
  <r>
    <n v="176845.86122877972"/>
    <x v="12"/>
  </r>
  <r>
    <n v="190686.54764866366"/>
    <x v="13"/>
  </r>
  <r>
    <n v="213402.24295162395"/>
    <x v="14"/>
  </r>
  <r>
    <n v="223695.21546786206"/>
    <x v="15"/>
  </r>
  <r>
    <n v="257664.04784040237"/>
    <x v="16"/>
  </r>
  <r>
    <n v="271260.11791144143"/>
    <x v="17"/>
  </r>
  <r>
    <n v="251903.4530317082"/>
    <x v="18"/>
  </r>
  <r>
    <n v="235886.27478053269"/>
    <x v="19"/>
  </r>
  <r>
    <n v="225717.67930066318"/>
    <x v="20"/>
  </r>
  <r>
    <n v="225351.7932970289"/>
    <x v="21"/>
  </r>
  <r>
    <n v="209092.0430269948"/>
    <x v="22"/>
  </r>
  <r>
    <n v="165053.33178096515"/>
    <x v="23"/>
  </r>
  <r>
    <n v="136053.83220724805"/>
    <x v="0"/>
  </r>
  <r>
    <n v="114608.00927323953"/>
    <x v="1"/>
  </r>
  <r>
    <n v="113978.78903540545"/>
    <x v="2"/>
  </r>
  <r>
    <n v="103875.17871714156"/>
    <x v="3"/>
  </r>
  <r>
    <n v="100756.11174771051"/>
    <x v="4"/>
  </r>
  <r>
    <n v="111020.49635341973"/>
    <x v="5"/>
  </r>
  <r>
    <n v="132451.395678528"/>
    <x v="6"/>
  </r>
  <r>
    <n v="122333.892093677"/>
    <x v="7"/>
  </r>
  <r>
    <n v="115386.41653615636"/>
    <x v="8"/>
  </r>
  <r>
    <n v="135171.24588822757"/>
    <x v="9"/>
  </r>
  <r>
    <n v="156437.11871951894"/>
    <x v="10"/>
  </r>
  <r>
    <n v="184159.05106621576"/>
    <x v="11"/>
  </r>
  <r>
    <n v="222069.30258849025"/>
    <x v="12"/>
  </r>
  <r>
    <n v="256197.47821748545"/>
    <x v="13"/>
  </r>
  <r>
    <n v="280065.39061002387"/>
    <x v="14"/>
  </r>
  <r>
    <n v="302372.36710747611"/>
    <x v="15"/>
  </r>
  <r>
    <n v="340845.51262550801"/>
    <x v="16"/>
  </r>
  <r>
    <n v="334268.95212338812"/>
    <x v="17"/>
  </r>
  <r>
    <n v="294008.40801170381"/>
    <x v="18"/>
  </r>
  <r>
    <n v="268877.18146080984"/>
    <x v="19"/>
  </r>
  <r>
    <n v="243065.34021622528"/>
    <x v="20"/>
  </r>
  <r>
    <n v="237964.55699928073"/>
    <x v="21"/>
  </r>
  <r>
    <n v="196844.6256252609"/>
    <x v="22"/>
  </r>
  <r>
    <n v="188557.23895345672"/>
    <x v="23"/>
  </r>
  <r>
    <n v="167306.77219294236"/>
    <x v="0"/>
  </r>
  <r>
    <n v="138731.91266666682"/>
    <x v="1"/>
  </r>
  <r>
    <n v="119113.39364764394"/>
    <x v="2"/>
  </r>
  <r>
    <n v="111338.89666013143"/>
    <x v="3"/>
  </r>
  <r>
    <n v="105747.19621758832"/>
    <x v="4"/>
  </r>
  <r>
    <n v="100513.21263605414"/>
    <x v="5"/>
  </r>
  <r>
    <n v="108378.35521516073"/>
    <x v="6"/>
  </r>
  <r>
    <n v="127053.75121560779"/>
    <x v="7"/>
  </r>
  <r>
    <n v="137447.55008677195"/>
    <x v="8"/>
  </r>
  <r>
    <n v="172182.77723922941"/>
    <x v="9"/>
  </r>
  <r>
    <n v="216985.03755783525"/>
    <x v="10"/>
  </r>
  <r>
    <n v="247993.46749984394"/>
    <x v="11"/>
  </r>
  <r>
    <n v="285812.50919544807"/>
    <x v="12"/>
  </r>
  <r>
    <n v="321459.14771973336"/>
    <x v="13"/>
  </r>
  <r>
    <n v="340360.85922698764"/>
    <x v="14"/>
  </r>
  <r>
    <n v="352206.13238844968"/>
    <x v="15"/>
  </r>
  <r>
    <n v="359077.23995500075"/>
    <x v="16"/>
  </r>
  <r>
    <n v="346026.92421711358"/>
    <x v="17"/>
  </r>
  <r>
    <n v="317934.395730494"/>
    <x v="18"/>
  </r>
  <r>
    <n v="288125.31695022847"/>
    <x v="19"/>
  </r>
  <r>
    <n v="282643.3724959917"/>
    <x v="20"/>
  </r>
  <r>
    <n v="253851.55231692642"/>
    <x v="21"/>
  </r>
  <r>
    <n v="225259.86386620338"/>
    <x v="22"/>
  </r>
  <r>
    <n v="187519.73330807177"/>
    <x v="23"/>
  </r>
  <r>
    <n v="150374.68267700242"/>
    <x v="0"/>
  </r>
  <r>
    <n v="125602.69396862715"/>
    <x v="1"/>
  </r>
  <r>
    <n v="109370.15781937119"/>
    <x v="2"/>
  </r>
  <r>
    <n v="95099.622399240485"/>
    <x v="3"/>
  </r>
  <r>
    <n v="95586.949781383024"/>
    <x v="4"/>
  </r>
  <r>
    <n v="94005.9303885111"/>
    <x v="5"/>
  </r>
  <r>
    <n v="96404.828967676018"/>
    <x v="6"/>
  </r>
  <r>
    <n v="101652.68128383753"/>
    <x v="7"/>
  </r>
  <r>
    <n v="138265.46198234474"/>
    <x v="8"/>
  </r>
  <r>
    <n v="166823.16549137494"/>
    <x v="9"/>
  </r>
  <r>
    <n v="185580.13843559672"/>
    <x v="10"/>
  </r>
  <r>
    <n v="196888.01448489088"/>
    <x v="11"/>
  </r>
  <r>
    <n v="240107.03117959967"/>
    <x v="12"/>
  </r>
  <r>
    <n v="294345.93506976764"/>
    <x v="13"/>
  </r>
  <r>
    <n v="320514.73268460616"/>
    <x v="14"/>
  </r>
  <r>
    <n v="363212.31439568038"/>
    <x v="15"/>
  </r>
  <r>
    <n v="370513.84337487444"/>
    <x v="16"/>
  </r>
  <r>
    <n v="359664.04443427833"/>
    <x v="17"/>
  </r>
  <r>
    <n v="353483.23350823304"/>
    <x v="18"/>
  </r>
  <r>
    <n v="326790.92387049389"/>
    <x v="19"/>
  </r>
  <r>
    <n v="292081.3080841052"/>
    <x v="20"/>
  </r>
  <r>
    <n v="254167.34405857557"/>
    <x v="21"/>
  </r>
  <r>
    <n v="214739.70904724381"/>
    <x v="22"/>
  </r>
  <r>
    <n v="181939.87362480952"/>
    <x v="23"/>
  </r>
  <r>
    <n v="143668.38081662971"/>
    <x v="0"/>
  </r>
  <r>
    <n v="113368.72825820332"/>
    <x v="1"/>
  </r>
  <r>
    <n v="99977.042121878083"/>
    <x v="2"/>
  </r>
  <r>
    <n v="94412.539445473187"/>
    <x v="3"/>
  </r>
  <r>
    <n v="95232.781877230402"/>
    <x v="4"/>
  </r>
  <r>
    <n v="106749.6620470075"/>
    <x v="5"/>
  </r>
  <r>
    <n v="142303.11183319567"/>
    <x v="6"/>
  </r>
  <r>
    <n v="143737.39739696839"/>
    <x v="7"/>
  </r>
  <r>
    <n v="127455.52747648217"/>
    <x v="8"/>
  </r>
  <r>
    <n v="131143.76862338866"/>
    <x v="9"/>
  </r>
  <r>
    <n v="130075.11556633192"/>
    <x v="10"/>
  </r>
  <r>
    <n v="140551.00655242734"/>
    <x v="11"/>
  </r>
  <r>
    <n v="166526.345131999"/>
    <x v="12"/>
  </r>
  <r>
    <n v="159922.45602662174"/>
    <x v="13"/>
  </r>
  <r>
    <n v="185654.38850070041"/>
    <x v="14"/>
  </r>
  <r>
    <n v="198347.61703121435"/>
    <x v="15"/>
  </r>
  <r>
    <n v="222108.52101494808"/>
    <x v="16"/>
  </r>
  <r>
    <n v="253250.24127206579"/>
    <x v="17"/>
  </r>
  <r>
    <n v="219458.18620210385"/>
    <x v="18"/>
  </r>
  <r>
    <n v="244183.29433523249"/>
    <x v="19"/>
  </r>
  <r>
    <n v="232160.39342991781"/>
    <x v="20"/>
  </r>
  <r>
    <n v="197696.7350728451"/>
    <x v="21"/>
  </r>
  <r>
    <n v="174507.86732856769"/>
    <x v="22"/>
  </r>
  <r>
    <n v="141660.37448549195"/>
    <x v="23"/>
  </r>
  <r>
    <n v="120337.75105377991"/>
    <x v="0"/>
  </r>
  <r>
    <n v="104657.20035547426"/>
    <x v="1"/>
  </r>
  <r>
    <n v="99078.992490840974"/>
    <x v="2"/>
  </r>
  <r>
    <n v="94148.591912277509"/>
    <x v="3"/>
  </r>
  <r>
    <n v="87028.74662762908"/>
    <x v="4"/>
  </r>
  <r>
    <n v="108462.90870339556"/>
    <x v="5"/>
  </r>
  <r>
    <n v="150759.8998649875"/>
    <x v="6"/>
  </r>
  <r>
    <n v="110443.57825395606"/>
    <x v="7"/>
  </r>
  <r>
    <n v="108785.05422264223"/>
    <x v="8"/>
  </r>
  <r>
    <n v="113925.30936296293"/>
    <x v="9"/>
  </r>
  <r>
    <n v="125931.81474178721"/>
    <x v="10"/>
  </r>
  <r>
    <n v="147432.77734418717"/>
    <x v="11"/>
  </r>
  <r>
    <n v="153628.65089357176"/>
    <x v="12"/>
  </r>
  <r>
    <n v="169165.14992372031"/>
    <x v="13"/>
  </r>
  <r>
    <n v="183658.53366700141"/>
    <x v="14"/>
  </r>
  <r>
    <n v="195481.79348317056"/>
    <x v="15"/>
  </r>
  <r>
    <n v="225906.23194396283"/>
    <x v="16"/>
  </r>
  <r>
    <n v="227224.51404699098"/>
    <x v="17"/>
  </r>
  <r>
    <n v="207243.29817911249"/>
    <x v="18"/>
  </r>
  <r>
    <n v="197550.45917366288"/>
    <x v="19"/>
  </r>
  <r>
    <n v="208232.78660177841"/>
    <x v="20"/>
  </r>
  <r>
    <n v="182650.92430333662"/>
    <x v="21"/>
  </r>
  <r>
    <n v="154993.00401717194"/>
    <x v="22"/>
  </r>
  <r>
    <n v="124457.41942368259"/>
    <x v="23"/>
  </r>
  <r>
    <n v="99682.503234766889"/>
    <x v="0"/>
  </r>
  <r>
    <n v="88322.365933702065"/>
    <x v="1"/>
  </r>
  <r>
    <n v="81910.521187241102"/>
    <x v="2"/>
  </r>
  <r>
    <n v="85843.092476794409"/>
    <x v="3"/>
  </r>
  <r>
    <n v="95867.947026664726"/>
    <x v="4"/>
  </r>
  <r>
    <n v="101119.03756152457"/>
    <x v="5"/>
  </r>
  <r>
    <n v="133995.15102440902"/>
    <x v="6"/>
  </r>
  <r>
    <n v="125953.10848292487"/>
    <x v="7"/>
  </r>
  <r>
    <n v="123087.56296375919"/>
    <x v="8"/>
  </r>
  <r>
    <n v="121498.15364062335"/>
    <x v="9"/>
  </r>
  <r>
    <n v="118319.39223559132"/>
    <x v="10"/>
  </r>
  <r>
    <n v="131661.69553676667"/>
    <x v="11"/>
  </r>
  <r>
    <n v="147592.79114087758"/>
    <x v="12"/>
  </r>
  <r>
    <n v="176303.83575352281"/>
    <x v="13"/>
  </r>
  <r>
    <n v="209687.20472725655"/>
    <x v="14"/>
  </r>
  <r>
    <n v="237875.17889227814"/>
    <x v="15"/>
  </r>
  <r>
    <n v="258745.05682789651"/>
    <x v="16"/>
  </r>
  <r>
    <n v="289031.92005792842"/>
    <x v="17"/>
  </r>
  <r>
    <n v="275153.11097245931"/>
    <x v="18"/>
  </r>
  <r>
    <n v="231847.48010488946"/>
    <x v="19"/>
  </r>
  <r>
    <n v="222135.39168828848"/>
    <x v="20"/>
  </r>
  <r>
    <n v="214883.89155252004"/>
    <x v="21"/>
  </r>
  <r>
    <n v="181429.62521486019"/>
    <x v="22"/>
  </r>
  <r>
    <n v="128085.74534734957"/>
    <x v="23"/>
  </r>
  <r>
    <n v="110793.6411434961"/>
    <x v="0"/>
  </r>
  <r>
    <n v="104083.68402110784"/>
    <x v="1"/>
  </r>
  <r>
    <n v="92572.397138173357"/>
    <x v="2"/>
  </r>
  <r>
    <n v="89584.363543546424"/>
    <x v="3"/>
  </r>
  <r>
    <n v="100473.82248587743"/>
    <x v="4"/>
  </r>
  <r>
    <n v="109534.54648223236"/>
    <x v="5"/>
  </r>
  <r>
    <n v="140911.80626305565"/>
    <x v="6"/>
  </r>
  <r>
    <n v="110508.6942526808"/>
    <x v="7"/>
  </r>
  <r>
    <n v="100925.02246850145"/>
    <x v="8"/>
  </r>
  <r>
    <n v="107916.45112072826"/>
    <x v="9"/>
  </r>
  <r>
    <n v="132284.27579080511"/>
    <x v="10"/>
  </r>
  <r>
    <n v="143255.18083979169"/>
    <x v="11"/>
  </r>
  <r>
    <n v="152592.29007297914"/>
    <x v="12"/>
  </r>
  <r>
    <n v="180320.73156635245"/>
    <x v="13"/>
  </r>
  <r>
    <n v="208289.01385372257"/>
    <x v="14"/>
  </r>
  <r>
    <n v="221000.06894171736"/>
    <x v="15"/>
  </r>
  <r>
    <n v="221298.42663724304"/>
    <x v="16"/>
  </r>
  <r>
    <n v="236332.60925778924"/>
    <x v="17"/>
  </r>
  <r>
    <n v="240942.05002849811"/>
    <x v="18"/>
  </r>
  <r>
    <n v="217465.78219742177"/>
    <x v="19"/>
  </r>
  <r>
    <n v="230417.59393924728"/>
    <x v="20"/>
  </r>
  <r>
    <n v="221529.3868617792"/>
    <x v="21"/>
  </r>
  <r>
    <n v="189053.40601846017"/>
    <x v="22"/>
  </r>
  <r>
    <n v="140232.20555703834"/>
    <x v="23"/>
  </r>
  <r>
    <n v="104616.30557842761"/>
    <x v="0"/>
  </r>
  <r>
    <n v="99725.597710878836"/>
    <x v="1"/>
  </r>
  <r>
    <n v="108037.23831364088"/>
    <x v="2"/>
  </r>
  <r>
    <n v="90041.140458373164"/>
    <x v="3"/>
  </r>
  <r>
    <n v="84006.311047992102"/>
    <x v="4"/>
  </r>
  <r>
    <n v="100805.95251277735"/>
    <x v="5"/>
  </r>
  <r>
    <n v="147529.36784738154"/>
    <x v="6"/>
  </r>
  <r>
    <n v="125298.05609138348"/>
    <x v="7"/>
  </r>
  <r>
    <n v="109110.2335275886"/>
    <x v="8"/>
  </r>
  <r>
    <n v="133047.1625004657"/>
    <x v="9"/>
  </r>
  <r>
    <n v="131194.21451013145"/>
    <x v="10"/>
  </r>
  <r>
    <n v="142671.56551529278"/>
    <x v="11"/>
  </r>
  <r>
    <n v="155388.78630252639"/>
    <x v="12"/>
  </r>
  <r>
    <n v="207411.5547143078"/>
    <x v="13"/>
  </r>
  <r>
    <n v="235351.15096330966"/>
    <x v="14"/>
  </r>
  <r>
    <n v="288767.95617009286"/>
    <x v="15"/>
  </r>
  <r>
    <n v="325235.6630354498"/>
    <x v="16"/>
  </r>
  <r>
    <n v="321948.83834734006"/>
    <x v="17"/>
  </r>
  <r>
    <n v="334290.80192228203"/>
    <x v="18"/>
  </r>
  <r>
    <n v="302522.33915527363"/>
    <x v="19"/>
  </r>
  <r>
    <n v="267528.25076262653"/>
    <x v="20"/>
  </r>
  <r>
    <n v="220732.85048054357"/>
    <x v="21"/>
  </r>
  <r>
    <n v="224315.74321459423"/>
    <x v="22"/>
  </r>
  <r>
    <n v="201480.67539507191"/>
    <x v="23"/>
  </r>
  <r>
    <n v="175520.62840379804"/>
    <x v="0"/>
  </r>
  <r>
    <n v="134066.30188525343"/>
    <x v="1"/>
  </r>
  <r>
    <n v="125327.39631534735"/>
    <x v="2"/>
  </r>
  <r>
    <n v="120312.08244647148"/>
    <x v="3"/>
  </r>
  <r>
    <n v="112584.13076408785"/>
    <x v="4"/>
  </r>
  <r>
    <n v="111461.62187787109"/>
    <x v="5"/>
  </r>
  <r>
    <n v="115152.53700839971"/>
    <x v="6"/>
  </r>
  <r>
    <n v="152328.94766145942"/>
    <x v="7"/>
  </r>
  <r>
    <n v="152071.77094917849"/>
    <x v="8"/>
  </r>
  <r>
    <n v="145508.83386208749"/>
    <x v="9"/>
  </r>
  <r>
    <n v="187724.8532015807"/>
    <x v="10"/>
  </r>
  <r>
    <n v="228143.51397172804"/>
    <x v="11"/>
  </r>
  <r>
    <n v="271898.63576205331"/>
    <x v="12"/>
  </r>
  <r>
    <n v="285914.16963700857"/>
    <x v="13"/>
  </r>
  <r>
    <n v="334328.25404763169"/>
    <x v="14"/>
  </r>
  <r>
    <n v="350815.62819566426"/>
    <x v="15"/>
  </r>
  <r>
    <n v="355956.77466385899"/>
    <x v="16"/>
  </r>
  <r>
    <n v="367470.2448912189"/>
    <x v="17"/>
  </r>
  <r>
    <n v="351521.46174406621"/>
    <x v="18"/>
  </r>
  <r>
    <n v="332071.50999839656"/>
    <x v="19"/>
  </r>
  <r>
    <n v="302382.67053060728"/>
    <x v="20"/>
  </r>
  <r>
    <n v="271821.14747825131"/>
    <x v="21"/>
  </r>
  <r>
    <n v="237067.5377105567"/>
    <x v="22"/>
  </r>
  <r>
    <n v="211982.23498847577"/>
    <x v="23"/>
  </r>
  <r>
    <n v="195492.48941765906"/>
    <x v="0"/>
  </r>
  <r>
    <n v="157214.97810199947"/>
    <x v="1"/>
  </r>
  <r>
    <n v="129872.16266260853"/>
    <x v="2"/>
  </r>
  <r>
    <n v="128931.59914517558"/>
    <x v="3"/>
  </r>
  <r>
    <n v="115279.0728572339"/>
    <x v="4"/>
  </r>
  <r>
    <n v="113810.13181153282"/>
    <x v="5"/>
  </r>
  <r>
    <n v="117910.6979620432"/>
    <x v="6"/>
  </r>
  <r>
    <n v="137289.90771286568"/>
    <x v="7"/>
  </r>
  <r>
    <n v="154732.01667379646"/>
    <x v="8"/>
  </r>
  <r>
    <n v="170733.64166243596"/>
    <x v="9"/>
  </r>
  <r>
    <n v="209135.92252582152"/>
    <x v="10"/>
  </r>
  <r>
    <n v="244618.16420992569"/>
    <x v="11"/>
  </r>
  <r>
    <n v="305930.15546929464"/>
    <x v="12"/>
  </r>
  <r>
    <n v="325400.41967770847"/>
    <x v="13"/>
  </r>
  <r>
    <n v="365909.71786213003"/>
    <x v="14"/>
  </r>
  <r>
    <n v="382929.01031796704"/>
    <x v="15"/>
  </r>
  <r>
    <n v="393881.12388571922"/>
    <x v="16"/>
  </r>
  <r>
    <n v="381005.57382970396"/>
    <x v="17"/>
  </r>
  <r>
    <n v="365285.95189669944"/>
    <x v="18"/>
  </r>
  <r>
    <n v="350932.30219664436"/>
    <x v="19"/>
  </r>
  <r>
    <n v="323407.37784207065"/>
    <x v="20"/>
  </r>
  <r>
    <n v="268590.8771348836"/>
    <x v="21"/>
  </r>
  <r>
    <n v="227359.63608176779"/>
    <x v="22"/>
  </r>
  <r>
    <n v="194109.60648706273"/>
    <x v="23"/>
  </r>
  <r>
    <n v="160685.26914040282"/>
    <x v="0"/>
  </r>
  <r>
    <n v="136083.51587864963"/>
    <x v="1"/>
  </r>
  <r>
    <n v="124064.12304359152"/>
    <x v="2"/>
  </r>
  <r>
    <n v="109880.05460456284"/>
    <x v="3"/>
  </r>
  <r>
    <n v="115999.83819185606"/>
    <x v="4"/>
  </r>
  <r>
    <n v="123819.71112774526"/>
    <x v="5"/>
  </r>
  <r>
    <n v="161336.77257508793"/>
    <x v="6"/>
  </r>
  <r>
    <n v="128398.06990534189"/>
    <x v="7"/>
  </r>
  <r>
    <n v="135347.2054588114"/>
    <x v="8"/>
  </r>
  <r>
    <n v="154467.69298388329"/>
    <x v="9"/>
  </r>
  <r>
    <n v="187804.53300712808"/>
    <x v="10"/>
  </r>
  <r>
    <n v="210979.18856934048"/>
    <x v="11"/>
  </r>
  <r>
    <n v="274773.71603627526"/>
    <x v="12"/>
  </r>
  <r>
    <n v="310388.46301277372"/>
    <x v="13"/>
  </r>
  <r>
    <n v="356088.75660777674"/>
    <x v="14"/>
  </r>
  <r>
    <n v="365422.15333770908"/>
    <x v="15"/>
  </r>
  <r>
    <n v="376887.21383099252"/>
    <x v="16"/>
  </r>
  <r>
    <n v="376032.42222246632"/>
    <x v="17"/>
  </r>
  <r>
    <n v="370027.65264020429"/>
    <x v="18"/>
  </r>
  <r>
    <n v="358016.21633745293"/>
    <x v="19"/>
  </r>
  <r>
    <n v="343650.23523892032"/>
    <x v="20"/>
  </r>
  <r>
    <n v="301529.54709534987"/>
    <x v="21"/>
  </r>
  <r>
    <n v="251549.0479852772"/>
    <x v="22"/>
  </r>
  <r>
    <n v="217336.35157732695"/>
    <x v="23"/>
  </r>
  <r>
    <n v="158874.66022666689"/>
    <x v="0"/>
  </r>
  <r>
    <n v="137770.38342302866"/>
    <x v="1"/>
  </r>
  <r>
    <n v="119921.13924113577"/>
    <x v="2"/>
  </r>
  <r>
    <n v="114555.89665634233"/>
    <x v="3"/>
  </r>
  <r>
    <n v="119490.91319415238"/>
    <x v="4"/>
  </r>
  <r>
    <n v="127942.01902254994"/>
    <x v="5"/>
  </r>
  <r>
    <n v="159620.76537212331"/>
    <x v="6"/>
  </r>
  <r>
    <n v="132701.77312123115"/>
    <x v="7"/>
  </r>
  <r>
    <n v="118223.87401313827"/>
    <x v="8"/>
  </r>
  <r>
    <n v="140363.26057955073"/>
    <x v="9"/>
  </r>
  <r>
    <n v="178755.33547762231"/>
    <x v="10"/>
  </r>
  <r>
    <n v="222156.31472751562"/>
    <x v="11"/>
  </r>
  <r>
    <n v="272217.7353613046"/>
    <x v="12"/>
  </r>
  <r>
    <n v="295087.97174181731"/>
    <x v="13"/>
  </r>
  <r>
    <n v="322756.00227422448"/>
    <x v="14"/>
  </r>
  <r>
    <n v="344343.36961056152"/>
    <x v="15"/>
  </r>
  <r>
    <n v="351722.26301696966"/>
    <x v="16"/>
  </r>
  <r>
    <n v="345072.54118702002"/>
    <x v="17"/>
  </r>
  <r>
    <n v="339113.58801812271"/>
    <x v="18"/>
  </r>
  <r>
    <n v="330263.25818134035"/>
    <x v="19"/>
  </r>
  <r>
    <n v="304393.8750616769"/>
    <x v="20"/>
  </r>
  <r>
    <n v="268679.40564214927"/>
    <x v="21"/>
  </r>
  <r>
    <n v="226820.43951913246"/>
    <x v="22"/>
  </r>
  <r>
    <n v="198811.99889209229"/>
    <x v="23"/>
  </r>
  <r>
    <n v="175400.58378951449"/>
    <x v="0"/>
  </r>
  <r>
    <n v="132108.62950930357"/>
    <x v="1"/>
  </r>
  <r>
    <n v="120422.83402084533"/>
    <x v="2"/>
  </r>
  <r>
    <n v="113005.3411486767"/>
    <x v="3"/>
  </r>
  <r>
    <n v="117131.84780349543"/>
    <x v="4"/>
  </r>
  <r>
    <n v="103550.98939381132"/>
    <x v="5"/>
  </r>
  <r>
    <n v="141921.19428513691"/>
    <x v="6"/>
  </r>
  <r>
    <n v="131532.88816337302"/>
    <x v="7"/>
  </r>
  <r>
    <n v="130095.12232064022"/>
    <x v="8"/>
  </r>
  <r>
    <n v="149638.24501673103"/>
    <x v="9"/>
  </r>
  <r>
    <n v="160777.7363546507"/>
    <x v="10"/>
  </r>
  <r>
    <n v="210260.80001086928"/>
    <x v="11"/>
  </r>
  <r>
    <n v="226701.48119692184"/>
    <x v="12"/>
  </r>
  <r>
    <n v="257137.30358204516"/>
    <x v="13"/>
  </r>
  <r>
    <n v="294486.89051942196"/>
    <x v="14"/>
  </r>
  <r>
    <n v="333570.23301406106"/>
    <x v="15"/>
  </r>
  <r>
    <n v="342402.02664049395"/>
    <x v="16"/>
  </r>
  <r>
    <n v="343815.25392743776"/>
    <x v="17"/>
  </r>
  <r>
    <n v="335034.50291612733"/>
    <x v="18"/>
  </r>
  <r>
    <n v="306762.63945636264"/>
    <x v="19"/>
  </r>
  <r>
    <n v="285771.2732717215"/>
    <x v="20"/>
  </r>
  <r>
    <n v="261403.80700662869"/>
    <x v="21"/>
  </r>
  <r>
    <n v="209829.11495548562"/>
    <x v="22"/>
  </r>
  <r>
    <n v="172173.31768514845"/>
    <x v="23"/>
  </r>
  <r>
    <n v="141677.92542337161"/>
    <x v="0"/>
  </r>
  <r>
    <n v="123740.53596714111"/>
    <x v="1"/>
  </r>
  <r>
    <n v="114165.98611090632"/>
    <x v="2"/>
  </r>
  <r>
    <n v="100364.51504762069"/>
    <x v="3"/>
  </r>
  <r>
    <n v="105237.63334304001"/>
    <x v="4"/>
  </r>
  <r>
    <n v="118997.3676945231"/>
    <x v="5"/>
  </r>
  <r>
    <n v="140094.53088725635"/>
    <x v="6"/>
  </r>
  <r>
    <n v="132267.74458085225"/>
    <x v="7"/>
  </r>
  <r>
    <n v="114527.40441457747"/>
    <x v="8"/>
  </r>
  <r>
    <n v="156065.01826771293"/>
    <x v="9"/>
  </r>
  <r>
    <n v="160398.8779868375"/>
    <x v="10"/>
  </r>
  <r>
    <n v="192270.01689489212"/>
    <x v="11"/>
  </r>
  <r>
    <n v="239143.19422930051"/>
    <x v="12"/>
  </r>
  <r>
    <n v="265266.02147138602"/>
    <x v="13"/>
  </r>
  <r>
    <n v="304757.28154777951"/>
    <x v="14"/>
  </r>
  <r>
    <n v="345528.74967893463"/>
    <x v="15"/>
  </r>
  <r>
    <n v="342143.97114437149"/>
    <x v="16"/>
  </r>
  <r>
    <n v="353468.71875098045"/>
    <x v="17"/>
  </r>
  <r>
    <n v="325088.17806446814"/>
    <x v="18"/>
  </r>
  <r>
    <n v="299855.07379990298"/>
    <x v="19"/>
  </r>
  <r>
    <n v="295812.9099260263"/>
    <x v="20"/>
  </r>
  <r>
    <n v="266472.50802397443"/>
    <x v="21"/>
  </r>
  <r>
    <n v="239871.65520063136"/>
    <x v="22"/>
  </r>
  <r>
    <n v="190088.02069469908"/>
    <x v="23"/>
  </r>
  <r>
    <n v="173756.96924865028"/>
    <x v="0"/>
  </r>
  <r>
    <n v="149600.68877977485"/>
    <x v="1"/>
  </r>
  <r>
    <n v="132426.78405611074"/>
    <x v="2"/>
  </r>
  <r>
    <n v="114044.2685241045"/>
    <x v="3"/>
  </r>
  <r>
    <n v="110855.45825254763"/>
    <x v="4"/>
  </r>
  <r>
    <n v="110048.18058908609"/>
    <x v="5"/>
  </r>
  <r>
    <n v="129550.45104996933"/>
    <x v="6"/>
  </r>
  <r>
    <n v="124827.01340908551"/>
    <x v="7"/>
  </r>
  <r>
    <n v="117109.06308163836"/>
    <x v="8"/>
  </r>
  <r>
    <n v="131794.67811622986"/>
    <x v="9"/>
  </r>
  <r>
    <n v="132763.29338217105"/>
    <x v="10"/>
  </r>
  <r>
    <n v="142916.58575705613"/>
    <x v="11"/>
  </r>
  <r>
    <n v="156132.93397480118"/>
    <x v="12"/>
  </r>
  <r>
    <n v="184724.08592572558"/>
    <x v="13"/>
  </r>
  <r>
    <n v="222365.8071668332"/>
    <x v="14"/>
  </r>
  <r>
    <n v="229287.13134810369"/>
    <x v="15"/>
  </r>
  <r>
    <n v="233088.52103779069"/>
    <x v="16"/>
  </r>
  <r>
    <n v="224656.20844712926"/>
    <x v="17"/>
  </r>
  <r>
    <n v="190388.72761773513"/>
    <x v="18"/>
  </r>
  <r>
    <n v="162511.05345343001"/>
    <x v="19"/>
  </r>
  <r>
    <n v="174828.1686803514"/>
    <x v="20"/>
  </r>
  <r>
    <n v="152296.72463386215"/>
    <x v="21"/>
  </r>
  <r>
    <n v="126112.77023154558"/>
    <x v="22"/>
  </r>
  <r>
    <n v="107388.37803687699"/>
    <x v="23"/>
  </r>
  <r>
    <n v="91193.528426826495"/>
    <x v="0"/>
  </r>
  <r>
    <n v="87516.192249307584"/>
    <x v="1"/>
  </r>
  <r>
    <n v="78695.11061719172"/>
    <x v="2"/>
  </r>
  <r>
    <n v="71547.640133879337"/>
    <x v="3"/>
  </r>
  <r>
    <n v="79816.105325227487"/>
    <x v="4"/>
  </r>
  <r>
    <n v="77815.358790344719"/>
    <x v="5"/>
  </r>
  <r>
    <n v="75858.322030437921"/>
    <x v="6"/>
  </r>
  <r>
    <n v="113668.32061346277"/>
    <x v="7"/>
  </r>
  <r>
    <n v="126788.13236866145"/>
    <x v="8"/>
  </r>
  <r>
    <n v="116668.29135217637"/>
    <x v="9"/>
  </r>
  <r>
    <n v="133514.50883684293"/>
    <x v="10"/>
  </r>
  <r>
    <n v="121706.85968826055"/>
    <x v="11"/>
  </r>
  <r>
    <n v="135036.23191943794"/>
    <x v="12"/>
  </r>
  <r>
    <n v="149003.06986746925"/>
    <x v="13"/>
  </r>
  <r>
    <n v="182692.20883855101"/>
    <x v="14"/>
  </r>
  <r>
    <n v="216100.26568352475"/>
    <x v="15"/>
  </r>
  <r>
    <n v="240300.52807402072"/>
    <x v="16"/>
  </r>
  <r>
    <n v="232082.57632376382"/>
    <x v="17"/>
  </r>
  <r>
    <n v="212341.04360449425"/>
    <x v="18"/>
  </r>
  <r>
    <n v="218721.02275186125"/>
    <x v="19"/>
  </r>
  <r>
    <n v="218035.89357405549"/>
    <x v="20"/>
  </r>
  <r>
    <n v="178385.17068317859"/>
    <x v="21"/>
  </r>
  <r>
    <n v="156013.82446001019"/>
    <x v="22"/>
  </r>
  <r>
    <n v="138696.52869315268"/>
    <x v="23"/>
  </r>
  <r>
    <n v="114381.02731792234"/>
    <x v="0"/>
  </r>
  <r>
    <n v="97115.159707267099"/>
    <x v="1"/>
  </r>
  <r>
    <n v="85704.564953541732"/>
    <x v="2"/>
  </r>
  <r>
    <n v="84819.370193802533"/>
    <x v="3"/>
  </r>
  <r>
    <n v="77268.578383178086"/>
    <x v="4"/>
  </r>
  <r>
    <n v="91935.81595962937"/>
    <x v="5"/>
  </r>
  <r>
    <n v="85944.976275538633"/>
    <x v="6"/>
  </r>
  <r>
    <n v="96269.532045802596"/>
    <x v="7"/>
  </r>
  <r>
    <n v="121407.7629662051"/>
    <x v="8"/>
  </r>
  <r>
    <n v="144000.62143882804"/>
    <x v="9"/>
  </r>
  <r>
    <n v="128378.25497460179"/>
    <x v="10"/>
  </r>
  <r>
    <n v="128577.5872725206"/>
    <x v="11"/>
  </r>
  <r>
    <n v="149983.7049435474"/>
    <x v="12"/>
  </r>
  <r>
    <n v="183693.14907816867"/>
    <x v="13"/>
  </r>
  <r>
    <n v="187727.55677267397"/>
    <x v="14"/>
  </r>
  <r>
    <n v="203536.60071584469"/>
    <x v="15"/>
  </r>
  <r>
    <n v="192028.86472925157"/>
    <x v="16"/>
  </r>
  <r>
    <n v="183646.21890123145"/>
    <x v="17"/>
  </r>
  <r>
    <n v="189925.54914786687"/>
    <x v="18"/>
  </r>
  <r>
    <n v="207546.81759749577"/>
    <x v="19"/>
  </r>
  <r>
    <n v="209300.18283242799"/>
    <x v="20"/>
  </r>
  <r>
    <n v="192774.36510438664"/>
    <x v="21"/>
  </r>
  <r>
    <n v="160679.77868184916"/>
    <x v="22"/>
  </r>
  <r>
    <n v="126599.43646876948"/>
    <x v="23"/>
  </r>
  <r>
    <n v="112140.73881837964"/>
    <x v="0"/>
  </r>
  <r>
    <n v="93130.774077966926"/>
    <x v="1"/>
  </r>
  <r>
    <n v="82430.988561817867"/>
    <x v="2"/>
  </r>
  <r>
    <n v="84718.547421603536"/>
    <x v="3"/>
  </r>
  <r>
    <n v="77769.229934083312"/>
    <x v="4"/>
  </r>
  <r>
    <n v="92557.928069949863"/>
    <x v="5"/>
  </r>
  <r>
    <n v="122494.27064666557"/>
    <x v="6"/>
  </r>
  <r>
    <n v="106056.85522034833"/>
    <x v="7"/>
  </r>
  <r>
    <n v="105238.525379264"/>
    <x v="8"/>
  </r>
  <r>
    <n v="116183.21263704602"/>
    <x v="9"/>
  </r>
  <r>
    <n v="107794.84416986011"/>
    <x v="10"/>
  </r>
  <r>
    <n v="118138.2309760053"/>
    <x v="11"/>
  </r>
  <r>
    <n v="112436.82680808635"/>
    <x v="12"/>
  </r>
  <r>
    <n v="116885.33586088188"/>
    <x v="13"/>
  </r>
  <r>
    <n v="111103.84498315738"/>
    <x v="14"/>
  </r>
  <r>
    <n v="125380.27997794868"/>
    <x v="15"/>
  </r>
  <r>
    <n v="115333.49521628335"/>
    <x v="16"/>
  </r>
  <r>
    <n v="139682.42527102659"/>
    <x v="17"/>
  </r>
  <r>
    <n v="128518.48609286612"/>
    <x v="18"/>
  </r>
  <r>
    <n v="148859.76953982405"/>
    <x v="19"/>
  </r>
  <r>
    <n v="151510.09987687488"/>
    <x v="20"/>
  </r>
  <r>
    <n v="140087.15268933581"/>
    <x v="21"/>
  </r>
  <r>
    <n v="128329.8128718612"/>
    <x v="22"/>
  </r>
  <r>
    <n v="105762.36987199323"/>
    <x v="23"/>
  </r>
  <r>
    <n v="95258.794526978993"/>
    <x v="0"/>
  </r>
  <r>
    <n v="83992.86839375089"/>
    <x v="1"/>
  </r>
  <r>
    <n v="78411.72280423349"/>
    <x v="2"/>
  </r>
  <r>
    <n v="81498.107662239767"/>
    <x v="3"/>
  </r>
  <r>
    <n v="83148.525869219258"/>
    <x v="4"/>
  </r>
  <r>
    <n v="87999.02575461987"/>
    <x v="5"/>
  </r>
  <r>
    <n v="119009.59917427252"/>
    <x v="6"/>
  </r>
  <r>
    <n v="105138.26957924129"/>
    <x v="7"/>
  </r>
  <r>
    <n v="104124.38725474662"/>
    <x v="8"/>
  </r>
  <r>
    <n v="115038.54117092919"/>
    <x v="9"/>
  </r>
  <r>
    <n v="117310.85981861671"/>
    <x v="10"/>
  </r>
  <r>
    <n v="112716.36676987495"/>
    <x v="11"/>
  </r>
  <r>
    <n v="111678.07440328455"/>
    <x v="12"/>
  </r>
  <r>
    <n v="113744.37048137325"/>
    <x v="13"/>
  </r>
  <r>
    <n v="122396.07106573544"/>
    <x v="14"/>
  </r>
  <r>
    <n v="143224.91278614127"/>
    <x v="15"/>
  </r>
  <r>
    <n v="145947.61901140033"/>
    <x v="16"/>
  </r>
  <r>
    <n v="144163.42560933696"/>
    <x v="17"/>
  </r>
  <r>
    <n v="163233.85982225623"/>
    <x v="18"/>
  </r>
  <r>
    <n v="169868.3867978818"/>
    <x v="19"/>
  </r>
  <r>
    <n v="161544.0710673565"/>
    <x v="20"/>
  </r>
  <r>
    <n v="146503.22150562974"/>
    <x v="21"/>
  </r>
  <r>
    <n v="129150.95489493982"/>
    <x v="22"/>
  </r>
  <r>
    <n v="99578.351428003472"/>
    <x v="23"/>
  </r>
  <r>
    <n v="97411.361091409053"/>
    <x v="0"/>
  </r>
  <r>
    <n v="86481.800651289945"/>
    <x v="1"/>
  </r>
  <r>
    <n v="79817.700406950069"/>
    <x v="2"/>
  </r>
  <r>
    <n v="82085.823460533153"/>
    <x v="3"/>
  </r>
  <r>
    <n v="80604.824099452424"/>
    <x v="4"/>
  </r>
  <r>
    <n v="85596.893157453378"/>
    <x v="5"/>
  </r>
  <r>
    <n v="120742.59120900408"/>
    <x v="6"/>
  </r>
  <r>
    <n v="105925.57470284007"/>
    <x v="7"/>
  </r>
  <r>
    <n v="92569.19947681413"/>
    <x v="8"/>
  </r>
  <r>
    <n v="105116.11230659262"/>
    <x v="9"/>
  </r>
  <r>
    <n v="112249.3933662402"/>
    <x v="10"/>
  </r>
  <r>
    <n v="105765.9682554053"/>
    <x v="11"/>
  </r>
  <r>
    <n v="106131.72578613216"/>
    <x v="12"/>
  </r>
  <r>
    <n v="124065.45638191846"/>
    <x v="13"/>
  </r>
  <r>
    <n v="145425.03697671695"/>
    <x v="14"/>
  </r>
  <r>
    <n v="178039.13622455695"/>
    <x v="15"/>
  </r>
  <r>
    <n v="189391.5067155938"/>
    <x v="16"/>
  </r>
  <r>
    <n v="179236.24883716431"/>
    <x v="17"/>
  </r>
  <r>
    <n v="163467.3918818477"/>
    <x v="18"/>
  </r>
  <r>
    <n v="167860.89707391593"/>
    <x v="19"/>
  </r>
  <r>
    <n v="178454.77974716661"/>
    <x v="20"/>
  </r>
  <r>
    <n v="152794.51108536994"/>
    <x v="21"/>
  </r>
  <r>
    <n v="128617.04853598904"/>
    <x v="22"/>
  </r>
  <r>
    <n v="104784.46382199021"/>
    <x v="23"/>
  </r>
  <r>
    <n v="91869.238306877145"/>
    <x v="0"/>
  </r>
  <r>
    <n v="80040.853095901271"/>
    <x v="1"/>
  </r>
  <r>
    <n v="78160.826276790103"/>
    <x v="2"/>
  </r>
  <r>
    <n v="84849.094655097157"/>
    <x v="3"/>
  </r>
  <r>
    <n v="84321.818090794244"/>
    <x v="4"/>
  </r>
  <r>
    <n v="92086.063586341159"/>
    <x v="5"/>
  </r>
  <r>
    <n v="113040.18347881579"/>
    <x v="6"/>
  </r>
  <r>
    <n v="105207.85596434226"/>
    <x v="7"/>
  </r>
  <r>
    <n v="88501.567212779351"/>
    <x v="8"/>
  </r>
  <r>
    <n v="94701.695226204218"/>
    <x v="9"/>
  </r>
  <r>
    <n v="101471.01794683097"/>
    <x v="10"/>
  </r>
  <r>
    <n v="130558.19495570223"/>
    <x v="11"/>
  </r>
  <r>
    <n v="130773.82581378156"/>
    <x v="12"/>
  </r>
  <r>
    <n v="156456.90943595138"/>
    <x v="13"/>
  </r>
  <r>
    <n v="168106.14655848368"/>
    <x v="14"/>
  </r>
  <r>
    <n v="184070.82814385527"/>
    <x v="15"/>
  </r>
  <r>
    <n v="214451.19309051023"/>
    <x v="16"/>
  </r>
  <r>
    <n v="204027.41718939887"/>
    <x v="17"/>
  </r>
  <r>
    <n v="187982.67913273786"/>
    <x v="18"/>
  </r>
  <r>
    <n v="189065.03657686801"/>
    <x v="19"/>
  </r>
  <r>
    <n v="180609.8485488013"/>
    <x v="20"/>
  </r>
  <r>
    <n v="172640.51787765368"/>
    <x v="21"/>
  </r>
  <r>
    <n v="138472.12866541368"/>
    <x v="22"/>
  </r>
  <r>
    <n v="106354.93139248648"/>
    <x v="23"/>
  </r>
  <r>
    <n v="96383.236425846466"/>
    <x v="0"/>
  </r>
  <r>
    <n v="82397.665717111173"/>
    <x v="1"/>
  </r>
  <r>
    <n v="78514.57155700904"/>
    <x v="2"/>
  </r>
  <r>
    <n v="74722.041752529913"/>
    <x v="3"/>
  </r>
  <r>
    <n v="83466.476306042954"/>
    <x v="4"/>
  </r>
  <r>
    <n v="92200.796075931343"/>
    <x v="5"/>
  </r>
  <r>
    <n v="123576.64321005375"/>
    <x v="6"/>
  </r>
  <r>
    <n v="104022.09791451832"/>
    <x v="7"/>
  </r>
  <r>
    <n v="103542.6360037476"/>
    <x v="8"/>
  </r>
  <r>
    <n v="112757.7028213396"/>
    <x v="9"/>
  </r>
  <r>
    <n v="107731.40376314992"/>
    <x v="10"/>
  </r>
  <r>
    <n v="117272.97851761279"/>
    <x v="11"/>
  </r>
  <r>
    <n v="122935.80589865828"/>
    <x v="12"/>
  </r>
  <r>
    <n v="148980.3758611604"/>
    <x v="13"/>
  </r>
  <r>
    <n v="172777.55883247289"/>
    <x v="14"/>
  </r>
  <r>
    <n v="194111.04358790486"/>
    <x v="15"/>
  </r>
  <r>
    <n v="196477.44937833727"/>
    <x v="16"/>
  </r>
  <r>
    <n v="202187.93266070558"/>
    <x v="17"/>
  </r>
  <r>
    <n v="196864.86524619767"/>
    <x v="18"/>
  </r>
  <r>
    <n v="157503.99365108847"/>
    <x v="19"/>
  </r>
  <r>
    <n v="151227.44534793129"/>
    <x v="20"/>
  </r>
  <r>
    <n v="141460.16274990948"/>
    <x v="21"/>
  </r>
  <r>
    <n v="130992.94922046673"/>
    <x v="22"/>
  </r>
  <r>
    <n v="115113.51001189023"/>
    <x v="23"/>
  </r>
  <r>
    <n v="94239.18956331849"/>
    <x v="0"/>
  </r>
  <r>
    <n v="95064.08872201854"/>
    <x v="1"/>
  </r>
  <r>
    <n v="84962.579805899542"/>
    <x v="2"/>
  </r>
  <r>
    <n v="76968.922248575385"/>
    <x v="3"/>
  </r>
  <r>
    <n v="73654.735529772486"/>
    <x v="4"/>
  </r>
  <r>
    <n v="82255.09111385158"/>
    <x v="5"/>
  </r>
  <r>
    <n v="83633.997685058464"/>
    <x v="6"/>
  </r>
  <r>
    <n v="90060.975046023828"/>
    <x v="7"/>
  </r>
  <r>
    <n v="118316.33583564452"/>
    <x v="8"/>
  </r>
  <r>
    <n v="123365.49521198146"/>
    <x v="9"/>
  </r>
  <r>
    <n v="144160.96117027744"/>
    <x v="10"/>
  </r>
  <r>
    <n v="144470.01392374819"/>
    <x v="11"/>
  </r>
  <r>
    <n v="132536.67082350107"/>
    <x v="12"/>
  </r>
  <r>
    <n v="165869.91757972309"/>
    <x v="13"/>
  </r>
  <r>
    <n v="159176.00215854036"/>
    <x v="14"/>
  </r>
  <r>
    <n v="145841.20967335781"/>
    <x v="15"/>
  </r>
  <r>
    <n v="143521.26536286355"/>
    <x v="16"/>
  </r>
  <r>
    <n v="145706.31565317942"/>
    <x v="17"/>
  </r>
  <r>
    <n v="153067.0205921728"/>
    <x v="18"/>
  </r>
  <r>
    <n v="165797.11835228989"/>
    <x v="19"/>
  </r>
  <r>
    <n v="160832.67973834588"/>
    <x v="20"/>
  </r>
  <r>
    <n v="158685.65438198519"/>
    <x v="21"/>
  </r>
  <r>
    <n v="168708.11981710303"/>
    <x v="22"/>
  </r>
  <r>
    <n v="181581.97148260637"/>
    <x v="23"/>
  </r>
  <r>
    <n v="149168.35359629572"/>
    <x v="0"/>
  </r>
  <r>
    <n v="129406.25868610009"/>
    <x v="1"/>
  </r>
  <r>
    <n v="153497.178602495"/>
    <x v="2"/>
  </r>
  <r>
    <n v="145263.79008978547"/>
    <x v="3"/>
  </r>
  <r>
    <n v="141145.90897167506"/>
    <x v="4"/>
  </r>
  <r>
    <n v="151858.25103162127"/>
    <x v="5"/>
  </r>
  <r>
    <n v="153707.18509658574"/>
    <x v="6"/>
  </r>
  <r>
    <n v="183496.40217337364"/>
    <x v="7"/>
  </r>
  <r>
    <n v="192027.70054638293"/>
    <x v="8"/>
  </r>
  <r>
    <n v="234454.27385450806"/>
    <x v="9"/>
  </r>
  <r>
    <n v="201615.88041373529"/>
    <x v="10"/>
  </r>
  <r>
    <n v="176778.53784746525"/>
    <x v="11"/>
  </r>
  <r>
    <n v="170350.11659735764"/>
    <x v="12"/>
  </r>
  <r>
    <n v="161856.28374575634"/>
    <x v="13"/>
  </r>
  <r>
    <n v="151438.96376782542"/>
    <x v="14"/>
  </r>
  <r>
    <n v="129527.7872821765"/>
    <x v="15"/>
  </r>
  <r>
    <n v="144335.66419685906"/>
    <x v="16"/>
  </r>
  <r>
    <n v="164168.19973023457"/>
    <x v="17"/>
  </r>
  <r>
    <n v="176053.20656254739"/>
    <x v="18"/>
  </r>
  <r>
    <n v="193677.8768452339"/>
    <x v="19"/>
  </r>
  <r>
    <n v="168793.43779018827"/>
    <x v="20"/>
  </r>
  <r>
    <n v="174734.41416128323"/>
    <x v="21"/>
  </r>
  <r>
    <n v="155790.69444994602"/>
    <x v="22"/>
  </r>
  <r>
    <n v="133875.49624166009"/>
    <x v="23"/>
  </r>
  <r>
    <n v="121230.40650983855"/>
    <x v="0"/>
  </r>
  <r>
    <n v="120858.8053858816"/>
    <x v="1"/>
  </r>
  <r>
    <n v="133313.12031983151"/>
    <x v="2"/>
  </r>
  <r>
    <n v="138705.3734591025"/>
    <x v="3"/>
  </r>
  <r>
    <n v="150503.39919994632"/>
    <x v="4"/>
  </r>
  <r>
    <n v="168017.50234863098"/>
    <x v="5"/>
  </r>
  <r>
    <n v="208079.54465431991"/>
    <x v="6"/>
  </r>
  <r>
    <n v="201759.81575021794"/>
    <x v="7"/>
  </r>
  <r>
    <n v="183701.97872486044"/>
    <x v="8"/>
  </r>
  <r>
    <n v="176618.51562043454"/>
    <x v="9"/>
  </r>
  <r>
    <n v="156256.62462477642"/>
    <x v="10"/>
  </r>
  <r>
    <n v="135105.0850205243"/>
    <x v="11"/>
  </r>
  <r>
    <n v="123190.27813062668"/>
    <x v="12"/>
  </r>
  <r>
    <n v="102585.64744723446"/>
    <x v="13"/>
  </r>
  <r>
    <n v="112267.20385220411"/>
    <x v="14"/>
  </r>
  <r>
    <n v="126799.13918851013"/>
    <x v="15"/>
  </r>
  <r>
    <n v="115126.21774826772"/>
    <x v="16"/>
  </r>
  <r>
    <n v="134277.0032580081"/>
    <x v="17"/>
  </r>
  <r>
    <n v="157552.78349676385"/>
    <x v="18"/>
  </r>
  <r>
    <n v="150999.62836787663"/>
    <x v="19"/>
  </r>
  <r>
    <n v="199006.59886224649"/>
    <x v="20"/>
  </r>
  <r>
    <n v="161622.67608987467"/>
    <x v="21"/>
  </r>
  <r>
    <n v="146856.05963036665"/>
    <x v="22"/>
  </r>
  <r>
    <n v="125363.90582149799"/>
    <x v="23"/>
  </r>
  <r>
    <n v="125426.56758641945"/>
    <x v="0"/>
  </r>
  <r>
    <n v="121572.20757621071"/>
    <x v="1"/>
  </r>
  <r>
    <n v="115835.15975747685"/>
    <x v="2"/>
  </r>
  <r>
    <n v="129027.8538960279"/>
    <x v="3"/>
  </r>
  <r>
    <n v="135285.92646586764"/>
    <x v="4"/>
  </r>
  <r>
    <n v="163247.45203522869"/>
    <x v="5"/>
  </r>
  <r>
    <n v="208151.82982697993"/>
    <x v="6"/>
  </r>
  <r>
    <n v="196003.41528120072"/>
    <x v="7"/>
  </r>
  <r>
    <n v="183993.55361604402"/>
    <x v="8"/>
  </r>
  <r>
    <n v="157598.38317899403"/>
    <x v="9"/>
  </r>
  <r>
    <n v="142474.71032175765"/>
    <x v="10"/>
  </r>
  <r>
    <n v="126134.60244014654"/>
    <x v="11"/>
  </r>
  <r>
    <n v="113391.84230142605"/>
    <x v="12"/>
  </r>
  <r>
    <n v="115412.47822025239"/>
    <x v="13"/>
  </r>
  <r>
    <n v="126733.84667269076"/>
    <x v="14"/>
  </r>
  <r>
    <n v="145724.00518507906"/>
    <x v="15"/>
  </r>
  <r>
    <n v="130055.1318831406"/>
    <x v="16"/>
  </r>
  <r>
    <n v="130764.55770860679"/>
    <x v="17"/>
  </r>
  <r>
    <n v="151625.0818342226"/>
    <x v="18"/>
  </r>
  <r>
    <n v="149279.72205097336"/>
    <x v="19"/>
  </r>
  <r>
    <n v="164797.43301108904"/>
    <x v="20"/>
  </r>
  <r>
    <n v="178212.16101349678"/>
    <x v="21"/>
  </r>
  <r>
    <n v="124112.97620991895"/>
    <x v="22"/>
  </r>
  <r>
    <n v="110195.24561198174"/>
    <x v="23"/>
  </r>
  <r>
    <n v="95368.03872590285"/>
    <x v="0"/>
  </r>
  <r>
    <n v="81303.76471947215"/>
    <x v="1"/>
  </r>
  <r>
    <n v="75695.056722558962"/>
    <x v="2"/>
  </r>
  <r>
    <n v="80745.455878054665"/>
    <x v="3"/>
  </r>
  <r>
    <n v="83264.823202015934"/>
    <x v="4"/>
  </r>
  <r>
    <n v="98415.748521858448"/>
    <x v="5"/>
  </r>
  <r>
    <n v="145693.5852379149"/>
    <x v="6"/>
  </r>
  <r>
    <n v="122931.92024934357"/>
    <x v="7"/>
  </r>
  <r>
    <n v="118586.25238969455"/>
    <x v="8"/>
  </r>
  <r>
    <n v="121965.57287210747"/>
    <x v="9"/>
  </r>
  <r>
    <n v="110542.57276716527"/>
    <x v="10"/>
  </r>
  <r>
    <n v="118956.20551452583"/>
    <x v="11"/>
  </r>
  <r>
    <n v="122953.41983426776"/>
    <x v="12"/>
  </r>
  <r>
    <n v="137029.82704527068"/>
    <x v="13"/>
  </r>
  <r>
    <n v="129966.74470067446"/>
    <x v="14"/>
  </r>
  <r>
    <n v="141401.07668951305"/>
    <x v="15"/>
  </r>
  <r>
    <n v="157192.7032474287"/>
    <x v="16"/>
  </r>
  <r>
    <n v="161955.20905107207"/>
    <x v="17"/>
  </r>
  <r>
    <n v="175506.6605038803"/>
    <x v="18"/>
  </r>
  <r>
    <n v="177591.27356307703"/>
    <x v="19"/>
  </r>
  <r>
    <n v="211560.05833075364"/>
    <x v="20"/>
  </r>
  <r>
    <n v="205894.17685958528"/>
    <x v="21"/>
  </r>
  <r>
    <n v="159758.07847358708"/>
    <x v="22"/>
  </r>
  <r>
    <n v="139074.02632774285"/>
    <x v="23"/>
  </r>
  <r>
    <n v="126782.51556430187"/>
    <x v="0"/>
  </r>
  <r>
    <n v="127463.87248722816"/>
    <x v="1"/>
  </r>
  <r>
    <n v="130255.71907947621"/>
    <x v="2"/>
  </r>
  <r>
    <n v="146610.96133837925"/>
    <x v="3"/>
  </r>
  <r>
    <n v="143837.12178244954"/>
    <x v="4"/>
  </r>
  <r>
    <n v="178368.9326000502"/>
    <x v="5"/>
  </r>
  <r>
    <n v="218027.92572507163"/>
    <x v="6"/>
  </r>
  <r>
    <n v="197703.65144340185"/>
    <x v="7"/>
  </r>
  <r>
    <n v="194754.91231053614"/>
    <x v="8"/>
  </r>
  <r>
    <n v="159054.57939727016"/>
    <x v="9"/>
  </r>
  <r>
    <n v="147695.90417563319"/>
    <x v="10"/>
  </r>
  <r>
    <n v="151658.78266038018"/>
    <x v="11"/>
  </r>
  <r>
    <n v="151588.49322978061"/>
    <x v="12"/>
  </r>
  <r>
    <n v="144878.59675285604"/>
    <x v="13"/>
  </r>
  <r>
    <n v="118421.38444046398"/>
    <x v="14"/>
  </r>
  <r>
    <n v="117242.18814862677"/>
    <x v="15"/>
  </r>
  <r>
    <n v="138975.6906734904"/>
    <x v="16"/>
  </r>
  <r>
    <n v="149371.9344057221"/>
    <x v="17"/>
  </r>
  <r>
    <n v="168688.01120391797"/>
    <x v="18"/>
  </r>
  <r>
    <n v="179276.02760505149"/>
    <x v="19"/>
  </r>
  <r>
    <n v="203478.76955386504"/>
    <x v="20"/>
  </r>
  <r>
    <n v="191974.96457436073"/>
    <x v="21"/>
  </r>
  <r>
    <n v="170021.19713883035"/>
    <x v="22"/>
  </r>
  <r>
    <n v="157715.81445614327"/>
    <x v="23"/>
  </r>
  <r>
    <n v="154501.65674849259"/>
    <x v="0"/>
  </r>
  <r>
    <n v="165269.78887058387"/>
    <x v="1"/>
  </r>
  <r>
    <n v="166415.67743697242"/>
    <x v="2"/>
  </r>
  <r>
    <n v="162959.89886668214"/>
    <x v="3"/>
  </r>
  <r>
    <n v="170647.69383398068"/>
    <x v="4"/>
  </r>
  <r>
    <n v="194409.19535633319"/>
    <x v="5"/>
  </r>
  <r>
    <n v="240476.39528347095"/>
    <x v="6"/>
  </r>
  <r>
    <n v="223580.04989879302"/>
    <x v="7"/>
  </r>
  <r>
    <n v="218660.68179304802"/>
    <x v="8"/>
  </r>
  <r>
    <n v="222444.3668315773"/>
    <x v="9"/>
  </r>
  <r>
    <n v="185643.45776825037"/>
    <x v="10"/>
  </r>
  <r>
    <n v="166723.88351199328"/>
    <x v="11"/>
  </r>
  <r>
    <n v="137744.92259249961"/>
    <x v="12"/>
  </r>
  <r>
    <n v="123009.0209056874"/>
    <x v="13"/>
  </r>
  <r>
    <n v="122028.43874701238"/>
    <x v="14"/>
  </r>
  <r>
    <n v="123994.1388417726"/>
    <x v="15"/>
  </r>
  <r>
    <n v="150330.25345694218"/>
    <x v="16"/>
  </r>
  <r>
    <n v="136502.08934359773"/>
    <x v="17"/>
  </r>
  <r>
    <n v="166170.48842943684"/>
    <x v="18"/>
  </r>
  <r>
    <n v="145802.02055653397"/>
    <x v="19"/>
  </r>
  <r>
    <n v="172186.63775147632"/>
    <x v="20"/>
  </r>
  <r>
    <n v="163787.17930852252"/>
    <x v="21"/>
  </r>
  <r>
    <n v="166339.53685351374"/>
    <x v="22"/>
  </r>
  <r>
    <n v="151082.8145255791"/>
    <x v="23"/>
  </r>
  <r>
    <n v="144930.39533088019"/>
    <x v="0"/>
  </r>
  <r>
    <n v="156263.41317163364"/>
    <x v="1"/>
  </r>
  <r>
    <n v="161551.01080679405"/>
    <x v="2"/>
  </r>
  <r>
    <n v="173335.3989768913"/>
    <x v="3"/>
  </r>
  <r>
    <n v="200843.58871336415"/>
    <x v="4"/>
  </r>
  <r>
    <n v="202275.82090765657"/>
    <x v="5"/>
  </r>
  <r>
    <n v="206154.92358363778"/>
    <x v="6"/>
  </r>
  <r>
    <n v="233470.69052311333"/>
    <x v="7"/>
  </r>
  <r>
    <n v="250150.73980235844"/>
    <x v="8"/>
  </r>
  <r>
    <n v="227574.52763283081"/>
    <x v="9"/>
  </r>
  <r>
    <n v="207081.15956930997"/>
    <x v="10"/>
  </r>
  <r>
    <n v="188320.38288018285"/>
    <x v="11"/>
  </r>
  <r>
    <n v="180074.91408030424"/>
    <x v="12"/>
  </r>
  <r>
    <n v="163776.3690390283"/>
    <x v="13"/>
  </r>
  <r>
    <n v="138034.62269568697"/>
    <x v="14"/>
  </r>
  <r>
    <n v="155360.99001736485"/>
    <x v="15"/>
  </r>
  <r>
    <n v="143972.43914185287"/>
    <x v="16"/>
  </r>
  <r>
    <n v="164803.79821872132"/>
    <x v="17"/>
  </r>
  <r>
    <n v="155641.66392350598"/>
    <x v="18"/>
  </r>
  <r>
    <n v="168454.72105245505"/>
    <x v="19"/>
  </r>
  <r>
    <n v="160425.50300023519"/>
    <x v="20"/>
  </r>
  <r>
    <n v="148066.65862114023"/>
    <x v="21"/>
  </r>
  <r>
    <n v="138741.05490806248"/>
    <x v="22"/>
  </r>
  <r>
    <n v="124644.76587274499"/>
    <x v="23"/>
  </r>
  <r>
    <n v="106026.82837389303"/>
    <x v="0"/>
  </r>
  <r>
    <n v="100203.10184885089"/>
    <x v="1"/>
  </r>
  <r>
    <n v="103622.9419427946"/>
    <x v="2"/>
  </r>
  <r>
    <n v="93300.729657525895"/>
    <x v="3"/>
  </r>
  <r>
    <n v="90768.715074219261"/>
    <x v="4"/>
  </r>
  <r>
    <n v="98817.693996689428"/>
    <x v="5"/>
  </r>
  <r>
    <n v="113985.42437183659"/>
    <x v="6"/>
  </r>
  <r>
    <n v="115757.21242268314"/>
    <x v="7"/>
  </r>
  <r>
    <n v="141293.6241226662"/>
    <x v="8"/>
  </r>
  <r>
    <n v="164221.47999554602"/>
    <x v="9"/>
  </r>
  <r>
    <n v="153633.20656702592"/>
    <x v="10"/>
  </r>
  <r>
    <n v="158854.64232903"/>
    <x v="11"/>
  </r>
  <r>
    <n v="151190.66019313486"/>
    <x v="12"/>
  </r>
  <r>
    <n v="144862.87272450083"/>
    <x v="13"/>
  </r>
  <r>
    <n v="157259.69667977685"/>
    <x v="14"/>
  </r>
  <r>
    <n v="136573.54295706589"/>
    <x v="15"/>
  </r>
  <r>
    <n v="145365.0286415804"/>
    <x v="16"/>
  </r>
  <r>
    <n v="137136.81091511849"/>
    <x v="17"/>
  </r>
  <r>
    <n v="166824.23002756422"/>
    <x v="18"/>
  </r>
  <r>
    <n v="183873.29503764247"/>
    <x v="19"/>
  </r>
  <r>
    <n v="170888.22611004184"/>
    <x v="20"/>
  </r>
  <r>
    <n v="165812.96333470941"/>
    <x v="21"/>
  </r>
  <r>
    <n v="141833.06413005735"/>
    <x v="22"/>
  </r>
  <r>
    <n v="111738.25660988846"/>
    <x v="23"/>
  </r>
  <r>
    <n v="88815.027229966989"/>
    <x v="0"/>
  </r>
  <r>
    <n v="85531.577962746975"/>
    <x v="1"/>
  </r>
  <r>
    <n v="85572.173170567985"/>
    <x v="2"/>
  </r>
  <r>
    <n v="81210.38818185484"/>
    <x v="3"/>
  </r>
  <r>
    <n v="91803.325901478383"/>
    <x v="4"/>
  </r>
  <r>
    <n v="99377.091424685335"/>
    <x v="5"/>
  </r>
  <r>
    <n v="144175.14303431325"/>
    <x v="6"/>
  </r>
  <r>
    <n v="116909.5644718812"/>
    <x v="7"/>
  </r>
  <r>
    <n v="112788.63682327692"/>
    <x v="8"/>
  </r>
  <r>
    <n v="113237.913135383"/>
    <x v="9"/>
  </r>
  <r>
    <n v="110794.24793639743"/>
    <x v="10"/>
  </r>
  <r>
    <n v="104645.34396919137"/>
    <x v="11"/>
  </r>
  <r>
    <n v="126071.62317080637"/>
    <x v="12"/>
  </r>
  <r>
    <n v="120514.78934820744"/>
    <x v="13"/>
  </r>
  <r>
    <n v="128374.56587564152"/>
    <x v="14"/>
  </r>
  <r>
    <n v="145525.8068315128"/>
    <x v="15"/>
  </r>
  <r>
    <n v="147706.47253699886"/>
    <x v="16"/>
  </r>
  <r>
    <n v="166640.84854687113"/>
    <x v="17"/>
  </r>
  <r>
    <n v="158922.3614857638"/>
    <x v="18"/>
  </r>
  <r>
    <n v="194328.85161914109"/>
    <x v="19"/>
  </r>
  <r>
    <n v="196420.57072961377"/>
    <x v="20"/>
  </r>
  <r>
    <n v="198646.42789736312"/>
    <x v="21"/>
  </r>
  <r>
    <n v="148102.09816197169"/>
    <x v="22"/>
  </r>
  <r>
    <n v="120429.38821920304"/>
    <x v="23"/>
  </r>
  <r>
    <n v="94058.710980167933"/>
    <x v="0"/>
  </r>
  <r>
    <n v="87605.932605367736"/>
    <x v="1"/>
  </r>
  <r>
    <n v="83141.253506104957"/>
    <x v="2"/>
  </r>
  <r>
    <n v="81288.819332905638"/>
    <x v="3"/>
  </r>
  <r>
    <n v="88054.951890087235"/>
    <x v="4"/>
  </r>
  <r>
    <n v="93615.618444597727"/>
    <x v="5"/>
  </r>
  <r>
    <n v="136172.85238065172"/>
    <x v="6"/>
  </r>
  <r>
    <n v="106099.43105097176"/>
    <x v="7"/>
  </r>
  <r>
    <n v="102310.31063917928"/>
    <x v="8"/>
  </r>
  <r>
    <n v="109792.99019236106"/>
    <x v="9"/>
  </r>
  <r>
    <n v="118345.09266442498"/>
    <x v="10"/>
  </r>
  <r>
    <n v="112474.2318524622"/>
    <x v="11"/>
  </r>
  <r>
    <n v="111240.06949804274"/>
    <x v="12"/>
  </r>
  <r>
    <n v="117786.90477707179"/>
    <x v="13"/>
  </r>
  <r>
    <n v="120251.33627696692"/>
    <x v="14"/>
  </r>
  <r>
    <n v="138018.91378658975"/>
    <x v="15"/>
  </r>
  <r>
    <n v="139311.61034848742"/>
    <x v="16"/>
  </r>
  <r>
    <n v="133951.16812811972"/>
    <x v="17"/>
  </r>
  <r>
    <n v="132563.49238725318"/>
    <x v="18"/>
  </r>
  <r>
    <n v="162567.76579031514"/>
    <x v="19"/>
  </r>
  <r>
    <n v="168204.01351573705"/>
    <x v="20"/>
  </r>
  <r>
    <n v="173309.72647674973"/>
    <x v="21"/>
  </r>
  <r>
    <n v="145449.01611995869"/>
    <x v="22"/>
  </r>
  <r>
    <n v="109522.86196869853"/>
    <x v="23"/>
  </r>
  <r>
    <n v="115269.62391071919"/>
    <x v="0"/>
  </r>
  <r>
    <n v="110882.2571374127"/>
    <x v="1"/>
  </r>
  <r>
    <n v="103648.46325035581"/>
    <x v="2"/>
  </r>
  <r>
    <n v="111813.32372602673"/>
    <x v="3"/>
  </r>
  <r>
    <n v="134882.15156081456"/>
    <x v="4"/>
  </r>
  <r>
    <n v="149297.9709954203"/>
    <x v="5"/>
  </r>
  <r>
    <n v="205212.52511112732"/>
    <x v="6"/>
  </r>
  <r>
    <n v="191583.31531425082"/>
    <x v="7"/>
  </r>
  <r>
    <n v="205888.41642227437"/>
    <x v="8"/>
  </r>
  <r>
    <n v="184008.59727778775"/>
    <x v="9"/>
  </r>
  <r>
    <n v="140832.78913779321"/>
    <x v="10"/>
  </r>
  <r>
    <n v="141894.70534506152"/>
    <x v="11"/>
  </r>
  <r>
    <n v="146388.46633715249"/>
    <x v="12"/>
  </r>
  <r>
    <n v="141730.11710210462"/>
    <x v="13"/>
  </r>
  <r>
    <n v="130769.2446785973"/>
    <x v="14"/>
  </r>
  <r>
    <n v="126648.54381886355"/>
    <x v="15"/>
  </r>
  <r>
    <n v="128670.28344352638"/>
    <x v="16"/>
  </r>
  <r>
    <n v="158330.35181818879"/>
    <x v="17"/>
  </r>
  <r>
    <n v="148363.16239044286"/>
    <x v="18"/>
  </r>
  <r>
    <n v="185064.7228092291"/>
    <x v="19"/>
  </r>
  <r>
    <n v="190098.99727603167"/>
    <x v="20"/>
  </r>
  <r>
    <n v="179219.14895632799"/>
    <x v="21"/>
  </r>
  <r>
    <n v="178427.97330267253"/>
    <x v="22"/>
  </r>
  <r>
    <n v="162129.54921546087"/>
    <x v="23"/>
  </r>
  <r>
    <n v="147147.25654009936"/>
    <x v="0"/>
  </r>
  <r>
    <n v="168074.30540106431"/>
    <x v="1"/>
  </r>
  <r>
    <n v="172639.82239178414"/>
    <x v="2"/>
  </r>
  <r>
    <n v="194109.5014235854"/>
    <x v="3"/>
  </r>
  <r>
    <n v="192558.53769595287"/>
    <x v="4"/>
  </r>
  <r>
    <n v="200990.54790145357"/>
    <x v="5"/>
  </r>
  <r>
    <n v="246677.01467278189"/>
    <x v="6"/>
  </r>
  <r>
    <n v="255807.8974616412"/>
    <x v="7"/>
  </r>
  <r>
    <n v="245792.44736225111"/>
    <x v="8"/>
  </r>
  <r>
    <n v="220332.70541975793"/>
    <x v="9"/>
  </r>
  <r>
    <n v="179963.60610265873"/>
    <x v="10"/>
  </r>
  <r>
    <n v="153518.55723335492"/>
    <x v="11"/>
  </r>
  <r>
    <n v="152106.58484482791"/>
    <x v="12"/>
  </r>
  <r>
    <n v="127282.83449153035"/>
    <x v="13"/>
  </r>
  <r>
    <n v="121513.83968057089"/>
    <x v="14"/>
  </r>
  <r>
    <n v="122123.82614594819"/>
    <x v="15"/>
  </r>
  <r>
    <n v="128379.29820340613"/>
    <x v="16"/>
  </r>
  <r>
    <n v="156380.57230213826"/>
    <x v="17"/>
  </r>
  <r>
    <n v="162843.11771762837"/>
    <x v="18"/>
  </r>
  <r>
    <n v="185748.35518048951"/>
    <x v="19"/>
  </r>
  <r>
    <n v="167999.23828492605"/>
    <x v="20"/>
  </r>
  <r>
    <n v="204059.36418162449"/>
    <x v="21"/>
  </r>
  <r>
    <n v="147443.15553908062"/>
    <x v="22"/>
  </r>
  <r>
    <n v="127798.70357564669"/>
    <x v="23"/>
  </r>
  <r>
    <n v="133749.53770297978"/>
    <x v="0"/>
  </r>
  <r>
    <n v="132027.99850620885"/>
    <x v="1"/>
  </r>
  <r>
    <n v="134648.95212489984"/>
    <x v="2"/>
  </r>
  <r>
    <n v="150689.88012853632"/>
    <x v="3"/>
  </r>
  <r>
    <n v="147518.61575592778"/>
    <x v="4"/>
  </r>
  <r>
    <n v="198819.07470485213"/>
    <x v="5"/>
  </r>
  <r>
    <n v="223160.85335054534"/>
    <x v="6"/>
  </r>
  <r>
    <n v="210589.61363459035"/>
    <x v="7"/>
  </r>
  <r>
    <n v="192565.25064651991"/>
    <x v="8"/>
  </r>
  <r>
    <n v="176163.07821067967"/>
    <x v="9"/>
  </r>
  <r>
    <n v="147083.93708745344"/>
    <x v="10"/>
  </r>
  <r>
    <n v="136513.70093376777"/>
    <x v="11"/>
  </r>
  <r>
    <n v="136151.39815350162"/>
    <x v="12"/>
  </r>
  <r>
    <n v="131154.42289626869"/>
    <x v="13"/>
  </r>
  <r>
    <n v="116260.5476418894"/>
    <x v="14"/>
  </r>
  <r>
    <n v="140759.91431406984"/>
    <x v="15"/>
  </r>
  <r>
    <n v="168875.14226060343"/>
    <x v="16"/>
  </r>
  <r>
    <n v="155354.32242457187"/>
    <x v="17"/>
  </r>
  <r>
    <n v="132547.10311154445"/>
    <x v="18"/>
  </r>
  <r>
    <n v="146915.29688334343"/>
    <x v="19"/>
  </r>
  <r>
    <n v="168348.90136547585"/>
    <x v="20"/>
  </r>
  <r>
    <n v="172064.82188949722"/>
    <x v="21"/>
  </r>
  <r>
    <n v="161780.44554745831"/>
    <x v="22"/>
  </r>
  <r>
    <n v="144871.67213267653"/>
    <x v="23"/>
  </r>
  <r>
    <n v="123551.65107652373"/>
    <x v="0"/>
  </r>
  <r>
    <n v="107378.61099618711"/>
    <x v="1"/>
  </r>
  <r>
    <n v="110276.85180721965"/>
    <x v="2"/>
  </r>
  <r>
    <n v="105820.07252027957"/>
    <x v="3"/>
  </r>
  <r>
    <n v="105966.96367170784"/>
    <x v="4"/>
  </r>
  <r>
    <n v="110317.73428094329"/>
    <x v="5"/>
  </r>
  <r>
    <n v="112631.47969564366"/>
    <x v="6"/>
  </r>
  <r>
    <n v="121764.15411657997"/>
    <x v="7"/>
  </r>
  <r>
    <n v="141562.52012679892"/>
    <x v="8"/>
  </r>
  <r>
    <n v="163561.04056610962"/>
    <x v="9"/>
  </r>
  <r>
    <n v="162712.12446602274"/>
    <x v="10"/>
  </r>
  <r>
    <n v="160578.29822192565"/>
    <x v="11"/>
  </r>
  <r>
    <n v="154041.22998358653"/>
    <x v="12"/>
  </r>
  <r>
    <n v="144257.92097204877"/>
    <x v="13"/>
  </r>
  <r>
    <n v="137924.70568978059"/>
    <x v="14"/>
  </r>
  <r>
    <n v="140892.97890402612"/>
    <x v="15"/>
  </r>
  <r>
    <n v="155526.69708541626"/>
    <x v="16"/>
  </r>
  <r>
    <n v="145535.43779888039"/>
    <x v="17"/>
  </r>
  <r>
    <n v="114220.81610016624"/>
    <x v="18"/>
  </r>
  <r>
    <n v="130617.4775664531"/>
    <x v="19"/>
  </r>
  <r>
    <n v="113827.07282281865"/>
    <x v="20"/>
  </r>
  <r>
    <n v="129792.69180218832"/>
    <x v="21"/>
  </r>
  <r>
    <n v="125858.83473323738"/>
    <x v="22"/>
  </r>
  <r>
    <n v="127353.41118803254"/>
    <x v="23"/>
  </r>
  <r>
    <n v="105381.02438623343"/>
    <x v="0"/>
  </r>
  <r>
    <n v="89016.536701042671"/>
    <x v="1"/>
  </r>
  <r>
    <n v="80438.686132547024"/>
    <x v="2"/>
  </r>
  <r>
    <n v="77018.248827910968"/>
    <x v="3"/>
  </r>
  <r>
    <n v="71819.378558522454"/>
    <x v="4"/>
  </r>
  <r>
    <n v="76975.113584740262"/>
    <x v="5"/>
  </r>
  <r>
    <n v="80279.964161707248"/>
    <x v="6"/>
  </r>
  <r>
    <n v="93134.689965797705"/>
    <x v="7"/>
  </r>
  <r>
    <n v="127086.63188002455"/>
    <x v="8"/>
  </r>
  <r>
    <n v="146957.46449399993"/>
    <x v="9"/>
  </r>
  <r>
    <n v="136140.17966404048"/>
    <x v="10"/>
  </r>
  <r>
    <n v="133934.56718279852"/>
    <x v="11"/>
  </r>
  <r>
    <n v="147323.53196951648"/>
    <x v="12"/>
  </r>
  <r>
    <n v="149021.47000449648"/>
    <x v="13"/>
  </r>
  <r>
    <n v="148323.39874181375"/>
    <x v="14"/>
  </r>
  <r>
    <n v="183163.86921217627"/>
    <x v="15"/>
  </r>
  <r>
    <n v="165140.05051739505"/>
    <x v="16"/>
  </r>
  <r>
    <n v="164128.25465050904"/>
    <x v="17"/>
  </r>
  <r>
    <n v="163669.83874692151"/>
    <x v="18"/>
  </r>
  <r>
    <n v="150025.23754536649"/>
    <x v="19"/>
  </r>
  <r>
    <n v="171265.07361653657"/>
    <x v="20"/>
  </r>
  <r>
    <n v="154550.14420900727"/>
    <x v="21"/>
  </r>
  <r>
    <n v="143888.63309457101"/>
    <x v="22"/>
  </r>
  <r>
    <n v="132192.35996029529"/>
    <x v="23"/>
  </r>
  <r>
    <n v="116830.94433010496"/>
    <x v="0"/>
  </r>
  <r>
    <n v="103166.57469867064"/>
    <x v="1"/>
  </r>
  <r>
    <n v="117843.29960953818"/>
    <x v="2"/>
  </r>
  <r>
    <n v="107240.20930814488"/>
    <x v="3"/>
  </r>
  <r>
    <n v="116094.28872091969"/>
    <x v="4"/>
  </r>
  <r>
    <n v="144203.76378977139"/>
    <x v="5"/>
  </r>
  <r>
    <n v="180196.14029121996"/>
    <x v="6"/>
  </r>
  <r>
    <n v="171077.26219323959"/>
    <x v="7"/>
  </r>
  <r>
    <n v="163651.83171060312"/>
    <x v="8"/>
  </r>
  <r>
    <n v="151704.41258112644"/>
    <x v="9"/>
  </r>
  <r>
    <n v="168668.46200328015"/>
    <x v="10"/>
  </r>
  <r>
    <n v="129924.42589743758"/>
    <x v="11"/>
  </r>
  <r>
    <n v="128758.77646079875"/>
    <x v="12"/>
  </r>
  <r>
    <n v="126551.8032463337"/>
    <x v="13"/>
  </r>
  <r>
    <n v="129448.41117749858"/>
    <x v="14"/>
  </r>
  <r>
    <n v="148977.95677987498"/>
    <x v="15"/>
  </r>
  <r>
    <n v="137624.73961038821"/>
    <x v="16"/>
  </r>
  <r>
    <n v="141319.93163164516"/>
    <x v="17"/>
  </r>
  <r>
    <n v="151145.49896938761"/>
    <x v="18"/>
  </r>
  <r>
    <n v="151820.75527169724"/>
    <x v="19"/>
  </r>
  <r>
    <n v="140253.99370173979"/>
    <x v="20"/>
  </r>
  <r>
    <n v="123709.42809373639"/>
    <x v="21"/>
  </r>
  <r>
    <n v="129141.55071644274"/>
    <x v="22"/>
  </r>
  <r>
    <n v="114913.69389771433"/>
    <x v="23"/>
  </r>
  <r>
    <n v="105069.3106433487"/>
    <x v="0"/>
  </r>
  <r>
    <n v="95243.350204897361"/>
    <x v="1"/>
  </r>
  <r>
    <n v="103689.58007257897"/>
    <x v="2"/>
  </r>
  <r>
    <n v="100967.42570023815"/>
    <x v="3"/>
  </r>
  <r>
    <n v="105017.71617530806"/>
    <x v="4"/>
  </r>
  <r>
    <n v="135010.43846523212"/>
    <x v="5"/>
  </r>
  <r>
    <n v="181926.04043768361"/>
    <x v="6"/>
  </r>
  <r>
    <n v="188136.95604171566"/>
    <x v="7"/>
  </r>
  <r>
    <n v="160383.87968286788"/>
    <x v="8"/>
  </r>
  <r>
    <n v="154237.47795286644"/>
    <x v="9"/>
  </r>
  <r>
    <n v="133253.18758098516"/>
    <x v="10"/>
  </r>
  <r>
    <n v="109038.69040905026"/>
    <x v="11"/>
  </r>
  <r>
    <n v="124070.28698486027"/>
    <x v="12"/>
  </r>
  <r>
    <n v="103969.3921810122"/>
    <x v="13"/>
  </r>
  <r>
    <n v="118047.84049184968"/>
    <x v="14"/>
  </r>
  <r>
    <n v="116709.32501848033"/>
    <x v="15"/>
  </r>
  <r>
    <n v="132004.71484883665"/>
    <x v="16"/>
  </r>
  <r>
    <n v="143311.12279545047"/>
    <x v="17"/>
  </r>
  <r>
    <n v="147461.58591462395"/>
    <x v="18"/>
  </r>
  <r>
    <n v="155690.86198914825"/>
    <x v="19"/>
  </r>
  <r>
    <n v="168611.00882275135"/>
    <x v="20"/>
  </r>
  <r>
    <n v="185762.14394381642"/>
    <x v="21"/>
  </r>
  <r>
    <n v="126769.31645203826"/>
    <x v="22"/>
  </r>
  <r>
    <n v="102595.41448792435"/>
    <x v="23"/>
  </r>
  <r>
    <n v="104058.99646375004"/>
    <x v="0"/>
  </r>
  <r>
    <n v="90430.225125356519"/>
    <x v="1"/>
  </r>
  <r>
    <n v="95923.815091599652"/>
    <x v="2"/>
  </r>
  <r>
    <n v="83764.658312987347"/>
    <x v="3"/>
  </r>
  <r>
    <n v="98476.777406912239"/>
    <x v="4"/>
  </r>
  <r>
    <n v="106109.09981648445"/>
    <x v="5"/>
  </r>
  <r>
    <n v="149152.58421016642"/>
    <x v="6"/>
  </r>
  <r>
    <n v="151929.44761770286"/>
    <x v="7"/>
  </r>
  <r>
    <n v="125081.16057700619"/>
    <x v="8"/>
  </r>
  <r>
    <n v="120603.05557660932"/>
    <x v="9"/>
  </r>
  <r>
    <n v="108839.72853295328"/>
    <x v="10"/>
  </r>
  <r>
    <n v="127621.85361442428"/>
    <x v="11"/>
  </r>
  <r>
    <n v="130560.65939476174"/>
    <x v="12"/>
  </r>
  <r>
    <n v="105777.23966226957"/>
    <x v="13"/>
  </r>
  <r>
    <n v="124171.86571996096"/>
    <x v="14"/>
  </r>
  <r>
    <n v="135084.68914143657"/>
    <x v="15"/>
  </r>
  <r>
    <n v="141190.16303994026"/>
    <x v="16"/>
  </r>
  <r>
    <n v="163431.77090991984"/>
    <x v="17"/>
  </r>
  <r>
    <n v="151655.30523103234"/>
    <x v="18"/>
  </r>
  <r>
    <n v="156748.30289603854"/>
    <x v="19"/>
  </r>
  <r>
    <n v="152584.8976919881"/>
    <x v="20"/>
  </r>
  <r>
    <n v="151561.3239230937"/>
    <x v="21"/>
  </r>
  <r>
    <n v="126983.82092539409"/>
    <x v="22"/>
  </r>
  <r>
    <n v="104224.30287146359"/>
    <x v="23"/>
  </r>
  <r>
    <n v="99979.064683304678"/>
    <x v="0"/>
  </r>
  <r>
    <n v="80075.241848299353"/>
    <x v="1"/>
  </r>
  <r>
    <n v="79436.959691511613"/>
    <x v="2"/>
  </r>
  <r>
    <n v="86125.469977947214"/>
    <x v="3"/>
  </r>
  <r>
    <n v="86744.459961483721"/>
    <x v="4"/>
  </r>
  <r>
    <n v="100448.29841601549"/>
    <x v="5"/>
  </r>
  <r>
    <n v="129005.44715562167"/>
    <x v="6"/>
  </r>
  <r>
    <n v="118439.92065081354"/>
    <x v="7"/>
  </r>
  <r>
    <n v="113315.24058059734"/>
    <x v="8"/>
  </r>
  <r>
    <n v="126344.6164938663"/>
    <x v="9"/>
  </r>
  <r>
    <n v="124294.71725111535"/>
    <x v="10"/>
  </r>
  <r>
    <n v="107685.99307164512"/>
    <x v="11"/>
  </r>
  <r>
    <n v="110429.91161592574"/>
    <x v="12"/>
  </r>
  <r>
    <n v="129060.05791564008"/>
    <x v="13"/>
  </r>
  <r>
    <n v="123832.40813858405"/>
    <x v="14"/>
  </r>
  <r>
    <n v="135811.38115957749"/>
    <x v="15"/>
  </r>
  <r>
    <n v="150006.53502317856"/>
    <x v="16"/>
  </r>
  <r>
    <n v="181399.784423298"/>
    <x v="17"/>
  </r>
  <r>
    <n v="184495.99679902627"/>
    <x v="18"/>
  </r>
  <r>
    <n v="233569.23784697821"/>
    <x v="19"/>
  </r>
  <r>
    <n v="237343.97228475148"/>
    <x v="20"/>
  </r>
  <r>
    <n v="256114.12291385961"/>
    <x v="21"/>
  </r>
  <r>
    <n v="212882.97828946103"/>
    <x v="22"/>
  </r>
  <r>
    <n v="223014.30238242284"/>
    <x v="23"/>
  </r>
  <r>
    <n v="145460.73867320534"/>
    <x v="0"/>
  </r>
  <r>
    <n v="157553.62406070367"/>
    <x v="1"/>
  </r>
  <r>
    <n v="147881.60359590713"/>
    <x v="2"/>
  </r>
  <r>
    <n v="158810.78538647707"/>
    <x v="3"/>
  </r>
  <r>
    <n v="156269.91005905496"/>
    <x v="4"/>
  </r>
  <r>
    <n v="168644.36489201759"/>
    <x v="5"/>
  </r>
  <r>
    <n v="189037.02290101844"/>
    <x v="6"/>
  </r>
  <r>
    <n v="189636.88266872067"/>
    <x v="7"/>
  </r>
  <r>
    <n v="178307.48818102808"/>
    <x v="8"/>
  </r>
  <r>
    <n v="176589.48946454065"/>
    <x v="9"/>
  </r>
  <r>
    <n v="182701.52880305573"/>
    <x v="10"/>
  </r>
  <r>
    <n v="172535.74178434187"/>
    <x v="11"/>
  </r>
  <r>
    <n v="143697.6773100897"/>
    <x v="12"/>
  </r>
  <r>
    <n v="130357.58518005036"/>
    <x v="13"/>
  </r>
  <r>
    <n v="102930.96739079061"/>
    <x v="14"/>
  </r>
  <r>
    <n v="112126.93020617553"/>
    <x v="15"/>
  </r>
  <r>
    <n v="122736.02728611372"/>
    <x v="16"/>
  </r>
  <r>
    <n v="135818.83829930515"/>
    <x v="17"/>
  </r>
  <r>
    <n v="159341.57188190034"/>
    <x v="18"/>
  </r>
  <r>
    <n v="165773.97363401289"/>
    <x v="19"/>
  </r>
  <r>
    <n v="169284.01094999953"/>
    <x v="20"/>
  </r>
  <r>
    <n v="179893.63139321929"/>
    <x v="21"/>
  </r>
  <r>
    <n v="179399.96096725162"/>
    <x v="22"/>
  </r>
  <r>
    <n v="193283.80618503623"/>
    <x v="23"/>
  </r>
  <r>
    <n v="203537.81729977982"/>
    <x v="0"/>
  </r>
  <r>
    <n v="198726.78431297059"/>
    <x v="1"/>
  </r>
  <r>
    <n v="186488.67095528875"/>
    <x v="2"/>
  </r>
  <r>
    <n v="201598.66021375352"/>
    <x v="3"/>
  </r>
  <r>
    <n v="213262.35566774561"/>
    <x v="4"/>
  </r>
  <r>
    <n v="214238.43886868635"/>
    <x v="5"/>
  </r>
  <r>
    <n v="210102.52315328701"/>
    <x v="6"/>
  </r>
  <r>
    <n v="221968.8563251817"/>
    <x v="7"/>
  </r>
  <r>
    <n v="232520.1805073687"/>
    <x v="8"/>
  </r>
  <r>
    <n v="237368.93837398145"/>
    <x v="9"/>
  </r>
  <r>
    <n v="213510.28033082568"/>
    <x v="10"/>
  </r>
  <r>
    <n v="197177.82125553477"/>
    <x v="11"/>
  </r>
  <r>
    <n v="174899.80576967247"/>
    <x v="12"/>
  </r>
  <r>
    <n v="146912.11049996037"/>
    <x v="13"/>
  </r>
  <r>
    <n v="125152.09649221535"/>
    <x v="14"/>
  </r>
  <r>
    <n v="114603.53865880215"/>
    <x v="15"/>
  </r>
  <r>
    <n v="126137.11959247534"/>
    <x v="16"/>
  </r>
  <r>
    <n v="133772.09267583248"/>
    <x v="17"/>
  </r>
  <r>
    <n v="134369.89103305846"/>
    <x v="18"/>
  </r>
  <r>
    <n v="149347.08486949693"/>
    <x v="19"/>
  </r>
  <r>
    <n v="174350.03934463119"/>
    <x v="20"/>
  </r>
  <r>
    <n v="185822.78196704711"/>
    <x v="21"/>
  </r>
  <r>
    <n v="187632.78581225121"/>
    <x v="22"/>
  </r>
  <r>
    <n v="181955.17004005771"/>
    <x v="23"/>
  </r>
  <r>
    <n v="179444.90612416359"/>
    <x v="0"/>
  </r>
  <r>
    <n v="175312.40829141915"/>
    <x v="1"/>
  </r>
  <r>
    <n v="184169.48804157035"/>
    <x v="2"/>
  </r>
  <r>
    <n v="197311.14004084261"/>
    <x v="3"/>
  </r>
  <r>
    <n v="192675.76486072884"/>
    <x v="4"/>
  </r>
  <r>
    <n v="203771.81409104116"/>
    <x v="5"/>
  </r>
  <r>
    <n v="212288.55817583032"/>
    <x v="6"/>
  </r>
  <r>
    <n v="234093.19691398842"/>
    <x v="7"/>
  </r>
  <r>
    <n v="250621.97062427035"/>
    <x v="8"/>
  </r>
  <r>
    <n v="237431.99830896439"/>
    <x v="9"/>
  </r>
  <r>
    <n v="168621.49712087962"/>
    <x v="10"/>
  </r>
  <r>
    <n v="163461.34878263855"/>
    <x v="11"/>
  </r>
  <r>
    <n v="142538.6839826951"/>
    <x v="12"/>
  </r>
  <r>
    <n v="126712.89396834378"/>
    <x v="13"/>
  </r>
  <r>
    <n v="123969.64794510147"/>
    <x v="14"/>
  </r>
  <r>
    <n v="113431.09809933716"/>
    <x v="15"/>
  </r>
  <r>
    <n v="120338.56417871472"/>
    <x v="16"/>
  </r>
  <r>
    <n v="143361.99850984494"/>
    <x v="17"/>
  </r>
  <r>
    <n v="163376.47848396399"/>
    <x v="18"/>
  </r>
  <r>
    <n v="179123.95626198483"/>
    <x v="19"/>
  </r>
  <r>
    <n v="187977.13748973276"/>
    <x v="20"/>
  </r>
  <r>
    <n v="198914.55424132437"/>
    <x v="21"/>
  </r>
  <r>
    <n v="186492.2170085432"/>
    <x v="22"/>
  </r>
  <r>
    <n v="187904.95608041453"/>
    <x v="23"/>
  </r>
  <r>
    <n v="183806.80796835184"/>
    <x v="0"/>
  </r>
  <r>
    <n v="175822.33502176421"/>
    <x v="1"/>
  </r>
  <r>
    <n v="193330.97296567392"/>
    <x v="2"/>
  </r>
  <r>
    <n v="184772.61615956132"/>
    <x v="3"/>
  </r>
  <r>
    <n v="190323.12942052557"/>
    <x v="4"/>
  </r>
  <r>
    <n v="228831.13158733145"/>
    <x v="5"/>
  </r>
  <r>
    <n v="234540.27732701646"/>
    <x v="6"/>
  </r>
  <r>
    <n v="237074.57323032783"/>
    <x v="7"/>
  </r>
  <r>
    <n v="228877.91385617046"/>
    <x v="8"/>
  </r>
  <r>
    <n v="203602.67162315661"/>
    <x v="9"/>
  </r>
  <r>
    <n v="147587.23845225354"/>
    <x v="10"/>
  </r>
  <r>
    <n v="138518.95491579588"/>
    <x v="11"/>
  </r>
  <r>
    <n v="109068.93991394978"/>
    <x v="12"/>
  </r>
  <r>
    <n v="103412.08777888482"/>
    <x v="13"/>
  </r>
  <r>
    <n v="98902.544084887995"/>
    <x v="14"/>
  </r>
  <r>
    <n v="106862.58985137638"/>
    <x v="15"/>
  </r>
  <r>
    <n v="120371.45061838489"/>
    <x v="16"/>
  </r>
  <r>
    <n v="137456.39928368607"/>
    <x v="17"/>
  </r>
  <r>
    <n v="148798.57878868465"/>
    <x v="18"/>
  </r>
  <r>
    <n v="145528.7972615711"/>
    <x v="19"/>
  </r>
  <r>
    <n v="156648.73962781788"/>
    <x v="20"/>
  </r>
  <r>
    <n v="155667.62573084442"/>
    <x v="21"/>
  </r>
  <r>
    <n v="152166.57103771018"/>
    <x v="22"/>
  </r>
  <r>
    <n v="150676.36351928883"/>
    <x v="23"/>
  </r>
  <r>
    <n v="151885.68516877686"/>
    <x v="0"/>
  </r>
  <r>
    <n v="165528.38808437475"/>
    <x v="1"/>
  </r>
  <r>
    <n v="153977.58956682746"/>
    <x v="2"/>
  </r>
  <r>
    <n v="176746.41300193395"/>
    <x v="3"/>
  </r>
  <r>
    <n v="176255.67981887283"/>
    <x v="4"/>
  </r>
  <r>
    <n v="176192.95099127205"/>
    <x v="5"/>
  </r>
  <r>
    <n v="190972.12125139203"/>
    <x v="6"/>
  </r>
  <r>
    <n v="180808.7481123032"/>
    <x v="7"/>
  </r>
  <r>
    <n v="166383.80934671409"/>
    <x v="8"/>
  </r>
  <r>
    <n v="159008.63806866281"/>
    <x v="9"/>
  </r>
  <r>
    <n v="137448.33521679713"/>
    <x v="10"/>
  </r>
  <r>
    <n v="121250.9893152079"/>
    <x v="11"/>
  </r>
  <r>
    <n v="126410.75314165029"/>
    <x v="12"/>
  </r>
  <r>
    <n v="110965.09576382404"/>
    <x v="13"/>
  </r>
  <r>
    <n v="120135.90509904553"/>
    <x v="14"/>
  </r>
  <r>
    <n v="119314.35291763961"/>
    <x v="15"/>
  </r>
  <r>
    <n v="117092.54761693608"/>
    <x v="16"/>
  </r>
  <r>
    <n v="155000.94635723883"/>
    <x v="17"/>
  </r>
  <r>
    <n v="153052.26192331203"/>
    <x v="18"/>
  </r>
  <r>
    <n v="147985.64608009908"/>
    <x v="19"/>
  </r>
  <r>
    <n v="164861.12126218784"/>
    <x v="20"/>
  </r>
  <r>
    <n v="154798.1697878534"/>
    <x v="21"/>
  </r>
  <r>
    <n v="142780.41373346318"/>
    <x v="22"/>
  </r>
  <r>
    <n v="143029.20354809027"/>
    <x v="23"/>
  </r>
  <r>
    <n v="139202.93732034191"/>
    <x v="0"/>
  </r>
  <r>
    <n v="142125.05609615197"/>
    <x v="1"/>
  </r>
  <r>
    <n v="155022.16927234916"/>
    <x v="2"/>
  </r>
  <r>
    <n v="165508.60708850948"/>
    <x v="3"/>
  </r>
  <r>
    <n v="167947.61883193214"/>
    <x v="4"/>
  </r>
  <r>
    <n v="187159.70812927934"/>
    <x v="5"/>
  </r>
  <r>
    <n v="217685.75803795553"/>
    <x v="6"/>
  </r>
  <r>
    <n v="191265.73873321485"/>
    <x v="7"/>
  </r>
  <r>
    <n v="176960.66083997994"/>
    <x v="8"/>
  </r>
  <r>
    <n v="170764.85133376982"/>
    <x v="9"/>
  </r>
  <r>
    <n v="150685.38886567441"/>
    <x v="10"/>
  </r>
  <r>
    <n v="124005.83477771028"/>
    <x v="11"/>
  </r>
  <r>
    <n v="121500.03547103412"/>
    <x v="12"/>
  </r>
  <r>
    <n v="96417.305478557755"/>
    <x v="13"/>
  </r>
  <r>
    <n v="91211.966323088884"/>
    <x v="14"/>
  </r>
  <r>
    <n v="100984.57934677255"/>
    <x v="15"/>
  </r>
  <r>
    <n v="106168.46060769859"/>
    <x v="16"/>
  </r>
  <r>
    <n v="117510.31968619829"/>
    <x v="17"/>
  </r>
  <r>
    <n v="132484.30925764778"/>
    <x v="18"/>
  </r>
  <r>
    <n v="142423.67223135757"/>
    <x v="19"/>
  </r>
  <r>
    <n v="152372.93638388329"/>
    <x v="20"/>
  </r>
  <r>
    <n v="135227.56596177339"/>
    <x v="21"/>
  </r>
  <r>
    <n v="124200.9638346554"/>
    <x v="22"/>
  </r>
  <r>
    <n v="113788.2775176579"/>
    <x v="23"/>
  </r>
  <r>
    <n v="99917.099827463011"/>
    <x v="0"/>
  </r>
  <r>
    <n v="105992.32216125479"/>
    <x v="1"/>
  </r>
  <r>
    <n v="101272.10872511634"/>
    <x v="2"/>
  </r>
  <r>
    <n v="102036.50750000228"/>
    <x v="3"/>
  </r>
  <r>
    <n v="117115.59696309008"/>
    <x v="4"/>
  </r>
  <r>
    <n v="117212.10942455793"/>
    <x v="5"/>
  </r>
  <r>
    <n v="142337.19980018851"/>
    <x v="6"/>
  </r>
  <r>
    <n v="133329.89342647101"/>
    <x v="7"/>
  </r>
  <r>
    <n v="128678.59304936204"/>
    <x v="8"/>
  </r>
  <r>
    <n v="140552.01832776563"/>
    <x v="9"/>
  </r>
  <r>
    <n v="125508.83799432093"/>
    <x v="10"/>
  </r>
  <r>
    <n v="120831.18787811934"/>
    <x v="11"/>
  </r>
  <r>
    <n v="113918.47748504314"/>
    <x v="12"/>
  </r>
  <r>
    <n v="110843.68616339189"/>
    <x v="13"/>
  </r>
  <r>
    <n v="129332.79715127723"/>
    <x v="14"/>
  </r>
  <r>
    <n v="147596.58422513804"/>
    <x v="15"/>
  </r>
  <r>
    <n v="149270.53497891038"/>
    <x v="16"/>
  </r>
  <r>
    <n v="150847.2256093841"/>
    <x v="17"/>
  </r>
  <r>
    <n v="164023.82545880275"/>
    <x v="18"/>
  </r>
  <r>
    <n v="202405.81456447567"/>
    <x v="19"/>
  </r>
  <r>
    <n v="186453.74446690895"/>
    <x v="20"/>
  </r>
  <r>
    <n v="177744.25316214983"/>
    <x v="21"/>
  </r>
  <r>
    <n v="160534.0070548965"/>
    <x v="22"/>
  </r>
  <r>
    <n v="165221.75060581337"/>
    <x v="23"/>
  </r>
  <r>
    <n v="166572.82893841356"/>
    <x v="0"/>
  </r>
  <r>
    <n v="169988.00932984336"/>
    <x v="1"/>
  </r>
  <r>
    <n v="175832.39641382959"/>
    <x v="2"/>
  </r>
  <r>
    <n v="198469.43911082292"/>
    <x v="3"/>
  </r>
  <r>
    <n v="202458.81310739327"/>
    <x v="4"/>
  </r>
  <r>
    <n v="201916.69419479233"/>
    <x v="5"/>
  </r>
  <r>
    <n v="229125.41128391866"/>
    <x v="6"/>
  </r>
  <r>
    <n v="225177.43639100585"/>
    <x v="7"/>
  </r>
  <r>
    <n v="212686.22882272836"/>
    <x v="8"/>
  </r>
  <r>
    <n v="204038.13123515795"/>
    <x v="9"/>
  </r>
  <r>
    <n v="208200.57826466599"/>
    <x v="10"/>
  </r>
  <r>
    <n v="200895.17451630795"/>
    <x v="11"/>
  </r>
  <r>
    <n v="168344.77679643198"/>
    <x v="12"/>
  </r>
  <r>
    <n v="165121.99115582337"/>
    <x v="13"/>
  </r>
  <r>
    <n v="173775.31169532583"/>
    <x v="14"/>
  </r>
  <r>
    <n v="189291.69788234198"/>
    <x v="15"/>
  </r>
  <r>
    <n v="190450.93687005236"/>
    <x v="16"/>
  </r>
  <r>
    <n v="218776.78890493404"/>
    <x v="17"/>
  </r>
  <r>
    <n v="211821.8890228364"/>
    <x v="18"/>
  </r>
  <r>
    <n v="217340.4664427439"/>
    <x v="19"/>
  </r>
  <r>
    <n v="211255.05454628717"/>
    <x v="20"/>
  </r>
  <r>
    <n v="218731.86510978866"/>
    <x v="21"/>
  </r>
  <r>
    <n v="222710.83592602814"/>
    <x v="22"/>
  </r>
  <r>
    <n v="236867.85541500596"/>
    <x v="23"/>
  </r>
  <r>
    <n v="255315.59934188364"/>
    <x v="0"/>
  </r>
  <r>
    <n v="244924.85155917733"/>
    <x v="1"/>
  </r>
  <r>
    <n v="266386.99709354748"/>
    <x v="2"/>
  </r>
  <r>
    <n v="274170.41309296043"/>
    <x v="3"/>
  </r>
  <r>
    <n v="280117.2084859942"/>
    <x v="4"/>
  </r>
  <r>
    <n v="259398.73013203131"/>
    <x v="5"/>
  </r>
  <r>
    <n v="288938.27229766932"/>
    <x v="6"/>
  </r>
  <r>
    <n v="264647.61524870031"/>
    <x v="7"/>
  </r>
  <r>
    <n v="269630.50364775147"/>
    <x v="8"/>
  </r>
  <r>
    <n v="253566.3483608705"/>
    <x v="9"/>
  </r>
  <r>
    <n v="217374.21803396108"/>
    <x v="10"/>
  </r>
  <r>
    <n v="194716.47578513896"/>
    <x v="11"/>
  </r>
  <r>
    <n v="170947.19537340893"/>
    <x v="12"/>
  </r>
  <r>
    <n v="162189.11673053369"/>
    <x v="13"/>
  </r>
  <r>
    <n v="148692.44285136659"/>
    <x v="14"/>
  </r>
  <r>
    <n v="146023.07649788671"/>
    <x v="15"/>
  </r>
  <r>
    <n v="155779.82840987496"/>
    <x v="16"/>
  </r>
  <r>
    <n v="171493.65072462827"/>
    <x v="17"/>
  </r>
  <r>
    <n v="196095.65552169245"/>
    <x v="18"/>
  </r>
  <r>
    <n v="178630.90532724836"/>
    <x v="19"/>
  </r>
  <r>
    <n v="192751.30006740222"/>
    <x v="20"/>
  </r>
  <r>
    <n v="194969.50591043479"/>
    <x v="21"/>
  </r>
  <r>
    <n v="197179.87198512771"/>
    <x v="22"/>
  </r>
  <r>
    <n v="194199.60648065113"/>
    <x v="23"/>
  </r>
  <r>
    <n v="194628.10215674309"/>
    <x v="0"/>
  </r>
  <r>
    <n v="196003.60766944257"/>
    <x v="1"/>
  </r>
  <r>
    <n v="184309.19399508953"/>
    <x v="2"/>
  </r>
  <r>
    <n v="193188.40453543124"/>
    <x v="3"/>
  </r>
  <r>
    <n v="198565.41752812592"/>
    <x v="4"/>
  </r>
  <r>
    <n v="198137.86176976407"/>
    <x v="5"/>
  </r>
  <r>
    <n v="205368.07209971422"/>
    <x v="6"/>
  </r>
  <r>
    <n v="208458.69249041102"/>
    <x v="7"/>
  </r>
  <r>
    <n v="206446.81995090164"/>
    <x v="8"/>
  </r>
  <r>
    <n v="187231.5477503321"/>
    <x v="9"/>
  </r>
  <r>
    <n v="141610.36569185663"/>
    <x v="10"/>
  </r>
  <r>
    <n v="125726.9202694704"/>
    <x v="11"/>
  </r>
  <r>
    <n v="120317.21309300487"/>
    <x v="12"/>
  </r>
  <r>
    <n v="117881.5978704705"/>
    <x v="13"/>
  </r>
  <r>
    <n v="120439.51988763396"/>
    <x v="14"/>
  </r>
  <r>
    <n v="119038.89293742095"/>
    <x v="15"/>
  </r>
  <r>
    <n v="129939.40723722287"/>
    <x v="16"/>
  </r>
  <r>
    <n v="144153.36651505475"/>
    <x v="17"/>
  </r>
  <r>
    <n v="152328.73888880207"/>
    <x v="18"/>
  </r>
  <r>
    <n v="148629.07317076801"/>
    <x v="19"/>
  </r>
  <r>
    <n v="148543.31635877982"/>
    <x v="20"/>
  </r>
  <r>
    <n v="155113.34129216871"/>
    <x v="21"/>
  </r>
  <r>
    <n v="148419.90943317118"/>
    <x v="22"/>
  </r>
  <r>
    <n v="147977.60337497675"/>
    <x v="23"/>
  </r>
  <r>
    <n v="144910.47024664911"/>
    <x v="0"/>
  </r>
  <r>
    <n v="156253.6217120277"/>
    <x v="1"/>
  </r>
  <r>
    <n v="160673.27509220055"/>
    <x v="2"/>
  </r>
  <r>
    <n v="159677.40021451123"/>
    <x v="3"/>
  </r>
  <r>
    <n v="167250.8941336133"/>
    <x v="4"/>
  </r>
  <r>
    <n v="173844.38496760477"/>
    <x v="5"/>
  </r>
  <r>
    <n v="206981.69722462751"/>
    <x v="6"/>
  </r>
  <r>
    <n v="189727.4992826088"/>
    <x v="7"/>
  </r>
  <r>
    <n v="179841.89319453065"/>
    <x v="8"/>
  </r>
  <r>
    <n v="163319.18622596117"/>
    <x v="9"/>
  </r>
  <r>
    <n v="131126.29903178813"/>
    <x v="10"/>
  </r>
  <r>
    <n v="113590.96956052029"/>
    <x v="11"/>
  </r>
  <r>
    <n v="104059.64837138953"/>
    <x v="12"/>
  </r>
  <r>
    <n v="109043.2737513881"/>
    <x v="13"/>
  </r>
  <r>
    <n v="112847.18489039672"/>
    <x v="14"/>
  </r>
  <r>
    <n v="102828.42023026021"/>
    <x v="15"/>
  </r>
  <r>
    <n v="120393.32506737627"/>
    <x v="16"/>
  </r>
  <r>
    <n v="133980.77577368094"/>
    <x v="17"/>
  </r>
  <r>
    <n v="125234.48882596512"/>
    <x v="18"/>
  </r>
  <r>
    <n v="140611.32927271153"/>
    <x v="19"/>
  </r>
  <r>
    <n v="133199.58665025278"/>
    <x v="20"/>
  </r>
  <r>
    <n v="139673.36614425626"/>
    <x v="21"/>
  </r>
  <r>
    <n v="135585.54644634138"/>
    <x v="22"/>
  </r>
  <r>
    <n v="121732.54761951725"/>
    <x v="23"/>
  </r>
  <r>
    <n v="121264.48995169478"/>
    <x v="0"/>
  </r>
  <r>
    <n v="131036.69710181317"/>
    <x v="1"/>
  </r>
  <r>
    <n v="159196.69638086561"/>
    <x v="2"/>
  </r>
  <r>
    <n v="161505.26249658721"/>
    <x v="3"/>
  </r>
  <r>
    <n v="181536.372605999"/>
    <x v="4"/>
  </r>
  <r>
    <n v="206084.71664538118"/>
    <x v="5"/>
  </r>
  <r>
    <n v="224877.49582627145"/>
    <x v="6"/>
  </r>
  <r>
    <n v="209458.33771990403"/>
    <x v="7"/>
  </r>
  <r>
    <n v="218749.03997012952"/>
    <x v="8"/>
  </r>
  <r>
    <n v="229479.63209756627"/>
    <x v="9"/>
  </r>
  <r>
    <n v="235484.25379276767"/>
    <x v="10"/>
  </r>
  <r>
    <n v="220473.81036662697"/>
    <x v="11"/>
  </r>
  <r>
    <n v="232945.36510963875"/>
    <x v="12"/>
  </r>
  <r>
    <n v="246123.20394151981"/>
    <x v="13"/>
  </r>
  <r>
    <n v="258602.2780263724"/>
    <x v="14"/>
  </r>
  <r>
    <n v="282389.69457793998"/>
    <x v="15"/>
  </r>
  <r>
    <n v="282482.46873025404"/>
    <x v="16"/>
  </r>
  <r>
    <n v="309137.89470285119"/>
    <x v="17"/>
  </r>
  <r>
    <n v="293626.36831773497"/>
    <x v="18"/>
  </r>
  <r>
    <n v="294342.64971336984"/>
    <x v="19"/>
  </r>
  <r>
    <n v="286402.01111183135"/>
    <x v="20"/>
  </r>
  <r>
    <n v="296292.18861796043"/>
    <x v="21"/>
  </r>
  <r>
    <n v="287808.9825067225"/>
    <x v="22"/>
  </r>
  <r>
    <n v="298317.39089982392"/>
    <x v="23"/>
  </r>
  <r>
    <n v="300400.633101521"/>
    <x v="0"/>
  </r>
  <r>
    <n v="304028.90779560077"/>
    <x v="1"/>
  </r>
  <r>
    <n v="307039.10113507434"/>
    <x v="2"/>
  </r>
  <r>
    <n v="326218.400120701"/>
    <x v="3"/>
  </r>
  <r>
    <n v="327422.41337119066"/>
    <x v="4"/>
  </r>
  <r>
    <n v="351291.51731821045"/>
    <x v="5"/>
  </r>
  <r>
    <n v="363878.63921849121"/>
    <x v="6"/>
  </r>
  <r>
    <n v="376158.45074456284"/>
    <x v="7"/>
  </r>
  <r>
    <n v="347228.63748279313"/>
    <x v="8"/>
  </r>
  <r>
    <n v="297762.00633016863"/>
    <x v="9"/>
  </r>
  <r>
    <n v="273337.66734585969"/>
    <x v="10"/>
  </r>
  <r>
    <n v="250711.26280862972"/>
    <x v="11"/>
  </r>
  <r>
    <n v="218533.0511481062"/>
    <x v="12"/>
  </r>
  <r>
    <n v="214451.50112868642"/>
    <x v="13"/>
  </r>
  <r>
    <n v="218974.55614005341"/>
    <x v="14"/>
  </r>
  <r>
    <n v="209569.80341798704"/>
    <x v="15"/>
  </r>
  <r>
    <n v="209042.95816850022"/>
    <x v="16"/>
  </r>
  <r>
    <n v="263293.92009969248"/>
    <x v="17"/>
  </r>
  <r>
    <n v="270449.38560833322"/>
    <x v="18"/>
  </r>
  <r>
    <n v="271951.6945675296"/>
    <x v="19"/>
  </r>
  <r>
    <n v="284398.25604362739"/>
    <x v="20"/>
  </r>
  <r>
    <n v="289382.61840457341"/>
    <x v="21"/>
  </r>
  <r>
    <n v="273161.62502736558"/>
    <x v="22"/>
  </r>
  <r>
    <n v="276846.59384998353"/>
    <x v="23"/>
  </r>
  <r>
    <n v="281079.34245334961"/>
    <x v="0"/>
  </r>
  <r>
    <n v="293084.01442570152"/>
    <x v="1"/>
  </r>
  <r>
    <n v="272503.76806336292"/>
    <x v="2"/>
  </r>
  <r>
    <n v="281803.78404382308"/>
    <x v="3"/>
  </r>
  <r>
    <n v="293905.90839537291"/>
    <x v="4"/>
  </r>
  <r>
    <n v="298475.08346081449"/>
    <x v="5"/>
  </r>
  <r>
    <n v="327728.86927473597"/>
    <x v="6"/>
  </r>
  <r>
    <n v="302749.93610613572"/>
    <x v="7"/>
  </r>
  <r>
    <n v="286505.91474454047"/>
    <x v="8"/>
  </r>
  <r>
    <n v="276940.13702589495"/>
    <x v="9"/>
  </r>
  <r>
    <n v="231608.203967974"/>
    <x v="10"/>
  </r>
  <r>
    <n v="185165.92900607438"/>
    <x v="11"/>
  </r>
  <r>
    <n v="172248.4901089638"/>
    <x v="12"/>
  </r>
  <r>
    <n v="130489.10957696437"/>
    <x v="13"/>
  </r>
  <r>
    <n v="142831.82082476959"/>
    <x v="14"/>
  </r>
  <r>
    <n v="154006.74837822712"/>
    <x v="15"/>
  </r>
  <r>
    <n v="190222.0669027734"/>
    <x v="16"/>
  </r>
  <r>
    <n v="187231.2059620666"/>
    <x v="17"/>
  </r>
  <r>
    <n v="223224.41551846062"/>
    <x v="18"/>
  </r>
  <r>
    <n v="233292.55790207721"/>
    <x v="19"/>
  </r>
  <r>
    <n v="243029.12294463493"/>
    <x v="20"/>
  </r>
  <r>
    <n v="245144.72822272062"/>
    <x v="21"/>
  </r>
  <r>
    <n v="240776.35376325462"/>
    <x v="22"/>
  </r>
  <r>
    <n v="224858.5906628365"/>
    <x v="23"/>
  </r>
  <r>
    <n v="219408.66996075938"/>
    <x v="0"/>
  </r>
  <r>
    <n v="210846.23305722748"/>
    <x v="1"/>
  </r>
  <r>
    <n v="222051.93223546245"/>
    <x v="2"/>
  </r>
  <r>
    <n v="223108.27159349364"/>
    <x v="3"/>
  </r>
  <r>
    <n v="224100.76063117795"/>
    <x v="4"/>
  </r>
  <r>
    <n v="237212.35662485365"/>
    <x v="5"/>
  </r>
  <r>
    <n v="273451.93143536645"/>
    <x v="6"/>
  </r>
  <r>
    <n v="256489.81292797587"/>
    <x v="7"/>
  </r>
  <r>
    <n v="246814.81249673959"/>
    <x v="8"/>
  </r>
  <r>
    <n v="211250.86764003494"/>
    <x v="9"/>
  </r>
  <r>
    <n v="193374.80731072303"/>
    <x v="10"/>
  </r>
  <r>
    <n v="176993.82498261577"/>
    <x v="11"/>
  </r>
  <r>
    <n v="145149.10254126118"/>
    <x v="12"/>
  </r>
  <r>
    <n v="137636.60714666586"/>
    <x v="13"/>
  </r>
  <r>
    <n v="132984.81544892528"/>
    <x v="14"/>
  </r>
  <r>
    <n v="153938.03825598024"/>
    <x v="15"/>
  </r>
  <r>
    <n v="168981.99829390561"/>
    <x v="16"/>
  </r>
  <r>
    <n v="185208.75934809365"/>
    <x v="17"/>
  </r>
  <r>
    <n v="176272.77991303065"/>
    <x v="18"/>
  </r>
  <r>
    <n v="196638.69299025688"/>
    <x v="19"/>
  </r>
  <r>
    <n v="205430.8116081983"/>
    <x v="20"/>
  </r>
  <r>
    <n v="221312.66557897333"/>
    <x v="21"/>
  </r>
  <r>
    <n v="227568.86479934226"/>
    <x v="22"/>
  </r>
  <r>
    <n v="226251.91188887463"/>
    <x v="23"/>
  </r>
  <r>
    <n v="216222.37021749187"/>
    <x v="0"/>
  </r>
  <r>
    <n v="234098.11012030486"/>
    <x v="1"/>
  </r>
  <r>
    <n v="234396.83306434343"/>
    <x v="2"/>
  </r>
  <r>
    <n v="244331.76347148514"/>
    <x v="3"/>
  </r>
  <r>
    <n v="260973.32730937892"/>
    <x v="4"/>
  </r>
  <r>
    <n v="262018.81488998083"/>
    <x v="5"/>
  </r>
  <r>
    <n v="266583.01266380626"/>
    <x v="6"/>
  </r>
  <r>
    <n v="273529.75235106528"/>
    <x v="7"/>
  </r>
  <r>
    <n v="270322.43262947013"/>
    <x v="8"/>
  </r>
  <r>
    <n v="253121.10505976947"/>
    <x v="9"/>
  </r>
  <r>
    <n v="227436.61410236411"/>
    <x v="10"/>
  </r>
  <r>
    <n v="201144.03909711813"/>
    <x v="11"/>
  </r>
  <r>
    <n v="187592.81794695545"/>
    <x v="12"/>
  </r>
  <r>
    <n v="189394.27708552225"/>
    <x v="13"/>
  </r>
  <r>
    <n v="172069.55327109629"/>
    <x v="14"/>
  </r>
  <r>
    <n v="171126.43127600878"/>
    <x v="15"/>
  </r>
  <r>
    <n v="182981.88062782423"/>
    <x v="16"/>
  </r>
  <r>
    <n v="209031.99958223794"/>
    <x v="17"/>
  </r>
  <r>
    <n v="239653.94246115081"/>
    <x v="18"/>
  </r>
  <r>
    <n v="210294.69360555898"/>
    <x v="19"/>
  </r>
  <r>
    <n v="213533.32967697969"/>
    <x v="20"/>
  </r>
  <r>
    <n v="236389.97133455062"/>
    <x v="21"/>
  </r>
  <r>
    <n v="232553.61167208699"/>
    <x v="22"/>
  </r>
  <r>
    <n v="216961.8718534135"/>
    <x v="23"/>
  </r>
  <r>
    <n v="222660.48624216806"/>
    <x v="0"/>
  </r>
  <r>
    <n v="228409.74937951498"/>
    <x v="1"/>
  </r>
  <r>
    <n v="250387.35434177783"/>
    <x v="2"/>
  </r>
  <r>
    <n v="241498.9155182679"/>
    <x v="3"/>
  </r>
  <r>
    <n v="253477.93200894145"/>
    <x v="4"/>
  </r>
  <r>
    <n v="259156.1886341327"/>
    <x v="5"/>
  </r>
  <r>
    <n v="264373.58650684339"/>
    <x v="6"/>
  </r>
  <r>
    <n v="267361.13637372822"/>
    <x v="7"/>
  </r>
  <r>
    <n v="273193.58223018894"/>
    <x v="8"/>
  </r>
  <r>
    <n v="260634.42288237863"/>
    <x v="9"/>
  </r>
  <r>
    <n v="213390.18447903899"/>
    <x v="10"/>
  </r>
  <r>
    <n v="178715.50860384054"/>
    <x v="11"/>
  </r>
  <r>
    <n v="168961.82210535838"/>
    <x v="12"/>
  </r>
  <r>
    <n v="153783.63540704496"/>
    <x v="13"/>
  </r>
  <r>
    <n v="137812.02997392882"/>
    <x v="14"/>
  </r>
  <r>
    <n v="163882.16490364031"/>
    <x v="15"/>
  </r>
  <r>
    <n v="175975.4454838206"/>
    <x v="16"/>
  </r>
  <r>
    <n v="176065.13286086192"/>
    <x v="17"/>
  </r>
  <r>
    <n v="176094.01396929586"/>
    <x v="18"/>
  </r>
  <r>
    <n v="193536.45179853341"/>
    <x v="19"/>
  </r>
  <r>
    <n v="198628.37065427593"/>
    <x v="20"/>
  </r>
  <r>
    <n v="194754.32883554202"/>
    <x v="21"/>
  </r>
  <r>
    <n v="164564.18202565977"/>
    <x v="22"/>
  </r>
  <r>
    <n v="147329.56214272371"/>
    <x v="23"/>
  </r>
  <r>
    <n v="153542.32221072546"/>
    <x v="0"/>
  </r>
  <r>
    <n v="158267.5556620133"/>
    <x v="1"/>
  </r>
  <r>
    <n v="163224.87402645242"/>
    <x v="2"/>
  </r>
  <r>
    <n v="167241.76197839473"/>
    <x v="3"/>
  </r>
  <r>
    <n v="176383.20956543394"/>
    <x v="4"/>
  </r>
  <r>
    <n v="194282.87464683122"/>
    <x v="5"/>
  </r>
  <r>
    <n v="214848.8086255524"/>
    <x v="6"/>
  </r>
  <r>
    <n v="211862.32684699722"/>
    <x v="7"/>
  </r>
  <r>
    <n v="198586.86474178545"/>
    <x v="8"/>
  </r>
  <r>
    <n v="185924.80576429598"/>
    <x v="9"/>
  </r>
  <r>
    <n v="179221.84655739792"/>
    <x v="10"/>
  </r>
  <r>
    <n v="165200.89084073517"/>
    <x v="11"/>
  </r>
  <r>
    <n v="132486.46679607368"/>
    <x v="12"/>
  </r>
  <r>
    <n v="129772.92430927919"/>
    <x v="13"/>
  </r>
  <r>
    <n v="131348.27982934084"/>
    <x v="14"/>
  </r>
  <r>
    <n v="119686.52829610875"/>
    <x v="15"/>
  </r>
  <r>
    <n v="153886.82342057317"/>
    <x v="16"/>
  </r>
  <r>
    <n v="165594.58819904691"/>
    <x v="17"/>
  </r>
  <r>
    <n v="152665.72075680899"/>
    <x v="18"/>
  </r>
  <r>
    <n v="164709.9974444246"/>
    <x v="19"/>
  </r>
  <r>
    <n v="185266.09432962965"/>
    <x v="20"/>
  </r>
  <r>
    <n v="168122.19786941467"/>
    <x v="21"/>
  </r>
  <r>
    <n v="176885.15767595646"/>
    <x v="22"/>
  </r>
  <r>
    <n v="149624.52081312545"/>
    <x v="23"/>
  </r>
  <r>
    <n v="140376.38188283678"/>
    <x v="0"/>
  </r>
  <r>
    <n v="141896.12204357315"/>
    <x v="1"/>
  </r>
  <r>
    <n v="132866.12947373374"/>
    <x v="2"/>
  </r>
  <r>
    <n v="137009.56453097388"/>
    <x v="3"/>
  </r>
  <r>
    <n v="140127.47457849342"/>
    <x v="4"/>
  </r>
  <r>
    <n v="166495.4673006965"/>
    <x v="5"/>
  </r>
  <r>
    <n v="182122.34722541569"/>
    <x v="6"/>
  </r>
  <r>
    <n v="157052.55178261147"/>
    <x v="7"/>
  </r>
  <r>
    <n v="150193.58759428366"/>
    <x v="8"/>
  </r>
  <r>
    <n v="146344.97695867886"/>
    <x v="9"/>
  </r>
  <r>
    <n v="141979.99902010115"/>
    <x v="10"/>
  </r>
  <r>
    <n v="121845.75430157765"/>
    <x v="11"/>
  </r>
  <r>
    <n v="114095.95104189902"/>
    <x v="12"/>
  </r>
  <r>
    <n v="110108.0830498735"/>
    <x v="13"/>
  </r>
  <r>
    <n v="107649.25826793569"/>
    <x v="14"/>
  </r>
  <r>
    <n v="106366.36669430083"/>
    <x v="15"/>
  </r>
  <r>
    <n v="142364.74579821038"/>
    <x v="16"/>
  </r>
  <r>
    <n v="137647.09577406311"/>
    <x v="17"/>
  </r>
  <r>
    <n v="158563.99289702644"/>
    <x v="18"/>
  </r>
  <r>
    <n v="164122.21775573082"/>
    <x v="19"/>
  </r>
  <r>
    <n v="176296.75849603146"/>
    <x v="20"/>
  </r>
  <r>
    <n v="154978.9010141147"/>
    <x v="21"/>
  </r>
  <r>
    <n v="144502.88774005184"/>
    <x v="22"/>
  </r>
  <r>
    <n v="129864.54492619718"/>
    <x v="23"/>
  </r>
  <r>
    <n v="121247.48598548662"/>
    <x v="0"/>
  </r>
  <r>
    <n v="125198.0563330405"/>
    <x v="1"/>
  </r>
  <r>
    <n v="121887.30293760133"/>
    <x v="2"/>
  </r>
  <r>
    <n v="124754.82103799927"/>
    <x v="3"/>
  </r>
  <r>
    <n v="131891.99019355298"/>
    <x v="4"/>
  </r>
  <r>
    <n v="146867.32555629784"/>
    <x v="5"/>
  </r>
  <r>
    <n v="165944.66482997543"/>
    <x v="6"/>
  </r>
  <r>
    <n v="150864.21889470899"/>
    <x v="7"/>
  </r>
  <r>
    <n v="135380.89004149573"/>
    <x v="8"/>
  </r>
  <r>
    <n v="149466.75348595175"/>
    <x v="9"/>
  </r>
  <r>
    <n v="138762.12658580902"/>
    <x v="10"/>
  </r>
  <r>
    <n v="131756.77021101833"/>
    <x v="11"/>
  </r>
  <r>
    <n v="142379.88060984164"/>
    <x v="12"/>
  </r>
  <r>
    <n v="116865.67497483353"/>
    <x v="13"/>
  </r>
  <r>
    <n v="116983.13264844597"/>
    <x v="14"/>
  </r>
  <r>
    <n v="140751.35565272963"/>
    <x v="15"/>
  </r>
  <r>
    <n v="148108.9996012912"/>
    <x v="16"/>
  </r>
  <r>
    <n v="159480.75447213801"/>
    <x v="17"/>
  </r>
  <r>
    <n v="168151.9975338121"/>
    <x v="18"/>
  </r>
  <r>
    <n v="183200.88145893719"/>
    <x v="19"/>
  </r>
  <r>
    <n v="192296.59350370045"/>
    <x v="20"/>
  </r>
  <r>
    <n v="169160.96717442299"/>
    <x v="21"/>
  </r>
  <r>
    <n v="169358.43534481007"/>
    <x v="22"/>
  </r>
  <r>
    <n v="154933.38977038802"/>
    <x v="23"/>
  </r>
  <r>
    <n v="152390.60256485583"/>
    <x v="0"/>
  </r>
  <r>
    <n v="170135.20258255344"/>
    <x v="1"/>
  </r>
  <r>
    <n v="160214.24277076367"/>
    <x v="2"/>
  </r>
  <r>
    <n v="163160.01970307561"/>
    <x v="3"/>
  </r>
  <r>
    <n v="171093.72641135464"/>
    <x v="4"/>
  </r>
  <r>
    <n v="189333.93009489661"/>
    <x v="5"/>
  </r>
  <r>
    <n v="208920.40571355532"/>
    <x v="6"/>
  </r>
  <r>
    <n v="196200.90494569688"/>
    <x v="7"/>
  </r>
  <r>
    <n v="164723.62625151104"/>
    <x v="8"/>
  </r>
  <r>
    <n v="164687.31124830266"/>
    <x v="9"/>
  </r>
  <r>
    <n v="135483.61877704217"/>
    <x v="10"/>
  </r>
  <r>
    <n v="130118.22658537413"/>
    <x v="11"/>
  </r>
  <r>
    <n v="121856.1895245584"/>
    <x v="12"/>
  </r>
  <r>
    <n v="115671.24247666092"/>
    <x v="13"/>
  </r>
  <r>
    <n v="122646.40399437216"/>
    <x v="14"/>
  </r>
  <r>
    <n v="128130.70645978095"/>
    <x v="15"/>
  </r>
  <r>
    <n v="124281.0597784964"/>
    <x v="16"/>
  </r>
  <r>
    <n v="136738.93231000527"/>
    <x v="17"/>
  </r>
  <r>
    <n v="147428.55256911632"/>
    <x v="18"/>
  </r>
  <r>
    <n v="135874.97702191194"/>
    <x v="19"/>
  </r>
  <r>
    <n v="153320.23460433978"/>
    <x v="20"/>
  </r>
  <r>
    <n v="148992.97086468231"/>
    <x v="21"/>
  </r>
  <r>
    <n v="126725.46536798384"/>
    <x v="22"/>
  </r>
  <r>
    <n v="101039.69270458288"/>
    <x v="23"/>
  </r>
  <r>
    <n v="92436.529593041152"/>
    <x v="0"/>
  </r>
  <r>
    <n v="89612.333155294109"/>
    <x v="1"/>
  </r>
  <r>
    <n v="93330.46612054795"/>
    <x v="2"/>
  </r>
  <r>
    <n v="96847.862565125964"/>
    <x v="3"/>
  </r>
  <r>
    <n v="100005.75115882458"/>
    <x v="4"/>
  </r>
  <r>
    <n v="109055.07612743082"/>
    <x v="5"/>
  </r>
  <r>
    <n v="148568.50188159314"/>
    <x v="6"/>
  </r>
  <r>
    <n v="135638.01094509414"/>
    <x v="7"/>
  </r>
  <r>
    <n v="124182.52863008549"/>
    <x v="8"/>
  </r>
  <r>
    <n v="130183.04886610105"/>
    <x v="9"/>
  </r>
  <r>
    <n v="113419.38117036081"/>
    <x v="10"/>
  </r>
  <r>
    <n v="118533.97554134199"/>
    <x v="11"/>
  </r>
  <r>
    <n v="125582.68562143345"/>
    <x v="12"/>
  </r>
  <r>
    <n v="128332.23336582074"/>
    <x v="13"/>
  </r>
  <r>
    <n v="130271.31568566394"/>
    <x v="14"/>
  </r>
  <r>
    <n v="125377.22815034055"/>
    <x v="15"/>
  </r>
  <r>
    <n v="140832.82943051588"/>
    <x v="16"/>
  </r>
  <r>
    <n v="150150.27661251606"/>
    <x v="17"/>
  </r>
  <r>
    <n v="165835.89071448313"/>
    <x v="18"/>
  </r>
  <r>
    <n v="153294.36550499548"/>
    <x v="19"/>
  </r>
  <r>
    <n v="167567.9454733888"/>
    <x v="20"/>
  </r>
  <r>
    <n v="170262.75369088113"/>
    <x v="21"/>
  </r>
  <r>
    <n v="161427.70860297079"/>
    <x v="22"/>
  </r>
  <r>
    <n v="159992.34742027731"/>
    <x v="23"/>
  </r>
  <r>
    <n v="155437.87993113513"/>
    <x v="0"/>
  </r>
  <r>
    <n v="158638.81248451892"/>
    <x v="1"/>
  </r>
  <r>
    <n v="166574.96511507288"/>
    <x v="2"/>
  </r>
  <r>
    <n v="153304.52302501051"/>
    <x v="3"/>
  </r>
  <r>
    <n v="166871.63732951853"/>
    <x v="4"/>
  </r>
  <r>
    <n v="168787.98004882334"/>
    <x v="5"/>
  </r>
  <r>
    <n v="160197.33493250518"/>
    <x v="6"/>
  </r>
  <r>
    <n v="160182.74484592208"/>
    <x v="7"/>
  </r>
  <r>
    <n v="175568.7922140701"/>
    <x v="8"/>
  </r>
  <r>
    <n v="168575.55864182106"/>
    <x v="9"/>
  </r>
  <r>
    <n v="165760.67593430862"/>
    <x v="10"/>
  </r>
  <r>
    <n v="182992.34789345486"/>
    <x v="11"/>
  </r>
  <r>
    <n v="159994.66517195269"/>
    <x v="12"/>
  </r>
  <r>
    <n v="153908.80467839754"/>
    <x v="13"/>
  </r>
  <r>
    <n v="135074.79728798248"/>
    <x v="14"/>
  </r>
  <r>
    <n v="150297.24556667692"/>
    <x v="15"/>
  </r>
  <r>
    <n v="151780.4677874223"/>
    <x v="16"/>
  </r>
  <r>
    <n v="187733.54926527108"/>
    <x v="17"/>
  </r>
  <r>
    <n v="179711.35143887994"/>
    <x v="18"/>
  </r>
  <r>
    <n v="155373.93348283853"/>
    <x v="19"/>
  </r>
  <r>
    <n v="170568.59010319525"/>
    <x v="20"/>
  </r>
  <r>
    <n v="157603.9737445637"/>
    <x v="21"/>
  </r>
  <r>
    <n v="152781.82195824277"/>
    <x v="22"/>
  </r>
  <r>
    <n v="141253.62418975105"/>
    <x v="23"/>
  </r>
  <r>
    <n v="143862.5687864222"/>
    <x v="0"/>
  </r>
  <r>
    <n v="143471.2532650856"/>
    <x v="1"/>
  </r>
  <r>
    <n v="143337.78494741159"/>
    <x v="2"/>
  </r>
  <r>
    <n v="145358.60806712351"/>
    <x v="3"/>
  </r>
  <r>
    <n v="158972.00263895557"/>
    <x v="4"/>
  </r>
  <r>
    <n v="174867.96605656538"/>
    <x v="5"/>
  </r>
  <r>
    <n v="175272.89970410513"/>
    <x v="6"/>
  </r>
  <r>
    <n v="177042.90364136355"/>
    <x v="7"/>
  </r>
  <r>
    <n v="190539.13960431548"/>
    <x v="8"/>
  </r>
  <r>
    <n v="181218.979477958"/>
    <x v="9"/>
  </r>
  <r>
    <n v="178720.71019400595"/>
    <x v="10"/>
  </r>
  <r>
    <n v="143343.92645530714"/>
    <x v="11"/>
  </r>
  <r>
    <n v="146179.12420284966"/>
    <x v="12"/>
  </r>
  <r>
    <n v="168338.51779882019"/>
    <x v="13"/>
  </r>
  <r>
    <n v="140868.15111157767"/>
    <x v="14"/>
  </r>
  <r>
    <n v="141541.01471661197"/>
    <x v="15"/>
  </r>
  <r>
    <n v="138942.25968260571"/>
    <x v="16"/>
  </r>
  <r>
    <n v="166710.29190644049"/>
    <x v="17"/>
  </r>
  <r>
    <n v="198177.6373791605"/>
    <x v="18"/>
  </r>
  <r>
    <n v="229796.85433147452"/>
    <x v="19"/>
  </r>
  <r>
    <n v="234993.4244817569"/>
    <x v="20"/>
  </r>
  <r>
    <n v="227950.98408016053"/>
    <x v="21"/>
  </r>
  <r>
    <n v="220111.00212280892"/>
    <x v="22"/>
  </r>
  <r>
    <n v="205017.95274525252"/>
    <x v="23"/>
  </r>
  <r>
    <n v="205324.92133119606"/>
    <x v="0"/>
  </r>
  <r>
    <n v="187575.62172484794"/>
    <x v="1"/>
  </r>
  <r>
    <n v="207609.1136712349"/>
    <x v="2"/>
  </r>
  <r>
    <n v="198973.4486318217"/>
    <x v="3"/>
  </r>
  <r>
    <n v="217595.46185056629"/>
    <x v="4"/>
  </r>
  <r>
    <n v="222743.3271730163"/>
    <x v="5"/>
  </r>
  <r>
    <n v="253466.90933737936"/>
    <x v="6"/>
  </r>
  <r>
    <n v="241173.27674832195"/>
    <x v="7"/>
  </r>
  <r>
    <n v="225202.30148732028"/>
    <x v="8"/>
  </r>
  <r>
    <n v="199395.25807496998"/>
    <x v="9"/>
  </r>
  <r>
    <n v="171017.73192669952"/>
    <x v="10"/>
  </r>
  <r>
    <n v="151587.38946007012"/>
    <x v="11"/>
  </r>
  <r>
    <n v="122151.96454480714"/>
    <x v="12"/>
  </r>
  <r>
    <n v="106761.55937627408"/>
    <x v="13"/>
  </r>
  <r>
    <n v="118572.10629471076"/>
    <x v="14"/>
  </r>
  <r>
    <n v="126495.71956827454"/>
    <x v="15"/>
  </r>
  <r>
    <n v="129707.94181530282"/>
    <x v="16"/>
  </r>
  <r>
    <n v="155609.08380949593"/>
    <x v="17"/>
  </r>
  <r>
    <n v="173356.67447451659"/>
    <x v="18"/>
  </r>
  <r>
    <n v="173754.32375964805"/>
    <x v="19"/>
  </r>
  <r>
    <n v="180467.57933804402"/>
    <x v="20"/>
  </r>
  <r>
    <n v="187906.04553051078"/>
    <x v="21"/>
  </r>
  <r>
    <n v="187206.55448341812"/>
    <x v="22"/>
  </r>
  <r>
    <n v="163109.00780445116"/>
    <x v="23"/>
  </r>
  <r>
    <n v="167972.96456799493"/>
    <x v="0"/>
  </r>
  <r>
    <n v="176278.2485252785"/>
    <x v="1"/>
  </r>
  <r>
    <n v="178906.65369131602"/>
    <x v="2"/>
  </r>
  <r>
    <n v="182006.63053578063"/>
    <x v="3"/>
  </r>
  <r>
    <n v="204142.22712376635"/>
    <x v="4"/>
  </r>
  <r>
    <n v="223131.72681321294"/>
    <x v="5"/>
  </r>
  <r>
    <n v="237148.03634564171"/>
    <x v="6"/>
  </r>
  <r>
    <n v="230019.8498129404"/>
    <x v="7"/>
  </r>
  <r>
    <n v="213858.22078509489"/>
    <x v="8"/>
  </r>
  <r>
    <n v="210046.06400418133"/>
    <x v="9"/>
  </r>
  <r>
    <n v="177084.17457442151"/>
    <x v="10"/>
  </r>
  <r>
    <n v="159090.03708026602"/>
    <x v="11"/>
  </r>
  <r>
    <n v="130155.07563274731"/>
    <x v="12"/>
  </r>
  <r>
    <n v="135876.07715289149"/>
    <x v="13"/>
  </r>
  <r>
    <n v="127719.83424112834"/>
    <x v="14"/>
  </r>
  <r>
    <n v="127120.71145437358"/>
    <x v="15"/>
  </r>
  <r>
    <n v="144461.13616724554"/>
    <x v="16"/>
  </r>
  <r>
    <n v="157928.04242466507"/>
    <x v="17"/>
  </r>
  <r>
    <n v="158998.95050751284"/>
    <x v="18"/>
  </r>
  <r>
    <n v="147046.13422356581"/>
    <x v="19"/>
  </r>
  <r>
    <n v="160949.89928869851"/>
    <x v="20"/>
  </r>
  <r>
    <n v="150349.67802277979"/>
    <x v="21"/>
  </r>
  <r>
    <n v="143929.86903207394"/>
    <x v="22"/>
  </r>
  <r>
    <n v="140946.80513617364"/>
    <x v="23"/>
  </r>
  <r>
    <n v="116367.02725724965"/>
    <x v="0"/>
  </r>
  <r>
    <n v="121688.56374210196"/>
    <x v="1"/>
  </r>
  <r>
    <n v="115741.90720055104"/>
    <x v="2"/>
  </r>
  <r>
    <n v="115564.40160104528"/>
    <x v="3"/>
  </r>
  <r>
    <n v="119452.71307986343"/>
    <x v="4"/>
  </r>
  <r>
    <n v="126279.60257565163"/>
    <x v="5"/>
  </r>
  <r>
    <n v="128152.94405880442"/>
    <x v="6"/>
  </r>
  <r>
    <n v="131919.14099889286"/>
    <x v="7"/>
  </r>
  <r>
    <n v="124698.75708157555"/>
    <x v="8"/>
  </r>
  <r>
    <n v="120012.7865572859"/>
    <x v="9"/>
  </r>
  <r>
    <n v="122539.62720405631"/>
    <x v="10"/>
  </r>
  <r>
    <n v="110725.80125444759"/>
    <x v="11"/>
  </r>
  <r>
    <n v="102885.61636031336"/>
    <x v="12"/>
  </r>
  <r>
    <n v="113793.27617104071"/>
    <x v="13"/>
  </r>
  <r>
    <n v="111955.88654106419"/>
    <x v="14"/>
  </r>
  <r>
    <n v="127366.26496136184"/>
    <x v="15"/>
  </r>
  <r>
    <n v="118830.33801017204"/>
    <x v="16"/>
  </r>
  <r>
    <n v="136262.00950904662"/>
    <x v="17"/>
  </r>
  <r>
    <n v="148871.58262601672"/>
    <x v="18"/>
  </r>
  <r>
    <n v="144964.91070881177"/>
    <x v="19"/>
  </r>
  <r>
    <n v="142322.96218275419"/>
    <x v="20"/>
  </r>
  <r>
    <n v="153997.90460685754"/>
    <x v="21"/>
  </r>
  <r>
    <n v="142252.57516182977"/>
    <x v="22"/>
  </r>
  <r>
    <n v="146282.22676931147"/>
    <x v="23"/>
  </r>
  <r>
    <n v="139284.763567277"/>
    <x v="0"/>
  </r>
  <r>
    <n v="140434.75291005257"/>
    <x v="1"/>
  </r>
  <r>
    <n v="131732.64209565136"/>
    <x v="2"/>
  </r>
  <r>
    <n v="149505.08717610314"/>
    <x v="3"/>
  </r>
  <r>
    <n v="150715.29533890483"/>
    <x v="4"/>
  </r>
  <r>
    <n v="160863.3520913464"/>
    <x v="5"/>
  </r>
  <r>
    <n v="166093.4495342967"/>
    <x v="6"/>
  </r>
  <r>
    <n v="158104.86444763988"/>
    <x v="7"/>
  </r>
  <r>
    <n v="177591.44176482572"/>
    <x v="8"/>
  </r>
  <r>
    <n v="200758.84372191047"/>
    <x v="9"/>
  </r>
  <r>
    <n v="198181.35432654773"/>
    <x v="10"/>
  </r>
  <r>
    <n v="191485.63675852475"/>
    <x v="11"/>
  </r>
  <r>
    <n v="190915.27759048768"/>
    <x v="12"/>
  </r>
  <r>
    <n v="168435.59634710275"/>
    <x v="13"/>
  </r>
  <r>
    <n v="151101.12088622697"/>
    <x v="14"/>
  </r>
  <r>
    <n v="158109.54267452378"/>
    <x v="15"/>
  </r>
  <r>
    <n v="162285.49034051871"/>
    <x v="16"/>
  </r>
  <r>
    <n v="165951.62876588482"/>
    <x v="17"/>
  </r>
  <r>
    <n v="179152.089708588"/>
    <x v="18"/>
  </r>
  <r>
    <n v="189434.97125088223"/>
    <x v="19"/>
  </r>
  <r>
    <n v="184273.64801547854"/>
    <x v="20"/>
  </r>
  <r>
    <n v="192786.910132313"/>
    <x v="21"/>
  </r>
  <r>
    <n v="173482.98660038188"/>
    <x v="22"/>
  </r>
  <r>
    <n v="185849.42008998877"/>
    <x v="23"/>
  </r>
  <r>
    <n v="164651.73322604178"/>
    <x v="0"/>
  </r>
  <r>
    <n v="167739.38433118211"/>
    <x v="1"/>
  </r>
  <r>
    <n v="176205.53307179539"/>
    <x v="2"/>
  </r>
  <r>
    <n v="168849.87576752697"/>
    <x v="3"/>
  </r>
  <r>
    <n v="171226.3616201315"/>
    <x v="4"/>
  </r>
  <r>
    <n v="181316.04734535728"/>
    <x v="5"/>
  </r>
  <r>
    <n v="183636.31970917195"/>
    <x v="6"/>
  </r>
  <r>
    <n v="180694.07814923115"/>
    <x v="7"/>
  </r>
  <r>
    <n v="189097.34852987749"/>
    <x v="8"/>
  </r>
  <r>
    <n v="189992.4919971968"/>
    <x v="9"/>
  </r>
  <r>
    <n v="185444.33691008287"/>
    <x v="10"/>
  </r>
  <r>
    <n v="165775.93891653945"/>
    <x v="11"/>
  </r>
  <r>
    <n v="173374.63972022143"/>
    <x v="12"/>
  </r>
  <r>
    <n v="163998.4690418567"/>
    <x v="13"/>
  </r>
  <r>
    <n v="171372.30520949588"/>
    <x v="14"/>
  </r>
  <r>
    <n v="155902.09248097084"/>
    <x v="15"/>
  </r>
  <r>
    <n v="178570.43016602314"/>
    <x v="16"/>
  </r>
  <r>
    <n v="186944.31743672062"/>
    <x v="17"/>
  </r>
  <r>
    <n v="181557.11488136096"/>
    <x v="18"/>
  </r>
  <r>
    <n v="169983.87582800759"/>
    <x v="19"/>
  </r>
  <r>
    <n v="160817.2533990384"/>
    <x v="20"/>
  </r>
  <r>
    <n v="155344.10177579121"/>
    <x v="21"/>
  </r>
  <r>
    <n v="167502.85617057947"/>
    <x v="22"/>
  </r>
  <r>
    <n v="154996.25744947165"/>
    <x v="23"/>
  </r>
  <r>
    <n v="147775.26472180642"/>
    <x v="0"/>
  </r>
  <r>
    <n v="145310.07413342386"/>
    <x v="1"/>
  </r>
  <r>
    <n v="139919.65663219197"/>
    <x v="2"/>
  </r>
  <r>
    <n v="133669.18236526998"/>
    <x v="3"/>
  </r>
  <r>
    <n v="132859.80639082217"/>
    <x v="4"/>
  </r>
  <r>
    <n v="149411.65080902472"/>
    <x v="5"/>
  </r>
  <r>
    <n v="148111.54165151578"/>
    <x v="6"/>
  </r>
  <r>
    <n v="151250.06580379771"/>
    <x v="7"/>
  </r>
  <r>
    <n v="179347.92370383069"/>
    <x v="8"/>
  </r>
  <r>
    <n v="179869.81302346793"/>
    <x v="9"/>
  </r>
  <r>
    <n v="186459.51214388909"/>
    <x v="10"/>
  </r>
  <r>
    <n v="194436.08123683729"/>
    <x v="11"/>
  </r>
  <r>
    <n v="182211.87438920757"/>
    <x v="12"/>
  </r>
  <r>
    <n v="176406.21618805474"/>
    <x v="13"/>
  </r>
  <r>
    <n v="188038.55256868806"/>
    <x v="14"/>
  </r>
  <r>
    <n v="173794.27026317723"/>
    <x v="15"/>
  </r>
  <r>
    <n v="181329.82568480985"/>
    <x v="16"/>
  </r>
  <r>
    <n v="180089.49743111184"/>
    <x v="17"/>
  </r>
  <r>
    <n v="176319.75443776898"/>
    <x v="18"/>
  </r>
  <r>
    <n v="168202.14428088954"/>
    <x v="19"/>
  </r>
  <r>
    <n v="155018.48436761182"/>
    <x v="20"/>
  </r>
  <r>
    <n v="146821.40843900587"/>
    <x v="21"/>
  </r>
  <r>
    <n v="141889.10470324734"/>
    <x v="22"/>
  </r>
  <r>
    <n v="129820.04836638365"/>
    <x v="23"/>
  </r>
  <r>
    <n v="162361.30113438994"/>
    <x v="0"/>
  </r>
  <r>
    <n v="155002.56671640323"/>
    <x v="1"/>
  </r>
  <r>
    <n v="142743.92273495952"/>
    <x v="2"/>
  </r>
  <r>
    <n v="156199.02533704447"/>
    <x v="3"/>
  </r>
  <r>
    <n v="161454.45743044608"/>
    <x v="4"/>
  </r>
  <r>
    <n v="142915.25437044108"/>
    <x v="5"/>
  </r>
  <r>
    <n v="167994.03202112095"/>
    <x v="6"/>
  </r>
  <r>
    <n v="152433.59339169232"/>
    <x v="7"/>
  </r>
  <r>
    <n v="181015.28324931898"/>
    <x v="8"/>
  </r>
  <r>
    <n v="182672.50069573059"/>
    <x v="9"/>
  </r>
  <r>
    <n v="170233.32648478934"/>
    <x v="10"/>
  </r>
  <r>
    <n v="178561.71473422705"/>
    <x v="11"/>
  </r>
  <r>
    <n v="170928.05499100729"/>
    <x v="12"/>
  </r>
  <r>
    <n v="178585.14924755349"/>
    <x v="13"/>
  </r>
  <r>
    <n v="163657.81793075611"/>
    <x v="14"/>
  </r>
  <r>
    <n v="176431.30158748259"/>
    <x v="15"/>
  </r>
  <r>
    <n v="190377.76241992172"/>
    <x v="16"/>
  </r>
  <r>
    <n v="225174.76078529219"/>
    <x v="17"/>
  </r>
  <r>
    <n v="241465.61158241917"/>
    <x v="18"/>
  </r>
  <r>
    <n v="292714.31098925741"/>
    <x v="19"/>
  </r>
  <r>
    <n v="275343.48580795707"/>
    <x v="20"/>
  </r>
  <r>
    <n v="255480.7020610286"/>
    <x v="21"/>
  </r>
  <r>
    <n v="248870.74571103751"/>
    <x v="22"/>
  </r>
  <r>
    <n v="218670.18152593327"/>
    <x v="23"/>
  </r>
  <r>
    <n v="219523.42934025332"/>
    <x v="0"/>
  </r>
  <r>
    <n v="210063.25421789911"/>
    <x v="1"/>
  </r>
  <r>
    <n v="224804.56430775064"/>
    <x v="2"/>
  </r>
  <r>
    <n v="237203.47120407084"/>
    <x v="3"/>
  </r>
  <r>
    <n v="244247.45101048992"/>
    <x v="4"/>
  </r>
  <r>
    <n v="260471.09575337762"/>
    <x v="5"/>
  </r>
  <r>
    <n v="297209.95173203206"/>
    <x v="6"/>
  </r>
  <r>
    <n v="289335.83010340453"/>
    <x v="7"/>
  </r>
  <r>
    <n v="297150.75533788832"/>
    <x v="8"/>
  </r>
  <r>
    <n v="287261.86003014597"/>
    <x v="9"/>
  </r>
  <r>
    <n v="288748.62189764902"/>
    <x v="10"/>
  </r>
  <r>
    <n v="283220.95522420271"/>
    <x v="11"/>
  </r>
  <r>
    <n v="274579.72091501707"/>
    <x v="12"/>
  </r>
  <r>
    <n v="279278.10617896047"/>
    <x v="13"/>
  </r>
  <r>
    <n v="299652.02200460399"/>
    <x v="14"/>
  </r>
  <r>
    <n v="320657.35560520244"/>
    <x v="15"/>
  </r>
  <r>
    <n v="332886.0415806247"/>
    <x v="16"/>
  </r>
  <r>
    <n v="346218.90300304809"/>
    <x v="17"/>
  </r>
  <r>
    <n v="328418.02790763276"/>
    <x v="18"/>
  </r>
  <r>
    <n v="334044.65768608783"/>
    <x v="19"/>
  </r>
  <r>
    <n v="355780.90405814059"/>
    <x v="20"/>
  </r>
  <r>
    <n v="311510.32377607626"/>
    <x v="21"/>
  </r>
  <r>
    <n v="316034.68665934983"/>
    <x v="22"/>
  </r>
  <r>
    <n v="292594.35381423257"/>
    <x v="23"/>
  </r>
  <r>
    <n v="268154.03367882589"/>
    <x v="0"/>
  </r>
  <r>
    <n v="266361.96609564923"/>
    <x v="1"/>
  </r>
  <r>
    <n v="261297.12323846668"/>
    <x v="2"/>
  </r>
  <r>
    <n v="277050.29431394464"/>
    <x v="3"/>
  </r>
  <r>
    <n v="284138.28031928721"/>
    <x v="4"/>
  </r>
  <r>
    <n v="301605.03369532578"/>
    <x v="5"/>
  </r>
  <r>
    <n v="308845.48483209661"/>
    <x v="6"/>
  </r>
  <r>
    <n v="299187.83717187872"/>
    <x v="7"/>
  </r>
  <r>
    <n v="284687.19233771082"/>
    <x v="8"/>
  </r>
  <r>
    <n v="291143.79185583326"/>
    <x v="9"/>
  </r>
  <r>
    <n v="284986.86626112979"/>
    <x v="10"/>
  </r>
  <r>
    <n v="274557.97593936702"/>
    <x v="11"/>
  </r>
  <r>
    <n v="264495.52756697597"/>
    <x v="12"/>
  </r>
  <r>
    <n v="259788.10014769027"/>
    <x v="13"/>
  </r>
  <r>
    <n v="274058.8739946626"/>
    <x v="14"/>
  </r>
  <r>
    <n v="284787.37566437479"/>
    <x v="15"/>
  </r>
  <r>
    <n v="306081.46376896498"/>
    <x v="16"/>
  </r>
  <r>
    <n v="326080.23965497676"/>
    <x v="17"/>
  </r>
  <r>
    <n v="330046.36677487171"/>
    <x v="18"/>
  </r>
  <r>
    <n v="327622.25566204527"/>
    <x v="19"/>
  </r>
  <r>
    <n v="317413.97515799251"/>
    <x v="20"/>
  </r>
  <r>
    <n v="321006.02612123714"/>
    <x v="21"/>
  </r>
  <r>
    <n v="307126.06736900541"/>
    <x v="22"/>
  </r>
  <r>
    <n v="304873.1314529868"/>
    <x v="23"/>
  </r>
  <r>
    <n v="314645.22964691388"/>
    <x v="0"/>
  </r>
  <r>
    <n v="305501.42045446677"/>
    <x v="1"/>
  </r>
  <r>
    <n v="317616.09392446635"/>
    <x v="2"/>
  </r>
  <r>
    <n v="328998.03993439616"/>
    <x v="3"/>
  </r>
  <r>
    <n v="348606.97064544453"/>
    <x v="4"/>
  </r>
  <r>
    <n v="367291.00462959928"/>
    <x v="5"/>
  </r>
  <r>
    <n v="382145.45116830058"/>
    <x v="6"/>
  </r>
  <r>
    <n v="359708.86014164257"/>
    <x v="7"/>
  </r>
  <r>
    <n v="347377.98842453246"/>
    <x v="8"/>
  </r>
  <r>
    <n v="334014.684036199"/>
    <x v="9"/>
  </r>
  <r>
    <n v="294338.98919153085"/>
    <x v="10"/>
  </r>
  <r>
    <n v="244651.79805050918"/>
    <x v="11"/>
  </r>
  <r>
    <n v="202814.04251539873"/>
    <x v="12"/>
  </r>
  <r>
    <n v="184149.1722687773"/>
    <x v="13"/>
  </r>
  <r>
    <n v="191661.59203984748"/>
    <x v="14"/>
  </r>
  <r>
    <n v="200633.88187040453"/>
    <x v="15"/>
  </r>
  <r>
    <n v="221714.83792588953"/>
    <x v="16"/>
  </r>
  <r>
    <n v="239305.80360887869"/>
    <x v="17"/>
  </r>
  <r>
    <n v="257524.91749854156"/>
    <x v="18"/>
  </r>
  <r>
    <n v="304238.99164510885"/>
    <x v="19"/>
  </r>
  <r>
    <n v="276888.7557394394"/>
    <x v="20"/>
  </r>
  <r>
    <n v="294526.12113306025"/>
    <x v="21"/>
  </r>
  <r>
    <n v="291028.6217042249"/>
    <x v="22"/>
  </r>
  <r>
    <n v="248370.34532534107"/>
    <x v="23"/>
  </r>
  <r>
    <n v="253565.65803642388"/>
    <x v="0"/>
  </r>
  <r>
    <n v="237179.69252566216"/>
    <x v="1"/>
  </r>
  <r>
    <n v="252433.8398757726"/>
    <x v="2"/>
  </r>
  <r>
    <n v="277936.70712709788"/>
    <x v="3"/>
  </r>
  <r>
    <n v="286209.84123697015"/>
    <x v="4"/>
  </r>
  <r>
    <n v="338053.39870070992"/>
    <x v="5"/>
  </r>
  <r>
    <n v="355388.90002947947"/>
    <x v="6"/>
  </r>
  <r>
    <n v="344404.21438764845"/>
    <x v="7"/>
  </r>
  <r>
    <n v="362082.84830340231"/>
    <x v="8"/>
  </r>
  <r>
    <n v="342193.04759751871"/>
    <x v="9"/>
  </r>
  <r>
    <n v="248296.61577840676"/>
    <x v="10"/>
  </r>
  <r>
    <n v="220013.5360612176"/>
    <x v="11"/>
  </r>
  <r>
    <n v="178599.65111260931"/>
    <x v="12"/>
  </r>
  <r>
    <n v="161408.3549532945"/>
    <x v="13"/>
  </r>
  <r>
    <n v="161220.89449055024"/>
    <x v="14"/>
  </r>
  <r>
    <n v="169083.06420450396"/>
    <x v="15"/>
  </r>
  <r>
    <n v="208264.64749816008"/>
    <x v="16"/>
  </r>
  <r>
    <n v="241736.04711771585"/>
    <x v="17"/>
  </r>
  <r>
    <n v="298460.3660512467"/>
    <x v="18"/>
  </r>
  <r>
    <n v="302266.39383243473"/>
    <x v="19"/>
  </r>
  <r>
    <n v="329833.04699935799"/>
    <x v="20"/>
  </r>
  <r>
    <n v="311447.65444337548"/>
    <x v="21"/>
  </r>
  <r>
    <n v="311435.5460900279"/>
    <x v="22"/>
  </r>
  <r>
    <n v="310967.91960648028"/>
    <x v="23"/>
  </r>
  <r>
    <n v="320473.97819184285"/>
    <x v="0"/>
  </r>
  <r>
    <n v="323613.6710860969"/>
    <x v="1"/>
  </r>
  <r>
    <n v="316683.56299029419"/>
    <x v="2"/>
  </r>
  <r>
    <n v="319629.271929109"/>
    <x v="3"/>
  </r>
  <r>
    <n v="298694.11671755096"/>
    <x v="4"/>
  </r>
  <r>
    <n v="327872.74526643992"/>
    <x v="5"/>
  </r>
  <r>
    <n v="347734.16799690679"/>
    <x v="6"/>
  </r>
  <r>
    <n v="318799.42734038067"/>
    <x v="7"/>
  </r>
  <r>
    <n v="303501.9777653786"/>
    <x v="8"/>
  </r>
  <r>
    <n v="288344.2905014971"/>
    <x v="9"/>
  </r>
  <r>
    <n v="274742.51099891227"/>
    <x v="10"/>
  </r>
  <r>
    <n v="259186.09284339883"/>
    <x v="11"/>
  </r>
  <r>
    <n v="268062.4544792177"/>
    <x v="12"/>
  </r>
  <r>
    <n v="254183.51257836536"/>
    <x v="13"/>
  </r>
  <r>
    <n v="220664.79026000283"/>
    <x v="14"/>
  </r>
  <r>
    <n v="245513.3058268028"/>
    <x v="15"/>
  </r>
  <r>
    <n v="243053.65184730233"/>
    <x v="16"/>
  </r>
  <r>
    <n v="243135.04688924996"/>
    <x v="17"/>
  </r>
  <r>
    <n v="252318.34120294935"/>
    <x v="18"/>
  </r>
  <r>
    <n v="239097.3960077205"/>
    <x v="19"/>
  </r>
  <r>
    <n v="242119.71296506649"/>
    <x v="20"/>
  </r>
  <r>
    <n v="233613.93890347346"/>
    <x v="21"/>
  </r>
  <r>
    <n v="258920.7884966009"/>
    <x v="22"/>
  </r>
  <r>
    <n v="228422.33378895835"/>
    <x v="23"/>
  </r>
  <r>
    <n v="218008.74316948745"/>
    <x v="0"/>
  </r>
  <r>
    <n v="211402.00945617544"/>
    <x v="1"/>
  </r>
  <r>
    <n v="203757.91525341719"/>
    <x v="2"/>
  </r>
  <r>
    <n v="217987.74909947134"/>
    <x v="3"/>
  </r>
  <r>
    <n v="222975.06094994769"/>
    <x v="4"/>
  </r>
  <r>
    <n v="242831.33684804849"/>
    <x v="5"/>
  </r>
  <r>
    <n v="279840.19033371314"/>
    <x v="6"/>
  </r>
  <r>
    <n v="265516.47763954673"/>
    <x v="7"/>
  </r>
  <r>
    <n v="286511.32984900445"/>
    <x v="8"/>
  </r>
  <r>
    <n v="289369.93373428012"/>
    <x v="9"/>
  </r>
  <r>
    <n v="291346.28607512405"/>
    <x v="10"/>
  </r>
  <r>
    <n v="247744.3403284977"/>
    <x v="11"/>
  </r>
  <r>
    <n v="226541.65934097458"/>
    <x v="12"/>
  </r>
  <r>
    <n v="215313.07016291338"/>
    <x v="13"/>
  </r>
  <r>
    <n v="230089.51637888723"/>
    <x v="14"/>
  </r>
  <r>
    <n v="218458.75465837182"/>
    <x v="15"/>
  </r>
  <r>
    <n v="248779.65147131792"/>
    <x v="16"/>
  </r>
  <r>
    <n v="279994.0008377356"/>
    <x v="17"/>
  </r>
  <r>
    <n v="322242.98671450996"/>
    <x v="18"/>
  </r>
  <r>
    <n v="301804.89974489773"/>
    <x v="19"/>
  </r>
  <r>
    <n v="332387.75311702373"/>
    <x v="20"/>
  </r>
  <r>
    <n v="321241.1534478704"/>
    <x v="21"/>
  </r>
  <r>
    <n v="338440.27154087223"/>
    <x v="22"/>
  </r>
  <r>
    <n v="298199.77050852834"/>
    <x v="23"/>
  </r>
  <r>
    <n v="310703.50696012261"/>
    <x v="0"/>
  </r>
  <r>
    <n v="323876.39419477817"/>
    <x v="1"/>
  </r>
  <r>
    <n v="316096.85538829461"/>
    <x v="2"/>
  </r>
  <r>
    <n v="317660.17834272666"/>
    <x v="3"/>
  </r>
  <r>
    <n v="339574.82737831399"/>
    <x v="4"/>
  </r>
  <r>
    <n v="347658.85841936775"/>
    <x v="5"/>
  </r>
  <r>
    <n v="333090.00632344862"/>
    <x v="6"/>
  </r>
  <r>
    <n v="355707.97234844236"/>
    <x v="7"/>
  </r>
  <r>
    <n v="360172.85724795941"/>
    <x v="8"/>
  </r>
  <r>
    <n v="337058.63646212337"/>
    <x v="9"/>
  </r>
  <r>
    <n v="289630.05996097729"/>
    <x v="10"/>
  </r>
  <r>
    <n v="244258.79281433619"/>
    <x v="11"/>
  </r>
  <r>
    <n v="226161.20048643561"/>
    <x v="12"/>
  </r>
  <r>
    <n v="212067.6403690775"/>
    <x v="13"/>
  </r>
  <r>
    <n v="203113.99802843039"/>
    <x v="14"/>
  </r>
  <r>
    <n v="219142.40730648889"/>
    <x v="15"/>
  </r>
  <r>
    <n v="227511.61040590567"/>
    <x v="16"/>
  </r>
  <r>
    <n v="246046.24545663747"/>
    <x v="17"/>
  </r>
  <r>
    <n v="248345.83138516577"/>
    <x v="18"/>
  </r>
  <r>
    <n v="245481.8147217787"/>
    <x v="19"/>
  </r>
  <r>
    <n v="246902.40303028913"/>
    <x v="20"/>
  </r>
  <r>
    <n v="230453.01728119268"/>
    <x v="21"/>
  </r>
  <r>
    <n v="207704.34674428805"/>
    <x v="22"/>
  </r>
  <r>
    <n v="188005.83924865539"/>
    <x v="23"/>
  </r>
  <r>
    <n v="166965.40080966943"/>
    <x v="0"/>
  </r>
  <r>
    <n v="170444.00244671683"/>
    <x v="1"/>
  </r>
  <r>
    <n v="155429.2375551654"/>
    <x v="2"/>
  </r>
  <r>
    <n v="161729.61741368973"/>
    <x v="3"/>
  </r>
  <r>
    <n v="169633.16515684803"/>
    <x v="4"/>
  </r>
  <r>
    <n v="178448.03075001918"/>
    <x v="5"/>
  </r>
  <r>
    <n v="239392.81479921367"/>
    <x v="6"/>
  </r>
  <r>
    <n v="201423.14626716441"/>
    <x v="7"/>
  </r>
  <r>
    <n v="185876.72454290302"/>
    <x v="8"/>
  </r>
  <r>
    <n v="195958.03941934727"/>
    <x v="9"/>
  </r>
  <r>
    <n v="192062.7164431877"/>
    <x v="10"/>
  </r>
  <r>
    <n v="180457.9861179828"/>
    <x v="11"/>
  </r>
  <r>
    <n v="195991.01669177192"/>
    <x v="12"/>
  </r>
  <r>
    <n v="179466.58731088173"/>
    <x v="13"/>
  </r>
  <r>
    <n v="179394.93839830821"/>
    <x v="14"/>
  </r>
  <r>
    <n v="191889.63269456022"/>
    <x v="15"/>
  </r>
  <r>
    <n v="181723.19953573332"/>
    <x v="16"/>
  </r>
  <r>
    <n v="224942.2616283778"/>
    <x v="17"/>
  </r>
  <r>
    <n v="231279.37328749656"/>
    <x v="18"/>
  </r>
  <r>
    <n v="211583.10286489842"/>
    <x v="19"/>
  </r>
  <r>
    <n v="208040.86197537303"/>
    <x v="20"/>
  </r>
  <r>
    <n v="188807.32150583444"/>
    <x v="21"/>
  </r>
  <r>
    <n v="154083.20791856007"/>
    <x v="22"/>
  </r>
  <r>
    <n v="138042.36176593916"/>
    <x v="23"/>
  </r>
  <r>
    <n v="108727.09185747088"/>
    <x v="0"/>
  </r>
  <r>
    <n v="126333.84220264059"/>
    <x v="1"/>
  </r>
  <r>
    <n v="105871.14742964882"/>
    <x v="2"/>
  </r>
  <r>
    <n v="104152.77810567172"/>
    <x v="3"/>
  </r>
  <r>
    <n v="132303.44030747254"/>
    <x v="4"/>
  </r>
  <r>
    <n v="156172.46205024319"/>
    <x v="5"/>
  </r>
  <r>
    <n v="178861.63895952393"/>
    <x v="6"/>
  </r>
  <r>
    <n v="144545.83031071452"/>
    <x v="7"/>
  </r>
  <r>
    <n v="195976.21759323598"/>
    <x v="8"/>
  </r>
  <r>
    <n v="206238.68845387275"/>
    <x v="9"/>
  </r>
  <r>
    <n v="218249.54921997749"/>
    <x v="10"/>
  </r>
  <r>
    <n v="203261.66049257485"/>
    <x v="11"/>
  </r>
  <r>
    <n v="228443.7658872609"/>
    <x v="12"/>
  </r>
  <r>
    <n v="238849.03396928872"/>
    <x v="13"/>
  </r>
  <r>
    <n v="251176.98028319984"/>
    <x v="14"/>
  </r>
  <r>
    <n v="287825.69629804452"/>
    <x v="15"/>
  </r>
  <r>
    <n v="324634.05797944224"/>
    <x v="16"/>
  </r>
  <r>
    <n v="326510.50858323497"/>
    <x v="17"/>
  </r>
  <r>
    <n v="337936.38257275138"/>
    <x v="18"/>
  </r>
  <r>
    <n v="347058.50936501788"/>
    <x v="19"/>
  </r>
  <r>
    <n v="374726.62865572987"/>
    <x v="20"/>
  </r>
  <r>
    <n v="335045.92777350196"/>
    <x v="21"/>
  </r>
  <r>
    <n v="331697.85856582434"/>
    <x v="22"/>
  </r>
  <r>
    <n v="305654.19846324262"/>
    <x v="23"/>
  </r>
  <r>
    <n v="285228.62658752967"/>
    <x v="0"/>
  </r>
  <r>
    <n v="295038.83324238018"/>
    <x v="1"/>
  </r>
  <r>
    <n v="298712.07587729651"/>
    <x v="2"/>
  </r>
  <r>
    <n v="301325.69679949322"/>
    <x v="3"/>
  </r>
  <r>
    <n v="316439.51865925768"/>
    <x v="4"/>
  </r>
  <r>
    <n v="354828.38026146428"/>
    <x v="5"/>
  </r>
  <r>
    <n v="382501.47430200112"/>
    <x v="6"/>
  </r>
  <r>
    <n v="384227.71249126742"/>
    <x v="7"/>
  </r>
  <r>
    <n v="384319.66714369261"/>
    <x v="8"/>
  </r>
  <r>
    <n v="379397.51200082956"/>
    <x v="9"/>
  </r>
  <r>
    <n v="348076.11164997064"/>
    <x v="10"/>
  </r>
  <r>
    <n v="298171.32995764219"/>
    <x v="11"/>
  </r>
  <r>
    <n v="306441.55430818279"/>
    <x v="12"/>
  </r>
  <r>
    <n v="267012.09393598355"/>
    <x v="13"/>
  </r>
  <r>
    <n v="286381.54832526867"/>
    <x v="14"/>
  </r>
  <r>
    <n v="310191.79605831468"/>
    <x v="15"/>
  </r>
  <r>
    <n v="324028.7654630022"/>
    <x v="16"/>
  </r>
  <r>
    <n v="356798.81922044075"/>
    <x v="17"/>
  </r>
  <r>
    <n v="366055.63971079863"/>
    <x v="18"/>
  </r>
  <r>
    <n v="384045.89946464525"/>
    <x v="19"/>
  </r>
  <r>
    <n v="367324.73280765791"/>
    <x v="20"/>
  </r>
  <r>
    <n v="371272.65046592936"/>
    <x v="21"/>
  </r>
  <r>
    <n v="362951.23938134051"/>
    <x v="22"/>
  </r>
  <r>
    <n v="350569.21221791703"/>
    <x v="23"/>
  </r>
  <r>
    <n v="341445.61490211729"/>
    <x v="0"/>
  </r>
  <r>
    <n v="369883.09959028917"/>
    <x v="1"/>
  </r>
  <r>
    <n v="364481.92922843015"/>
    <x v="2"/>
  </r>
  <r>
    <n v="355301.29437218432"/>
    <x v="3"/>
  </r>
  <r>
    <n v="383611.62570633925"/>
    <x v="4"/>
  </r>
  <r>
    <n v="418449.61100422993"/>
    <x v="5"/>
  </r>
  <r>
    <n v="426179.02685964672"/>
    <x v="6"/>
  </r>
  <r>
    <n v="413415.97766245878"/>
    <x v="7"/>
  </r>
  <r>
    <n v="408889.6436518961"/>
    <x v="8"/>
  </r>
  <r>
    <n v="389030.09818551416"/>
    <x v="9"/>
  </r>
  <r>
    <n v="342749.93798830319"/>
    <x v="10"/>
  </r>
  <r>
    <n v="285753.41576246236"/>
    <x v="11"/>
  </r>
  <r>
    <n v="235087.01238702415"/>
    <x v="12"/>
  </r>
  <r>
    <n v="230808.88397621948"/>
    <x v="13"/>
  </r>
  <r>
    <n v="248414.06993465175"/>
    <x v="14"/>
  </r>
  <r>
    <n v="251825.59066839886"/>
    <x v="15"/>
  </r>
  <r>
    <n v="248197.32415218314"/>
    <x v="16"/>
  </r>
  <r>
    <n v="285148.37354790035"/>
    <x v="17"/>
  </r>
  <r>
    <n v="343462.67258586874"/>
    <x v="18"/>
  </r>
  <r>
    <n v="320495.91089390131"/>
    <x v="19"/>
  </r>
  <r>
    <n v="342848.9949565162"/>
    <x v="20"/>
  </r>
  <r>
    <n v="361296.02434995282"/>
    <x v="21"/>
  </r>
  <r>
    <n v="331988.17745655356"/>
    <x v="22"/>
  </r>
  <r>
    <n v="303850.86729555659"/>
    <x v="23"/>
  </r>
  <r>
    <n v="295630.5468819394"/>
    <x v="0"/>
  </r>
  <r>
    <n v="274158.99474585702"/>
    <x v="1"/>
  </r>
  <r>
    <n v="266745.20955858077"/>
    <x v="2"/>
  </r>
  <r>
    <n v="260100.6646178255"/>
    <x v="3"/>
  </r>
  <r>
    <n v="272140.71684045042"/>
    <x v="4"/>
  </r>
  <r>
    <n v="287662.90621414932"/>
    <x v="5"/>
  </r>
  <r>
    <n v="322923.18206793733"/>
    <x v="6"/>
  </r>
  <r>
    <n v="293928.6505503073"/>
    <x v="7"/>
  </r>
  <r>
    <n v="255755.97155134389"/>
    <x v="8"/>
  </r>
  <r>
    <n v="265740.52910807909"/>
    <x v="9"/>
  </r>
  <r>
    <n v="259747.34787318067"/>
    <x v="10"/>
  </r>
  <r>
    <n v="230474.32422855624"/>
    <x v="11"/>
  </r>
  <r>
    <n v="197205.54397923028"/>
    <x v="12"/>
  </r>
  <r>
    <n v="197345.86946957625"/>
    <x v="13"/>
  </r>
  <r>
    <n v="204071.88767161604"/>
    <x v="14"/>
  </r>
  <r>
    <n v="206674.76125692675"/>
    <x v="15"/>
  </r>
  <r>
    <n v="215792.93015074765"/>
    <x v="16"/>
  </r>
  <r>
    <n v="240004.81853475716"/>
    <x v="17"/>
  </r>
  <r>
    <n v="233411.47597191742"/>
    <x v="18"/>
  </r>
  <r>
    <n v="256958.85980147586"/>
    <x v="19"/>
  </r>
  <r>
    <n v="255693.02062903039"/>
    <x v="20"/>
  </r>
  <r>
    <n v="253954.64279868177"/>
    <x v="21"/>
  </r>
  <r>
    <n v="216386.72442466766"/>
    <x v="22"/>
  </r>
  <r>
    <n v="219218.82759861153"/>
    <x v="23"/>
  </r>
  <r>
    <n v="200977.48377341003"/>
    <x v="0"/>
  </r>
  <r>
    <n v="180919.73050739776"/>
    <x v="1"/>
  </r>
  <r>
    <n v="180026.62211900839"/>
    <x v="2"/>
  </r>
  <r>
    <n v="170464.08917242521"/>
    <x v="3"/>
  </r>
  <r>
    <n v="191365.86037100683"/>
    <x v="4"/>
  </r>
  <r>
    <n v="194076.03524263672"/>
    <x v="5"/>
  </r>
  <r>
    <n v="212781.5169689614"/>
    <x v="6"/>
  </r>
  <r>
    <n v="200180.50695003476"/>
    <x v="7"/>
  </r>
  <r>
    <n v="242709.79964241886"/>
    <x v="8"/>
  </r>
  <r>
    <n v="254313.9355006635"/>
    <x v="9"/>
  </r>
  <r>
    <n v="249554.47657849145"/>
    <x v="10"/>
  </r>
  <r>
    <n v="240794.19243858865"/>
    <x v="11"/>
  </r>
  <r>
    <n v="239008.16338821844"/>
    <x v="12"/>
  </r>
  <r>
    <n v="251333.37202533908"/>
    <x v="13"/>
  </r>
  <r>
    <n v="249717.20408691719"/>
    <x v="14"/>
  </r>
  <r>
    <n v="268226.15190742066"/>
    <x v="15"/>
  </r>
  <r>
    <n v="253118.36858046261"/>
    <x v="16"/>
  </r>
  <r>
    <n v="293211.66082081595"/>
    <x v="17"/>
  </r>
  <r>
    <n v="286463.45961483964"/>
    <x v="18"/>
  </r>
  <r>
    <n v="285041.33820732654"/>
    <x v="19"/>
  </r>
  <r>
    <n v="274828.14552891831"/>
    <x v="20"/>
  </r>
  <r>
    <n v="263167.14421276865"/>
    <x v="21"/>
  </r>
  <r>
    <n v="254776.71238532514"/>
    <x v="22"/>
  </r>
  <r>
    <n v="237128.86560056361"/>
    <x v="23"/>
  </r>
  <r>
    <n v="225097.2610663207"/>
    <x v="0"/>
  </r>
  <r>
    <n v="217506.73146545148"/>
    <x v="1"/>
  </r>
  <r>
    <n v="210620.69214404168"/>
    <x v="2"/>
  </r>
  <r>
    <n v="207707.03748947638"/>
    <x v="3"/>
  </r>
  <r>
    <n v="208511.60158852817"/>
    <x v="4"/>
  </r>
  <r>
    <n v="219237.3499375825"/>
    <x v="5"/>
  </r>
  <r>
    <n v="215286.53816384688"/>
    <x v="6"/>
  </r>
  <r>
    <n v="230688.09767622378"/>
    <x v="7"/>
  </r>
  <r>
    <n v="267975.56843982177"/>
    <x v="8"/>
  </r>
  <r>
    <n v="282023.35460124316"/>
    <x v="9"/>
  </r>
  <r>
    <n v="249047.81864584534"/>
    <x v="10"/>
  </r>
  <r>
    <n v="243548.34222140722"/>
    <x v="11"/>
  </r>
  <r>
    <n v="235858.41148724276"/>
    <x v="12"/>
  </r>
  <r>
    <n v="235794.9286734385"/>
    <x v="13"/>
  </r>
  <r>
    <n v="217236.53058816542"/>
    <x v="14"/>
  </r>
  <r>
    <n v="238574.78133035277"/>
    <x v="15"/>
  </r>
  <r>
    <n v="246039.47166206446"/>
    <x v="16"/>
  </r>
  <r>
    <n v="274892.69212570396"/>
    <x v="17"/>
  </r>
  <r>
    <n v="278992.66817485198"/>
    <x v="18"/>
  </r>
  <r>
    <n v="277660.62415567919"/>
    <x v="19"/>
  </r>
  <r>
    <n v="283837.51132515213"/>
    <x v="20"/>
  </r>
  <r>
    <n v="283558.11185385002"/>
    <x v="21"/>
  </r>
  <r>
    <n v="265679.45544985047"/>
    <x v="22"/>
  </r>
  <r>
    <n v="255540.25826412195"/>
    <x v="23"/>
  </r>
  <r>
    <n v="233298.99656549739"/>
    <x v="0"/>
  </r>
  <r>
    <n v="235340.74027196525"/>
    <x v="1"/>
  </r>
  <r>
    <n v="217787.31987067393"/>
    <x v="2"/>
  </r>
  <r>
    <n v="222374.72753946527"/>
    <x v="3"/>
  </r>
  <r>
    <n v="221025.72556805887"/>
    <x v="4"/>
  </r>
  <r>
    <n v="240658.85734193501"/>
    <x v="5"/>
  </r>
  <r>
    <n v="277347.80938366597"/>
    <x v="6"/>
  </r>
  <r>
    <n v="239440.35651216365"/>
    <x v="7"/>
  </r>
  <r>
    <n v="226386.70683463381"/>
    <x v="8"/>
  </r>
  <r>
    <n v="235307.27803965195"/>
    <x v="9"/>
  </r>
  <r>
    <n v="240017.6308621366"/>
    <x v="10"/>
  </r>
  <r>
    <n v="226335.66089539195"/>
    <x v="11"/>
  </r>
  <r>
    <n v="228223.17171341824"/>
    <x v="12"/>
  </r>
  <r>
    <n v="226517.80244322901"/>
    <x v="13"/>
  </r>
  <r>
    <n v="254416.13688621874"/>
    <x v="14"/>
  </r>
  <r>
    <n v="253234.08626742911"/>
    <x v="15"/>
  </r>
  <r>
    <n v="270079.5434507039"/>
    <x v="16"/>
  </r>
  <r>
    <n v="283806.06715173007"/>
    <x v="17"/>
  </r>
  <r>
    <n v="281984.49523468583"/>
    <x v="18"/>
  </r>
  <r>
    <n v="260957.85468672385"/>
    <x v="19"/>
  </r>
  <r>
    <n v="273643.8421932268"/>
    <x v="20"/>
  </r>
  <r>
    <n v="259792.69944469826"/>
    <x v="21"/>
  </r>
  <r>
    <n v="250165.30702398194"/>
    <x v="22"/>
  </r>
  <r>
    <n v="222026.44812011492"/>
    <x v="23"/>
  </r>
  <r>
    <n v="195444.26352704593"/>
    <x v="0"/>
  </r>
  <r>
    <n v="197722.93360489505"/>
    <x v="1"/>
  </r>
  <r>
    <n v="189617.28273913029"/>
    <x v="2"/>
  </r>
  <r>
    <n v="195707.97219937172"/>
    <x v="3"/>
  </r>
  <r>
    <n v="203284.35974413474"/>
    <x v="4"/>
  </r>
  <r>
    <n v="220642.4821051273"/>
    <x v="5"/>
  </r>
  <r>
    <n v="261195.67275854546"/>
    <x v="6"/>
  </r>
  <r>
    <n v="240903.60564700334"/>
    <x v="7"/>
  </r>
  <r>
    <n v="252421.95053656824"/>
    <x v="8"/>
  </r>
  <r>
    <n v="264801.92835336574"/>
    <x v="9"/>
  </r>
  <r>
    <n v="282580.40143070137"/>
    <x v="10"/>
  </r>
  <r>
    <n v="274162.2486702709"/>
    <x v="11"/>
  </r>
  <r>
    <n v="282303.47369044443"/>
    <x v="12"/>
  </r>
  <r>
    <n v="294368.14936031622"/>
    <x v="13"/>
  </r>
  <r>
    <n v="280031.29581755557"/>
    <x v="14"/>
  </r>
  <r>
    <n v="299522.11532992922"/>
    <x v="15"/>
  </r>
  <r>
    <n v="314890.18132225814"/>
    <x v="16"/>
  </r>
  <r>
    <n v="367186.09685498837"/>
    <x v="17"/>
  </r>
  <r>
    <n v="366216.02063911821"/>
    <x v="18"/>
  </r>
  <r>
    <n v="341242.49492813152"/>
    <x v="19"/>
  </r>
  <r>
    <n v="376038.71110013331"/>
    <x v="20"/>
  </r>
  <r>
    <n v="370204.83136670565"/>
    <x v="21"/>
  </r>
  <r>
    <n v="345363.12088221341"/>
    <x v="22"/>
  </r>
  <r>
    <n v="329945.90185859497"/>
    <x v="23"/>
  </r>
  <r>
    <n v="331234.48721420247"/>
    <x v="0"/>
  </r>
  <r>
    <n v="344437.62968835956"/>
    <x v="1"/>
  </r>
  <r>
    <n v="355560.04393855255"/>
    <x v="2"/>
  </r>
  <r>
    <n v="363125.04274786718"/>
    <x v="3"/>
  </r>
  <r>
    <n v="385397.90505858744"/>
    <x v="4"/>
  </r>
  <r>
    <n v="399406.08094781754"/>
    <x v="5"/>
  </r>
  <r>
    <n v="441266.3792958142"/>
    <x v="6"/>
  </r>
  <r>
    <n v="421732.44528495742"/>
    <x v="7"/>
  </r>
  <r>
    <n v="394831.81412762054"/>
    <x v="8"/>
  </r>
  <r>
    <n v="409302.51659963425"/>
    <x v="9"/>
  </r>
  <r>
    <n v="417287.80354982242"/>
    <x v="10"/>
  </r>
  <r>
    <n v="385125.2324502563"/>
    <x v="11"/>
  </r>
  <r>
    <n v="344125.59710971511"/>
    <x v="12"/>
  </r>
  <r>
    <n v="349305.25030955643"/>
    <x v="13"/>
  </r>
  <r>
    <n v="357722.08898512746"/>
    <x v="14"/>
  </r>
  <r>
    <n v="381843.52452797978"/>
    <x v="15"/>
  </r>
  <r>
    <n v="378085.83629697782"/>
    <x v="16"/>
  </r>
  <r>
    <n v="414009.09925008175"/>
    <x v="17"/>
  </r>
  <r>
    <n v="391784.29489993484"/>
    <x v="18"/>
  </r>
  <r>
    <n v="411366.47459777334"/>
    <x v="19"/>
  </r>
  <r>
    <n v="437488.72949004278"/>
    <x v="20"/>
  </r>
  <r>
    <n v="415278.12977147161"/>
    <x v="21"/>
  </r>
  <r>
    <n v="408220.14870375267"/>
    <x v="22"/>
  </r>
  <r>
    <n v="386595.84984662925"/>
    <x v="23"/>
  </r>
  <r>
    <n v="391230.8774477074"/>
    <x v="0"/>
  </r>
  <r>
    <n v="384876.4636712728"/>
    <x v="1"/>
  </r>
  <r>
    <n v="387020.705996776"/>
    <x v="2"/>
  </r>
  <r>
    <n v="405159.55120294209"/>
    <x v="3"/>
  </r>
  <r>
    <n v="416757.44515810453"/>
    <x v="4"/>
  </r>
  <r>
    <n v="440198.52890885575"/>
    <x v="5"/>
  </r>
  <r>
    <n v="466353.57334714133"/>
    <x v="6"/>
  </r>
  <r>
    <n v="480843.01717226929"/>
    <x v="7"/>
  </r>
  <r>
    <n v="496643.82382390148"/>
    <x v="8"/>
  </r>
  <r>
    <n v="449836.71559806017"/>
    <x v="9"/>
  </r>
  <r>
    <n v="391424.3295116559"/>
    <x v="10"/>
  </r>
  <r>
    <n v="338776.58340168139"/>
    <x v="11"/>
  </r>
  <r>
    <n v="293475.57286341762"/>
    <x v="12"/>
  </r>
  <r>
    <n v="265550.98801097408"/>
    <x v="13"/>
  </r>
  <r>
    <n v="281420.84669319569"/>
    <x v="14"/>
  </r>
  <r>
    <n v="278184.06795801769"/>
    <x v="15"/>
  </r>
  <r>
    <n v="304370.11854143889"/>
    <x v="16"/>
  </r>
  <r>
    <n v="325247.82947199908"/>
    <x v="17"/>
  </r>
  <r>
    <n v="356778.98279661039"/>
    <x v="18"/>
  </r>
  <r>
    <n v="377505.69911927544"/>
    <x v="19"/>
  </r>
  <r>
    <n v="410978.09994634317"/>
    <x v="20"/>
  </r>
  <r>
    <n v="411451.70238722768"/>
    <x v="21"/>
  </r>
  <r>
    <n v="373354.09830779274"/>
    <x v="22"/>
  </r>
  <r>
    <n v="360797.07884392218"/>
    <x v="23"/>
  </r>
  <r>
    <n v="356755.26669367118"/>
    <x v="0"/>
  </r>
  <r>
    <n v="359952.96704814857"/>
    <x v="1"/>
  </r>
  <r>
    <n v="359828.03512329876"/>
    <x v="2"/>
  </r>
  <r>
    <n v="385296.62666120729"/>
    <x v="3"/>
  </r>
  <r>
    <n v="407691.98045346711"/>
    <x v="4"/>
  </r>
  <r>
    <n v="420269.30565718928"/>
    <x v="5"/>
  </r>
  <r>
    <n v="449242.3425010473"/>
    <x v="6"/>
  </r>
  <r>
    <n v="455231.84742711281"/>
    <x v="7"/>
  </r>
  <r>
    <n v="439457.38504813868"/>
    <x v="8"/>
  </r>
  <r>
    <n v="428660.98899402277"/>
    <x v="9"/>
  </r>
  <r>
    <n v="376739.83794810728"/>
    <x v="10"/>
  </r>
  <r>
    <n v="271846.42440740822"/>
    <x v="11"/>
  </r>
  <r>
    <n v="282540.00896514131"/>
    <x v="12"/>
  </r>
  <r>
    <n v="227279.95601782951"/>
    <x v="13"/>
  </r>
  <r>
    <n v="236656.62417614061"/>
    <x v="14"/>
  </r>
  <r>
    <n v="243663.70009942411"/>
    <x v="15"/>
  </r>
  <r>
    <n v="254021.09794728705"/>
    <x v="16"/>
  </r>
  <r>
    <n v="293249.55026759609"/>
    <x v="17"/>
  </r>
  <r>
    <n v="287089.49589941773"/>
    <x v="18"/>
  </r>
  <r>
    <n v="301583.25743194099"/>
    <x v="19"/>
  </r>
  <r>
    <n v="321288.30406413606"/>
    <x v="20"/>
  </r>
  <r>
    <n v="345715.17047360097"/>
    <x v="21"/>
  </r>
  <r>
    <n v="320554.19994373736"/>
    <x v="22"/>
  </r>
  <r>
    <n v="343175.5450440839"/>
    <x v="23"/>
  </r>
  <r>
    <n v="315580.20102439646"/>
    <x v="0"/>
  </r>
  <r>
    <n v="309603.14861676074"/>
    <x v="1"/>
  </r>
  <r>
    <n v="320823.55605218525"/>
    <x v="2"/>
  </r>
  <r>
    <n v="312400.74141927727"/>
    <x v="3"/>
  </r>
  <r>
    <n v="309725.07691907475"/>
    <x v="4"/>
  </r>
  <r>
    <n v="322424.36171284568"/>
    <x v="5"/>
  </r>
  <r>
    <n v="327929.18833992578"/>
    <x v="6"/>
  </r>
  <r>
    <n v="344769.84285591671"/>
    <x v="7"/>
  </r>
  <r>
    <n v="360666.54641455237"/>
    <x v="8"/>
  </r>
  <r>
    <n v="350256.55388457753"/>
    <x v="9"/>
  </r>
  <r>
    <n v="309800.60551075707"/>
    <x v="10"/>
  </r>
  <r>
    <n v="270064.27503614675"/>
    <x v="11"/>
  </r>
  <r>
    <n v="228083.94129378843"/>
    <x v="12"/>
  </r>
  <r>
    <n v="204601.27614355675"/>
    <x v="13"/>
  </r>
  <r>
    <n v="180738.98126375698"/>
    <x v="14"/>
  </r>
  <r>
    <n v="205903.51859538187"/>
    <x v="15"/>
  </r>
  <r>
    <n v="219201.99479731699"/>
    <x v="16"/>
  </r>
  <r>
    <n v="266845.64318712277"/>
    <x v="17"/>
  </r>
  <r>
    <n v="258586.00973479438"/>
    <x v="18"/>
  </r>
  <r>
    <n v="275502.30234953924"/>
    <x v="19"/>
  </r>
  <r>
    <n v="276695.33496322553"/>
    <x v="20"/>
  </r>
  <r>
    <n v="295522.66677252739"/>
    <x v="21"/>
  </r>
  <r>
    <n v="299266.83870211808"/>
    <x v="22"/>
  </r>
  <r>
    <n v="294848.19707455894"/>
    <x v="23"/>
  </r>
  <r>
    <n v="316916.75047737302"/>
    <x v="0"/>
  </r>
  <r>
    <n v="302451.33563253173"/>
    <x v="1"/>
  </r>
  <r>
    <n v="292015.65587232856"/>
    <x v="2"/>
  </r>
  <r>
    <n v="299673.57925384562"/>
    <x v="3"/>
  </r>
  <r>
    <n v="319531.62290895969"/>
    <x v="4"/>
  </r>
  <r>
    <n v="321319.12248286308"/>
    <x v="5"/>
  </r>
  <r>
    <n v="337735.60917887173"/>
    <x v="6"/>
  </r>
  <r>
    <n v="366234.88714317145"/>
    <x v="7"/>
  </r>
  <r>
    <n v="353649.17682653671"/>
    <x v="8"/>
  </r>
  <r>
    <n v="363451.46768449584"/>
    <x v="9"/>
  </r>
  <r>
    <n v="309215.02426720841"/>
    <x v="10"/>
  </r>
  <r>
    <n v="279269.43947643525"/>
    <x v="11"/>
  </r>
  <r>
    <n v="266563.08365461114"/>
    <x v="12"/>
  </r>
  <r>
    <n v="249280.89662585259"/>
    <x v="13"/>
  </r>
  <r>
    <n v="255734.86797425617"/>
    <x v="14"/>
  </r>
  <r>
    <n v="252184.68000010477"/>
    <x v="15"/>
  </r>
  <r>
    <n v="262069.4922584625"/>
    <x v="16"/>
  </r>
  <r>
    <n v="251799.27768347558"/>
    <x v="17"/>
  </r>
  <r>
    <n v="258294.15774506255"/>
    <x v="18"/>
  </r>
  <r>
    <n v="304154.10802073678"/>
    <x v="19"/>
  </r>
  <r>
    <n v="281746.67716286419"/>
    <x v="20"/>
  </r>
  <r>
    <n v="272057.30373961153"/>
    <x v="21"/>
  </r>
  <r>
    <n v="267906.07838094584"/>
    <x v="22"/>
  </r>
  <r>
    <n v="247606.47092532943"/>
    <x v="23"/>
  </r>
  <r>
    <n v="263619.40841855487"/>
    <x v="0"/>
  </r>
  <r>
    <n v="263164.86020813207"/>
    <x v="1"/>
  </r>
  <r>
    <n v="262604.71589293377"/>
    <x v="2"/>
  </r>
  <r>
    <n v="266424.38512647204"/>
    <x v="3"/>
  </r>
  <r>
    <n v="266889.13313842285"/>
    <x v="4"/>
  </r>
  <r>
    <n v="287873.15979165764"/>
    <x v="5"/>
  </r>
  <r>
    <n v="295783.82549447118"/>
    <x v="6"/>
  </r>
  <r>
    <n v="319708.08573293989"/>
    <x v="7"/>
  </r>
  <r>
    <n v="316233.14476085809"/>
    <x v="8"/>
  </r>
  <r>
    <n v="325952.96115002077"/>
    <x v="9"/>
  </r>
  <r>
    <n v="275719.31407775328"/>
    <x v="10"/>
  </r>
  <r>
    <n v="263277.37090228684"/>
    <x v="11"/>
  </r>
  <r>
    <n v="232192.33374358373"/>
    <x v="12"/>
  </r>
  <r>
    <n v="208357.43127555607"/>
    <x v="13"/>
  </r>
  <r>
    <n v="186614.91171268633"/>
    <x v="14"/>
  </r>
  <r>
    <n v="186915.22703466757"/>
    <x v="15"/>
  </r>
  <r>
    <n v="199762.01785390926"/>
    <x v="16"/>
  </r>
  <r>
    <n v="214889.66889243244"/>
    <x v="17"/>
  </r>
  <r>
    <n v="259895.0729127946"/>
    <x v="18"/>
  </r>
  <r>
    <n v="248597.07189519439"/>
    <x v="19"/>
  </r>
  <r>
    <n v="258090.55281118813"/>
    <x v="20"/>
  </r>
  <r>
    <n v="269911.9976311269"/>
    <x v="21"/>
  </r>
  <r>
    <n v="290062.92577121954"/>
    <x v="22"/>
  </r>
  <r>
    <n v="263268.61033655732"/>
    <x v="23"/>
  </r>
  <r>
    <n v="263981.21978318389"/>
    <x v="0"/>
  </r>
  <r>
    <n v="282638.84691921115"/>
    <x v="1"/>
  </r>
  <r>
    <n v="277203.10361045523"/>
    <x v="2"/>
  </r>
  <r>
    <n v="294850.95039521676"/>
    <x v="3"/>
  </r>
  <r>
    <n v="292674.07496237115"/>
    <x v="4"/>
  </r>
  <r>
    <n v="300013.83336923301"/>
    <x v="5"/>
  </r>
  <r>
    <n v="310978.49486082513"/>
    <x v="6"/>
  </r>
  <r>
    <n v="334071.40869929764"/>
    <x v="7"/>
  </r>
  <r>
    <n v="350104.99609745695"/>
    <x v="8"/>
  </r>
  <r>
    <n v="368386.45079860574"/>
    <x v="9"/>
  </r>
  <r>
    <n v="331352.09780912125"/>
    <x v="10"/>
  </r>
  <r>
    <n v="313096.76836648729"/>
    <x v="11"/>
  </r>
  <r>
    <n v="268512.4659681021"/>
    <x v="12"/>
  </r>
  <r>
    <n v="230652.44530247813"/>
    <x v="13"/>
  </r>
  <r>
    <n v="219297.81348498355"/>
    <x v="14"/>
  </r>
  <r>
    <n v="205452.3181725771"/>
    <x v="15"/>
  </r>
  <r>
    <n v="190835.11088260455"/>
    <x v="16"/>
  </r>
  <r>
    <n v="197797.06989238109"/>
    <x v="17"/>
  </r>
  <r>
    <n v="218624.51707706816"/>
    <x v="18"/>
  </r>
  <r>
    <n v="213711.8108300991"/>
    <x v="19"/>
  </r>
  <r>
    <n v="251960.19050328594"/>
    <x v="20"/>
  </r>
  <r>
    <n v="281469.43654525978"/>
    <x v="21"/>
  </r>
  <r>
    <n v="285927.469430867"/>
    <x v="22"/>
  </r>
  <r>
    <n v="306973.50837437285"/>
    <x v="23"/>
  </r>
  <r>
    <n v="289092.16122518503"/>
    <x v="0"/>
  </r>
  <r>
    <n v="268470.54040353937"/>
    <x v="1"/>
  </r>
  <r>
    <n v="293259.68749365455"/>
    <x v="2"/>
  </r>
  <r>
    <n v="288267.54168815957"/>
    <x v="3"/>
  </r>
  <r>
    <n v="307407.37539212714"/>
    <x v="4"/>
  </r>
  <r>
    <n v="326634.93990432884"/>
    <x v="5"/>
  </r>
  <r>
    <n v="320709.29324488452"/>
    <x v="6"/>
  </r>
  <r>
    <n v="339965.04800609447"/>
    <x v="7"/>
  </r>
  <r>
    <n v="375966.84317341651"/>
    <x v="8"/>
  </r>
  <r>
    <n v="350049.92968429998"/>
    <x v="9"/>
  </r>
  <r>
    <n v="353394.87011850276"/>
    <x v="10"/>
  </r>
  <r>
    <n v="276374.88598393381"/>
    <x v="11"/>
  </r>
  <r>
    <n v="233744.33053803691"/>
    <x v="12"/>
  </r>
  <r>
    <n v="184631.53527539136"/>
    <x v="13"/>
  </r>
  <r>
    <n v="181755.42590252406"/>
    <x v="14"/>
  </r>
  <r>
    <n v="174066.33993719774"/>
    <x v="15"/>
  </r>
  <r>
    <n v="167110.34124089082"/>
    <x v="16"/>
  </r>
  <r>
    <n v="193986.27073164395"/>
    <x v="17"/>
  </r>
  <r>
    <n v="229419.14537417085"/>
    <x v="18"/>
  </r>
  <r>
    <n v="232414.61745510282"/>
    <x v="19"/>
  </r>
  <r>
    <n v="214682.74745867474"/>
    <x v="20"/>
  </r>
  <r>
    <n v="281289.21919310978"/>
    <x v="21"/>
  </r>
  <r>
    <n v="276589.3008301637"/>
    <x v="22"/>
  </r>
  <r>
    <n v="261864.62017133084"/>
    <x v="23"/>
  </r>
  <r>
    <n v="234765.26496674033"/>
    <x v="0"/>
  </r>
  <r>
    <n v="235208.4244417148"/>
    <x v="1"/>
  </r>
  <r>
    <n v="241445.97852886459"/>
    <x v="2"/>
  </r>
  <r>
    <n v="246808.16437322734"/>
    <x v="3"/>
  </r>
  <r>
    <n v="265135.2678793738"/>
    <x v="4"/>
  </r>
  <r>
    <n v="278955.43577050156"/>
    <x v="5"/>
  </r>
  <r>
    <n v="296481.63584256184"/>
    <x v="6"/>
  </r>
  <r>
    <n v="299367.86679762026"/>
    <x v="7"/>
  </r>
  <r>
    <n v="291117.38500770571"/>
    <x v="8"/>
  </r>
  <r>
    <n v="286672.93099897931"/>
    <x v="9"/>
  </r>
  <r>
    <n v="258518.03713105374"/>
    <x v="10"/>
  </r>
  <r>
    <n v="222310.91620444617"/>
    <x v="11"/>
  </r>
  <r>
    <n v="188468.86643519503"/>
    <x v="12"/>
  </r>
  <r>
    <n v="158164.64598486974"/>
    <x v="13"/>
  </r>
  <r>
    <n v="170524.27113021351"/>
    <x v="14"/>
  </r>
  <r>
    <n v="171036.24797776682"/>
    <x v="15"/>
  </r>
  <r>
    <n v="188917.31353734198"/>
    <x v="16"/>
  </r>
  <r>
    <n v="194938.41907550328"/>
    <x v="17"/>
  </r>
  <r>
    <n v="208380.85014501514"/>
    <x v="18"/>
  </r>
  <r>
    <n v="226920.08449275489"/>
    <x v="19"/>
  </r>
  <r>
    <n v="226409.54688100002"/>
    <x v="20"/>
  </r>
  <r>
    <n v="246496.00664364384"/>
    <x v="21"/>
  </r>
  <r>
    <n v="221185.87183836789"/>
    <x v="22"/>
  </r>
  <r>
    <n v="212638.26607541647"/>
    <x v="23"/>
  </r>
  <r>
    <n v="208851.15172988374"/>
    <x v="0"/>
  </r>
  <r>
    <n v="178594.8171575907"/>
    <x v="1"/>
  </r>
  <r>
    <n v="177460.99658191553"/>
    <x v="2"/>
  </r>
  <r>
    <n v="194366.83909325453"/>
    <x v="3"/>
  </r>
  <r>
    <n v="193277.11857970699"/>
    <x v="4"/>
  </r>
  <r>
    <n v="210212.62186358732"/>
    <x v="5"/>
  </r>
  <r>
    <n v="204263.24345733647"/>
    <x v="6"/>
  </r>
  <r>
    <n v="201801.83736469009"/>
    <x v="7"/>
  </r>
  <r>
    <n v="204050.62765585459"/>
    <x v="8"/>
  </r>
  <r>
    <n v="216097.93863294114"/>
    <x v="9"/>
  </r>
  <r>
    <n v="205200.88993613998"/>
    <x v="10"/>
  </r>
  <r>
    <n v="215637.69605479407"/>
    <x v="11"/>
  </r>
  <r>
    <n v="185204.33547929532"/>
    <x v="12"/>
  </r>
  <r>
    <n v="204716.39936356302"/>
    <x v="13"/>
  </r>
  <r>
    <n v="186516.96545905684"/>
    <x v="14"/>
  </r>
  <r>
    <n v="204550.96546608154"/>
    <x v="15"/>
  </r>
  <r>
    <n v="188931.83104626517"/>
    <x v="16"/>
  </r>
  <r>
    <n v="192955.93433864866"/>
    <x v="17"/>
  </r>
  <r>
    <n v="195991.61115873215"/>
    <x v="18"/>
  </r>
  <r>
    <n v="183897.29036018637"/>
    <x v="19"/>
  </r>
  <r>
    <n v="189375.55370046516"/>
    <x v="20"/>
  </r>
  <r>
    <n v="182582.87697954415"/>
    <x v="21"/>
  </r>
  <r>
    <n v="181933.23409909848"/>
    <x v="22"/>
  </r>
  <r>
    <n v="168274.77686501716"/>
    <x v="23"/>
  </r>
  <r>
    <n v="159742.62724303137"/>
    <x v="0"/>
  </r>
  <r>
    <n v="152073.58107181135"/>
    <x v="1"/>
  </r>
  <r>
    <n v="161339.16212789869"/>
    <x v="2"/>
  </r>
  <r>
    <n v="164533.53033862542"/>
    <x v="3"/>
  </r>
  <r>
    <n v="176413.59272961508"/>
    <x v="4"/>
  </r>
  <r>
    <n v="177581.0163324099"/>
    <x v="5"/>
  </r>
  <r>
    <n v="195553.17613170465"/>
    <x v="6"/>
  </r>
  <r>
    <n v="192648.2820428689"/>
    <x v="7"/>
  </r>
  <r>
    <n v="202568.66845563543"/>
    <x v="8"/>
  </r>
  <r>
    <n v="229804.50075919789"/>
    <x v="9"/>
  </r>
  <r>
    <n v="214262.38109846436"/>
    <x v="10"/>
  </r>
  <r>
    <n v="199854.20716434502"/>
    <x v="11"/>
  </r>
  <r>
    <n v="159979.02172292193"/>
    <x v="12"/>
  </r>
  <r>
    <n v="152262.59027742562"/>
    <x v="13"/>
  </r>
  <r>
    <n v="154436.47773160279"/>
    <x v="14"/>
  </r>
  <r>
    <n v="173800.80093238919"/>
    <x v="15"/>
  </r>
  <r>
    <n v="160167.51468091286"/>
    <x v="16"/>
  </r>
  <r>
    <n v="178437.03311125518"/>
    <x v="17"/>
  </r>
  <r>
    <n v="192020.10254846051"/>
    <x v="18"/>
  </r>
  <r>
    <n v="196988.8607722311"/>
    <x v="19"/>
  </r>
  <r>
    <n v="183007.52975941505"/>
    <x v="20"/>
  </r>
  <r>
    <n v="177850.23164605137"/>
    <x v="21"/>
  </r>
  <r>
    <n v="184751.49245041623"/>
    <x v="22"/>
  </r>
  <r>
    <n v="178856.66420969897"/>
    <x v="23"/>
  </r>
  <r>
    <n v="172133.32110898013"/>
    <x v="0"/>
  </r>
  <r>
    <n v="162826.4245991577"/>
    <x v="1"/>
  </r>
  <r>
    <n v="143254.11618163218"/>
    <x v="2"/>
  </r>
  <r>
    <n v="151882.13142288668"/>
    <x v="3"/>
  </r>
  <r>
    <n v="148980.88235514911"/>
    <x v="4"/>
  </r>
  <r>
    <n v="158021.50459839642"/>
    <x v="5"/>
  </r>
  <r>
    <n v="156854.87883283768"/>
    <x v="6"/>
  </r>
  <r>
    <n v="161089.72066261811"/>
    <x v="7"/>
  </r>
  <r>
    <n v="178319.97005169452"/>
    <x v="8"/>
  </r>
  <r>
    <n v="189379.04228288957"/>
    <x v="9"/>
  </r>
  <r>
    <n v="181827.3720485777"/>
    <x v="10"/>
  </r>
  <r>
    <n v="176194.68809344879"/>
    <x v="11"/>
  </r>
  <r>
    <n v="189152.95711159857"/>
    <x v="12"/>
  </r>
  <r>
    <n v="171313.11314255427"/>
    <x v="13"/>
  </r>
  <r>
    <n v="195884.12214600446"/>
    <x v="14"/>
  </r>
  <r>
    <n v="180522.95509918759"/>
    <x v="15"/>
  </r>
  <r>
    <n v="186555.04263224549"/>
    <x v="16"/>
  </r>
  <r>
    <n v="201228.48962542805"/>
    <x v="17"/>
  </r>
  <r>
    <n v="172438.93970200125"/>
    <x v="18"/>
  </r>
  <r>
    <n v="192514.19845560519"/>
    <x v="19"/>
  </r>
  <r>
    <n v="188310.42534642981"/>
    <x v="20"/>
  </r>
  <r>
    <n v="182609.87829463193"/>
    <x v="21"/>
  </r>
  <r>
    <n v="166382.02535142057"/>
    <x v="22"/>
  </r>
  <r>
    <n v="161810.19897453391"/>
    <x v="23"/>
  </r>
  <r>
    <n v="136979.17325145821"/>
    <x v="0"/>
  </r>
  <r>
    <n v="124656.09218030043"/>
    <x v="1"/>
  </r>
  <r>
    <n v="119298.79504449213"/>
    <x v="2"/>
  </r>
  <r>
    <n v="119748.32157348789"/>
    <x v="3"/>
  </r>
  <r>
    <n v="124840.01712901813"/>
    <x v="4"/>
  </r>
  <r>
    <n v="146452.22327666133"/>
    <x v="5"/>
  </r>
  <r>
    <n v="175473.61531457282"/>
    <x v="6"/>
  </r>
  <r>
    <n v="168233.74300089481"/>
    <x v="7"/>
  </r>
  <r>
    <n v="184117.55601281417"/>
    <x v="8"/>
  </r>
  <r>
    <n v="181193.98314633372"/>
    <x v="9"/>
  </r>
  <r>
    <n v="189063.09873740154"/>
    <x v="10"/>
  </r>
  <r>
    <n v="195864.58295565416"/>
    <x v="11"/>
  </r>
  <r>
    <n v="182223.1149615412"/>
    <x v="12"/>
  </r>
  <r>
    <n v="170470.23721230324"/>
    <x v="13"/>
  </r>
  <r>
    <n v="177419.75934751731"/>
    <x v="14"/>
  </r>
  <r>
    <n v="199786.76645209512"/>
    <x v="15"/>
  </r>
  <r>
    <n v="219561.50651344197"/>
    <x v="16"/>
  </r>
  <r>
    <n v="199068.05589719265"/>
    <x v="17"/>
  </r>
  <r>
    <n v="250064.07555820391"/>
    <x v="18"/>
  </r>
  <r>
    <n v="252134.08773301679"/>
    <x v="19"/>
  </r>
  <r>
    <n v="236223.02310413169"/>
    <x v="20"/>
  </r>
  <r>
    <n v="234140.51147928686"/>
    <x v="21"/>
  </r>
  <r>
    <n v="249956.52397000673"/>
    <x v="22"/>
  </r>
  <r>
    <n v="216166.38055270296"/>
    <x v="23"/>
  </r>
  <r>
    <n v="207659.62092746541"/>
    <x v="0"/>
  </r>
  <r>
    <n v="202491.07487345973"/>
    <x v="1"/>
  </r>
  <r>
    <n v="201776.05627125752"/>
    <x v="2"/>
  </r>
  <r>
    <n v="206243.14695607437"/>
    <x v="3"/>
  </r>
  <r>
    <n v="202272.65519718203"/>
    <x v="4"/>
  </r>
  <r>
    <n v="231828.69204647196"/>
    <x v="5"/>
  </r>
  <r>
    <n v="232464.27109014831"/>
    <x v="6"/>
  </r>
  <r>
    <n v="224817.32970352794"/>
    <x v="7"/>
  </r>
  <r>
    <n v="248205.7561966978"/>
    <x v="8"/>
  </r>
  <r>
    <n v="263242.35992710351"/>
    <x v="9"/>
  </r>
  <r>
    <n v="244239.64472067024"/>
    <x v="10"/>
  </r>
  <r>
    <n v="267591.48020805203"/>
    <x v="11"/>
  </r>
  <r>
    <n v="268890.07763877889"/>
    <x v="12"/>
  </r>
  <r>
    <n v="252279.51312412677"/>
    <x v="13"/>
  </r>
  <r>
    <n v="251508.36432578615"/>
    <x v="14"/>
  </r>
  <r>
    <n v="295417.10195548669"/>
    <x v="15"/>
  </r>
  <r>
    <n v="284875.41934995644"/>
    <x v="16"/>
  </r>
  <r>
    <n v="295938.0427390454"/>
    <x v="17"/>
  </r>
  <r>
    <n v="285367.01223832124"/>
    <x v="18"/>
  </r>
  <r>
    <n v="267221.15857957146"/>
    <x v="19"/>
  </r>
  <r>
    <n v="273557.01872930035"/>
    <x v="20"/>
  </r>
  <r>
    <n v="244429.79592860283"/>
    <x v="21"/>
  </r>
  <r>
    <n v="229999.25126413853"/>
    <x v="22"/>
  </r>
  <r>
    <n v="221591.56425098132"/>
    <x v="23"/>
  </r>
  <r>
    <n v="330030.30244376406"/>
    <x v="0"/>
  </r>
  <r>
    <n v="324908.35187869426"/>
    <x v="1"/>
  </r>
  <r>
    <n v="303400.09041180054"/>
    <x v="2"/>
  </r>
  <r>
    <n v="318070.54019677447"/>
    <x v="3"/>
  </r>
  <r>
    <n v="301568.96365417383"/>
    <x v="4"/>
  </r>
  <r>
    <n v="311862.92242049449"/>
    <x v="5"/>
  </r>
  <r>
    <n v="309555.17326192901"/>
    <x v="6"/>
  </r>
  <r>
    <n v="321071.60297155066"/>
    <x v="7"/>
  </r>
  <r>
    <n v="338613.62082829658"/>
    <x v="8"/>
  </r>
  <r>
    <n v="344056.02215880842"/>
    <x v="9"/>
  </r>
  <r>
    <n v="300940.46904661303"/>
    <x v="10"/>
  </r>
  <r>
    <n v="311411.3595478526"/>
    <x v="11"/>
  </r>
  <r>
    <n v="301522.69361009641"/>
    <x v="12"/>
  </r>
  <r>
    <n v="273968.65715383936"/>
    <x v="13"/>
  </r>
  <r>
    <n v="270319.91612933413"/>
    <x v="14"/>
  </r>
  <r>
    <n v="283366.51257537119"/>
    <x v="15"/>
  </r>
  <r>
    <n v="317752.58719477372"/>
    <x v="16"/>
  </r>
  <r>
    <n v="385365.09857225727"/>
    <x v="17"/>
  </r>
  <r>
    <n v="372057.75200172036"/>
    <x v="18"/>
  </r>
  <r>
    <n v="379685.34829440509"/>
    <x v="19"/>
  </r>
  <r>
    <n v="402198.71386479022"/>
    <x v="20"/>
  </r>
  <r>
    <n v="406640.31052068505"/>
    <x v="21"/>
  </r>
  <r>
    <n v="381912.78002690169"/>
    <x v="22"/>
  </r>
  <r>
    <n v="352663.92918180866"/>
    <x v="23"/>
  </r>
  <r>
    <n v="368270.32368580793"/>
    <x v="0"/>
  </r>
  <r>
    <n v="368143.101538066"/>
    <x v="1"/>
  </r>
  <r>
    <n v="380586.22195789748"/>
    <x v="2"/>
  </r>
  <r>
    <n v="373570.61865528394"/>
    <x v="3"/>
  </r>
  <r>
    <n v="414242.51970953977"/>
    <x v="4"/>
  </r>
  <r>
    <n v="428605.7241177574"/>
    <x v="5"/>
  </r>
  <r>
    <n v="462710.06330505869"/>
    <x v="6"/>
  </r>
  <r>
    <n v="434813.11668585829"/>
    <x v="7"/>
  </r>
  <r>
    <n v="401080.12531248416"/>
    <x v="8"/>
  </r>
  <r>
    <n v="377591.28075089963"/>
    <x v="9"/>
  </r>
  <r>
    <n v="362634.42758247512"/>
    <x v="10"/>
  </r>
  <r>
    <n v="329761.54719216947"/>
    <x v="11"/>
  </r>
  <r>
    <n v="307138.11624259851"/>
    <x v="12"/>
  </r>
  <r>
    <n v="283007.85831335903"/>
    <x v="13"/>
  </r>
  <r>
    <n v="256431.43008926781"/>
    <x v="14"/>
  </r>
  <r>
    <n v="254811.13913425559"/>
    <x v="15"/>
  </r>
  <r>
    <n v="259428.91000664863"/>
    <x v="16"/>
  </r>
  <r>
    <n v="276987.30664005911"/>
    <x v="17"/>
  </r>
  <r>
    <n v="284925.75164036633"/>
    <x v="18"/>
  </r>
  <r>
    <n v="283739.10927101906"/>
    <x v="19"/>
  </r>
  <r>
    <n v="308261.22943195805"/>
    <x v="20"/>
  </r>
  <r>
    <n v="297367.11134170636"/>
    <x v="21"/>
  </r>
  <r>
    <n v="283192.42665289779"/>
    <x v="22"/>
  </r>
  <r>
    <n v="244032.77804808063"/>
    <x v="23"/>
  </r>
  <r>
    <n v="216710.89027757288"/>
    <x v="0"/>
  </r>
  <r>
    <n v="201165.77287176988"/>
    <x v="1"/>
  </r>
  <r>
    <n v="204278.23180133587"/>
    <x v="2"/>
  </r>
  <r>
    <n v="200563.95519670151"/>
    <x v="3"/>
  </r>
  <r>
    <n v="203544.0736108179"/>
    <x v="4"/>
  </r>
  <r>
    <n v="249201.89948994436"/>
    <x v="5"/>
  </r>
  <r>
    <n v="251328.49937859975"/>
    <x v="6"/>
  </r>
  <r>
    <n v="219391.23613178617"/>
    <x v="7"/>
  </r>
  <r>
    <n v="222778.91992972919"/>
    <x v="8"/>
  </r>
  <r>
    <n v="252577.62678092229"/>
    <x v="9"/>
  </r>
  <r>
    <n v="245457.99777301797"/>
    <x v="10"/>
  </r>
  <r>
    <n v="248568.88024533002"/>
    <x v="11"/>
  </r>
  <r>
    <n v="204325.91451490056"/>
    <x v="12"/>
  </r>
  <r>
    <n v="204986.3886838989"/>
    <x v="13"/>
  </r>
  <r>
    <n v="227703.11724004531"/>
    <x v="14"/>
  </r>
  <r>
    <n v="263299.97245090443"/>
    <x v="15"/>
  </r>
  <r>
    <n v="276640.58841154125"/>
    <x v="16"/>
  </r>
  <r>
    <n v="256771.92438265317"/>
    <x v="17"/>
  </r>
  <r>
    <n v="270096.5915095128"/>
    <x v="18"/>
  </r>
  <r>
    <n v="269426.8838051699"/>
    <x v="19"/>
  </r>
  <r>
    <n v="267114.42574831337"/>
    <x v="20"/>
  </r>
  <r>
    <n v="252476.28310031033"/>
    <x v="21"/>
  </r>
  <r>
    <n v="220426.25197616126"/>
    <x v="22"/>
  </r>
  <r>
    <n v="209210.67992039674"/>
    <x v="23"/>
  </r>
  <r>
    <n v="190383.82892819957"/>
    <x v="0"/>
  </r>
  <r>
    <n v="190664.7863684092"/>
    <x v="1"/>
  </r>
  <r>
    <n v="193400.67674898618"/>
    <x v="2"/>
  </r>
  <r>
    <n v="178987.12807599586"/>
    <x v="3"/>
  </r>
  <r>
    <n v="183418.36515565042"/>
    <x v="4"/>
  </r>
  <r>
    <n v="206783.20190441341"/>
    <x v="5"/>
  </r>
  <r>
    <n v="188814.06649919745"/>
    <x v="6"/>
  </r>
  <r>
    <n v="226950.30771760055"/>
    <x v="7"/>
  </r>
  <r>
    <n v="252604.95886448128"/>
    <x v="8"/>
  </r>
  <r>
    <n v="273485.76987082651"/>
    <x v="9"/>
  </r>
  <r>
    <n v="294058.37324728648"/>
    <x v="10"/>
  </r>
  <r>
    <n v="296706.04344205395"/>
    <x v="11"/>
  </r>
  <r>
    <n v="289599.64029630629"/>
    <x v="12"/>
  </r>
  <r>
    <n v="291604.44350698986"/>
    <x v="13"/>
  </r>
  <r>
    <n v="316803.19140541262"/>
    <x v="14"/>
  </r>
  <r>
    <n v="362395.13365540589"/>
    <x v="15"/>
  </r>
  <r>
    <n v="389898.94868771522"/>
    <x v="16"/>
  </r>
  <r>
    <n v="391651.39589693962"/>
    <x v="17"/>
  </r>
  <r>
    <n v="384808.67058202054"/>
    <x v="18"/>
  </r>
  <r>
    <n v="395749.98002253706"/>
    <x v="19"/>
  </r>
  <r>
    <n v="386162.41742028791"/>
    <x v="20"/>
  </r>
  <r>
    <n v="390460.24936400965"/>
    <x v="21"/>
  </r>
  <r>
    <n v="383710.6373944286"/>
    <x v="22"/>
  </r>
  <r>
    <n v="360001.98965000571"/>
    <x v="23"/>
  </r>
  <r>
    <n v="360005.79771558015"/>
    <x v="0"/>
  </r>
  <r>
    <n v="348936.61097625515"/>
    <x v="1"/>
  </r>
  <r>
    <n v="338979.91169492854"/>
    <x v="2"/>
  </r>
  <r>
    <n v="341388.47222386434"/>
    <x v="3"/>
  </r>
  <r>
    <n v="354775.76769799512"/>
    <x v="4"/>
  </r>
  <r>
    <n v="355932.84637546283"/>
    <x v="5"/>
  </r>
  <r>
    <n v="348227.20521197148"/>
    <x v="6"/>
  </r>
  <r>
    <n v="373741.73592448689"/>
    <x v="7"/>
  </r>
  <r>
    <n v="378267.76517408754"/>
    <x v="8"/>
  </r>
  <r>
    <n v="394948.48458645685"/>
    <x v="9"/>
  </r>
  <r>
    <n v="382842.72601897363"/>
    <x v="10"/>
  </r>
  <r>
    <n v="391841.79917566513"/>
    <x v="11"/>
  </r>
  <r>
    <n v="382263.5315291732"/>
    <x v="12"/>
  </r>
  <r>
    <n v="334987.5644094717"/>
    <x v="13"/>
  </r>
  <r>
    <n v="327290.05121390009"/>
    <x v="14"/>
  </r>
  <r>
    <n v="338651.04633297509"/>
    <x v="15"/>
  </r>
  <r>
    <n v="319939.3381407297"/>
    <x v="16"/>
  </r>
  <r>
    <n v="359116.10256716138"/>
    <x v="17"/>
  </r>
  <r>
    <n v="394773.4364108544"/>
    <x v="18"/>
  </r>
  <r>
    <n v="387565.42342937394"/>
    <x v="19"/>
  </r>
  <r>
    <n v="421633.77025495493"/>
    <x v="20"/>
  </r>
  <r>
    <n v="443591.56772087823"/>
    <x v="21"/>
  </r>
  <r>
    <n v="429876.7171869271"/>
    <x v="22"/>
  </r>
  <r>
    <n v="381164.9660313396"/>
    <x v="23"/>
  </r>
  <r>
    <n v="345235.4578664233"/>
    <x v="0"/>
  </r>
  <r>
    <n v="345329.67677918612"/>
    <x v="1"/>
  </r>
  <r>
    <n v="354422.27275063226"/>
    <x v="2"/>
  </r>
  <r>
    <n v="385790.78297776909"/>
    <x v="3"/>
  </r>
  <r>
    <n v="367809.13828187564"/>
    <x v="4"/>
  </r>
  <r>
    <n v="410928.88845559134"/>
    <x v="5"/>
  </r>
  <r>
    <n v="467097.40526325221"/>
    <x v="6"/>
  </r>
  <r>
    <n v="442235.93732329441"/>
    <x v="7"/>
  </r>
  <r>
    <n v="444682.39424673776"/>
    <x v="8"/>
  </r>
  <r>
    <n v="418740.70503881067"/>
    <x v="9"/>
  </r>
  <r>
    <n v="364271.44536315603"/>
    <x v="10"/>
  </r>
  <r>
    <n v="336579.90907680005"/>
    <x v="11"/>
  </r>
  <r>
    <n v="304196.54937405634"/>
    <x v="12"/>
  </r>
  <r>
    <n v="246816.88345246387"/>
    <x v="13"/>
  </r>
  <r>
    <n v="277747.83466100704"/>
    <x v="14"/>
  </r>
  <r>
    <n v="304272.34216307162"/>
    <x v="15"/>
  </r>
  <r>
    <n v="306978.79169259401"/>
    <x v="16"/>
  </r>
  <r>
    <n v="350776.93032228493"/>
    <x v="17"/>
  </r>
  <r>
    <n v="411684.97373336903"/>
    <x v="18"/>
  </r>
  <r>
    <n v="424685.83244557033"/>
    <x v="19"/>
  </r>
  <r>
    <n v="447097.60865369352"/>
    <x v="20"/>
  </r>
  <r>
    <n v="446840.29807229334"/>
    <x v="21"/>
  </r>
  <r>
    <n v="451722.89328988141"/>
    <x v="22"/>
  </r>
  <r>
    <n v="424191.84854136728"/>
    <x v="23"/>
  </r>
  <r>
    <n v="443944.44846411608"/>
    <x v="0"/>
  </r>
  <r>
    <n v="448588.85532205994"/>
    <x v="1"/>
  </r>
  <r>
    <n v="413804.55122152949"/>
    <x v="2"/>
  </r>
  <r>
    <n v="405121.46561363898"/>
    <x v="3"/>
  </r>
  <r>
    <n v="420483.73445145297"/>
    <x v="4"/>
  </r>
  <r>
    <n v="421939.52106834057"/>
    <x v="5"/>
  </r>
  <r>
    <n v="457539.20161817438"/>
    <x v="6"/>
  </r>
  <r>
    <n v="456780.12721365539"/>
    <x v="7"/>
  </r>
  <r>
    <n v="435723.12151734112"/>
    <x v="8"/>
  </r>
  <r>
    <n v="418905.06606263953"/>
    <x v="9"/>
  </r>
  <r>
    <n v="413485.49265210389"/>
    <x v="10"/>
  </r>
  <r>
    <n v="379884.39137782116"/>
    <x v="11"/>
  </r>
  <r>
    <n v="354289.11329634942"/>
    <x v="12"/>
  </r>
  <r>
    <n v="310147.08177711535"/>
    <x v="13"/>
  </r>
  <r>
    <n v="313063.3434357107"/>
    <x v="14"/>
  </r>
  <r>
    <n v="352560.45626023033"/>
    <x v="15"/>
  </r>
  <r>
    <n v="345320.29992954567"/>
    <x v="16"/>
  </r>
  <r>
    <n v="395933.21758647182"/>
    <x v="17"/>
  </r>
  <r>
    <n v="393742.76094229543"/>
    <x v="18"/>
  </r>
  <r>
    <n v="400220.4442723032"/>
    <x v="19"/>
  </r>
  <r>
    <n v="429628.12830410077"/>
    <x v="20"/>
  </r>
  <r>
    <n v="466841.81445340178"/>
    <x v="21"/>
  </r>
  <r>
    <n v="413580.57145064161"/>
    <x v="22"/>
  </r>
  <r>
    <n v="407542.74016796058"/>
    <x v="23"/>
  </r>
  <r>
    <n v="395076.15715055709"/>
    <x v="0"/>
  </r>
  <r>
    <n v="408194.69737309334"/>
    <x v="1"/>
  </r>
  <r>
    <n v="380932.18266799458"/>
    <x v="2"/>
  </r>
  <r>
    <n v="383944.44443131518"/>
    <x v="3"/>
  </r>
  <r>
    <n v="393415.55393147923"/>
    <x v="4"/>
  </r>
  <r>
    <n v="438802.08584862808"/>
    <x v="5"/>
  </r>
  <r>
    <n v="467839.85520945664"/>
    <x v="6"/>
  </r>
  <r>
    <n v="440680.11732792802"/>
    <x v="7"/>
  </r>
  <r>
    <n v="409005.28303022229"/>
    <x v="8"/>
  </r>
  <r>
    <n v="426539.3776537567"/>
    <x v="9"/>
  </r>
  <r>
    <n v="357434.32977924455"/>
    <x v="10"/>
  </r>
  <r>
    <n v="317171.42725177354"/>
    <x v="11"/>
  </r>
  <r>
    <n v="323584.88530378544"/>
    <x v="12"/>
  </r>
  <r>
    <n v="307521.40009002003"/>
    <x v="13"/>
  </r>
  <r>
    <n v="299792.50106366497"/>
    <x v="14"/>
  </r>
  <r>
    <n v="330274.44858342013"/>
    <x v="15"/>
  </r>
  <r>
    <n v="364695.16431546817"/>
    <x v="16"/>
  </r>
  <r>
    <n v="363307.30867479683"/>
    <x v="17"/>
  </r>
  <r>
    <n v="403947.3939553817"/>
    <x v="18"/>
  </r>
  <r>
    <n v="428392.10392310988"/>
    <x v="19"/>
  </r>
  <r>
    <n v="446239.40170341235"/>
    <x v="20"/>
  </r>
  <r>
    <n v="449086.56539795414"/>
    <x v="21"/>
  </r>
  <r>
    <n v="424917.79687008215"/>
    <x v="22"/>
  </r>
  <r>
    <n v="396345.59423594369"/>
    <x v="23"/>
  </r>
  <r>
    <n v="424188.28615744272"/>
    <x v="0"/>
  </r>
  <r>
    <n v="443487.7672237666"/>
    <x v="1"/>
  </r>
  <r>
    <n v="426543.71802957286"/>
    <x v="2"/>
  </r>
  <r>
    <n v="457576.87280450284"/>
    <x v="3"/>
  </r>
  <r>
    <n v="449888.71598510089"/>
    <x v="4"/>
  </r>
  <r>
    <n v="527576.69324819988"/>
    <x v="5"/>
  </r>
  <r>
    <n v="562022.48898201552"/>
    <x v="6"/>
  </r>
  <r>
    <n v="507377.03461639187"/>
    <x v="7"/>
  </r>
  <r>
    <n v="499356.42957764107"/>
    <x v="8"/>
  </r>
  <r>
    <n v="472615.04659906693"/>
    <x v="9"/>
  </r>
  <r>
    <n v="389154.2057127778"/>
    <x v="10"/>
  </r>
  <r>
    <n v="343634.43244746269"/>
    <x v="11"/>
  </r>
  <r>
    <n v="286140.79071375576"/>
    <x v="12"/>
  </r>
  <r>
    <n v="242965.82358920964"/>
    <x v="13"/>
  </r>
  <r>
    <n v="208391.55682593133"/>
    <x v="14"/>
  </r>
  <r>
    <n v="245739.79462553171"/>
    <x v="15"/>
  </r>
  <r>
    <n v="296327.79606845684"/>
    <x v="16"/>
  </r>
  <r>
    <n v="321140.57809477928"/>
    <x v="17"/>
  </r>
  <r>
    <n v="329176.29255500314"/>
    <x v="18"/>
  </r>
  <r>
    <n v="329885.26837639936"/>
    <x v="19"/>
  </r>
  <r>
    <n v="327431.35910957359"/>
    <x v="20"/>
  </r>
  <r>
    <n v="354776.70947765332"/>
    <x v="21"/>
  </r>
  <r>
    <n v="335972.58403807826"/>
    <x v="22"/>
  </r>
  <r>
    <n v="279760.09021507297"/>
    <x v="23"/>
  </r>
  <r>
    <n v="262878.52605385456"/>
    <x v="0"/>
  </r>
  <r>
    <n v="262799.19135438558"/>
    <x v="1"/>
  </r>
  <r>
    <n v="250385.30705090033"/>
    <x v="2"/>
  </r>
  <r>
    <n v="262472.20955174853"/>
    <x v="3"/>
  </r>
  <r>
    <n v="279711.50666879176"/>
    <x v="4"/>
  </r>
  <r>
    <n v="289359.75263858301"/>
    <x v="5"/>
  </r>
  <r>
    <n v="338160.01060857164"/>
    <x v="6"/>
  </r>
  <r>
    <n v="323015.47713304206"/>
    <x v="7"/>
  </r>
  <r>
    <n v="282327.89340012992"/>
    <x v="8"/>
  </r>
  <r>
    <n v="271416.84374950122"/>
    <x v="9"/>
  </r>
  <r>
    <n v="260397.85796065305"/>
    <x v="10"/>
  </r>
  <r>
    <n v="232820.58411500318"/>
    <x v="11"/>
  </r>
  <r>
    <n v="230164.84737272837"/>
    <x v="12"/>
  </r>
  <r>
    <n v="180205.21769653904"/>
    <x v="13"/>
  </r>
  <r>
    <n v="200106.49596446042"/>
    <x v="14"/>
  </r>
  <r>
    <n v="238056.38765136249"/>
    <x v="15"/>
  </r>
  <r>
    <n v="231362.62731020755"/>
    <x v="16"/>
  </r>
  <r>
    <n v="240854.37406896896"/>
    <x v="17"/>
  </r>
  <r>
    <n v="265590.23726538051"/>
    <x v="18"/>
  </r>
  <r>
    <n v="224754.03660770829"/>
    <x v="19"/>
  </r>
  <r>
    <n v="240598.74231217688"/>
    <x v="20"/>
  </r>
  <r>
    <n v="230959.3613552553"/>
    <x v="21"/>
  </r>
  <r>
    <n v="199646.14997283218"/>
    <x v="22"/>
  </r>
  <r>
    <n v="191987.02453506817"/>
    <x v="23"/>
  </r>
  <r>
    <n v="159577.2028712758"/>
    <x v="0"/>
  </r>
  <r>
    <n v="164880.65075525973"/>
    <x v="1"/>
  </r>
  <r>
    <n v="150351.62147004885"/>
    <x v="2"/>
  </r>
  <r>
    <n v="154292.78507842901"/>
    <x v="3"/>
  </r>
  <r>
    <n v="160299.65023647863"/>
    <x v="4"/>
  </r>
  <r>
    <n v="162971.06965740974"/>
    <x v="5"/>
  </r>
  <r>
    <n v="158939.98656514118"/>
    <x v="6"/>
  </r>
  <r>
    <n v="171240.44784022434"/>
    <x v="7"/>
  </r>
  <r>
    <n v="198629.35551749641"/>
    <x v="8"/>
  </r>
  <r>
    <n v="190964.14945889567"/>
    <x v="9"/>
  </r>
  <r>
    <n v="178811.52711668095"/>
    <x v="10"/>
  </r>
  <r>
    <n v="194802.06535387659"/>
    <x v="11"/>
  </r>
  <r>
    <n v="181827.06463533442"/>
    <x v="12"/>
  </r>
  <r>
    <n v="159667.76726949541"/>
    <x v="13"/>
  </r>
  <r>
    <n v="185103.39322542932"/>
    <x v="14"/>
  </r>
  <r>
    <n v="194110.47150921563"/>
    <x v="15"/>
  </r>
  <r>
    <n v="183659.33790732772"/>
    <x v="16"/>
  </r>
  <r>
    <n v="186567.34875717835"/>
    <x v="17"/>
  </r>
  <r>
    <n v="220705.4691713503"/>
    <x v="18"/>
  </r>
  <r>
    <n v="236186.42271956988"/>
    <x v="19"/>
  </r>
  <r>
    <n v="232829.1420258104"/>
    <x v="20"/>
  </r>
  <r>
    <n v="182622.09045463207"/>
    <x v="21"/>
  </r>
  <r>
    <n v="178384.85998456922"/>
    <x v="22"/>
  </r>
  <r>
    <n v="140155.79204941975"/>
    <x v="23"/>
  </r>
  <r>
    <n v="131019.31119324801"/>
    <x v="0"/>
  </r>
  <r>
    <n v="143163.47799200963"/>
    <x v="1"/>
  </r>
  <r>
    <n v="151926.69676473152"/>
    <x v="2"/>
  </r>
  <r>
    <n v="143950.67270871456"/>
    <x v="3"/>
  </r>
  <r>
    <n v="161857.02621562814"/>
    <x v="4"/>
  </r>
  <r>
    <n v="191741.50667286644"/>
    <x v="5"/>
  </r>
  <r>
    <n v="203804.96704961345"/>
    <x v="6"/>
  </r>
  <r>
    <n v="194648.65763694217"/>
    <x v="7"/>
  </r>
  <r>
    <n v="269018.19238044752"/>
    <x v="8"/>
  </r>
  <r>
    <n v="281546.17533687223"/>
    <x v="9"/>
  </r>
  <r>
    <n v="245548.63382838547"/>
    <x v="10"/>
  </r>
  <r>
    <n v="238954.66118405934"/>
    <x v="11"/>
  </r>
  <r>
    <n v="218271.91053453027"/>
    <x v="12"/>
  </r>
  <r>
    <n v="242861.63409615221"/>
    <x v="13"/>
  </r>
  <r>
    <n v="225211.06589706196"/>
    <x v="14"/>
  </r>
  <r>
    <n v="225747.26609811792"/>
    <x v="15"/>
  </r>
  <r>
    <n v="229585.69382986962"/>
    <x v="16"/>
  </r>
  <r>
    <n v="265548.57375223999"/>
    <x v="17"/>
  </r>
  <r>
    <n v="318981.24112626555"/>
    <x v="18"/>
  </r>
  <r>
    <n v="324230.47525948985"/>
    <x v="19"/>
  </r>
  <r>
    <n v="342159.42124146508"/>
    <x v="20"/>
  </r>
  <r>
    <n v="358052.50575750659"/>
    <x v="21"/>
  </r>
  <r>
    <n v="310301.1241716455"/>
    <x v="22"/>
  </r>
  <r>
    <n v="281211.24982755288"/>
    <x v="23"/>
  </r>
  <r>
    <n v="295337.88328032178"/>
    <x v="0"/>
  </r>
  <r>
    <n v="276429.40455992264"/>
    <x v="1"/>
  </r>
  <r>
    <n v="306473.99779579235"/>
    <x v="2"/>
  </r>
  <r>
    <n v="317868.07804372971"/>
    <x v="3"/>
  </r>
  <r>
    <n v="322169.1652693135"/>
    <x v="4"/>
  </r>
  <r>
    <n v="360797.30209789495"/>
    <x v="5"/>
  </r>
  <r>
    <n v="417021.26106456539"/>
    <x v="6"/>
  </r>
  <r>
    <n v="377902.80508305953"/>
    <x v="7"/>
  </r>
  <r>
    <n v="349987.63707481988"/>
    <x v="8"/>
  </r>
  <r>
    <n v="344512.04824809142"/>
    <x v="9"/>
  </r>
  <r>
    <n v="312208.1460856417"/>
    <x v="10"/>
  </r>
  <r>
    <n v="326496.13096202735"/>
    <x v="11"/>
  </r>
  <r>
    <n v="277981.96927342692"/>
    <x v="12"/>
  </r>
  <r>
    <n v="240150.80324387201"/>
    <x v="13"/>
  </r>
  <r>
    <n v="222178.57634456066"/>
    <x v="14"/>
  </r>
  <r>
    <n v="221671.16184349265"/>
    <x v="15"/>
  </r>
  <r>
    <n v="266391.11849733564"/>
    <x v="16"/>
  </r>
  <r>
    <n v="279708.66085634631"/>
    <x v="17"/>
  </r>
  <r>
    <n v="298814.81093761587"/>
    <x v="18"/>
  </r>
  <r>
    <n v="345201.75853343593"/>
    <x v="19"/>
  </r>
  <r>
    <n v="311042.67328513338"/>
    <x v="20"/>
  </r>
  <r>
    <n v="293847.61933855532"/>
    <x v="21"/>
  </r>
  <r>
    <n v="290152.21927402687"/>
    <x v="22"/>
  </r>
  <r>
    <n v="273488.63615674281"/>
    <x v="23"/>
  </r>
  <r>
    <n v="252786.49713033705"/>
    <x v="0"/>
  </r>
  <r>
    <n v="242290.997517159"/>
    <x v="1"/>
  </r>
  <r>
    <n v="231184.03722415137"/>
    <x v="2"/>
  </r>
  <r>
    <n v="231711.84330216673"/>
    <x v="3"/>
  </r>
  <r>
    <n v="228260.99884671098"/>
    <x v="4"/>
  </r>
  <r>
    <n v="248770.07304318328"/>
    <x v="5"/>
  </r>
  <r>
    <n v="284575.24581974477"/>
    <x v="6"/>
  </r>
  <r>
    <n v="250899.17069528002"/>
    <x v="7"/>
  </r>
  <r>
    <n v="230468.9603084476"/>
    <x v="8"/>
  </r>
  <r>
    <n v="225215.63148105718"/>
    <x v="9"/>
  </r>
  <r>
    <n v="221611.56356990448"/>
    <x v="10"/>
  </r>
  <r>
    <n v="219908.53931926537"/>
    <x v="11"/>
  </r>
  <r>
    <n v="208391.92534840631"/>
    <x v="12"/>
  </r>
  <r>
    <n v="199018.61761840046"/>
    <x v="13"/>
  </r>
  <r>
    <n v="221143.88807571886"/>
    <x v="14"/>
  </r>
  <r>
    <n v="191106.66528934817"/>
    <x v="15"/>
  </r>
  <r>
    <n v="239088.27105470048"/>
    <x v="16"/>
  </r>
  <r>
    <n v="242161.23665903407"/>
    <x v="17"/>
  </r>
  <r>
    <n v="247397.42919133915"/>
    <x v="18"/>
  </r>
  <r>
    <n v="258275.80318252207"/>
    <x v="19"/>
  </r>
  <r>
    <n v="271168.58244220814"/>
    <x v="20"/>
  </r>
  <r>
    <n v="280478.2381514014"/>
    <x v="21"/>
  </r>
  <r>
    <n v="243961.10042670235"/>
    <x v="22"/>
  </r>
  <r>
    <n v="223428.19511018312"/>
    <x v="23"/>
  </r>
  <r>
    <n v="214736.87916701866"/>
    <x v="0"/>
  </r>
  <r>
    <n v="200740.53888261627"/>
    <x v="1"/>
  </r>
  <r>
    <n v="208617.87057249388"/>
    <x v="2"/>
  </r>
  <r>
    <n v="203357.82644667101"/>
    <x v="3"/>
  </r>
  <r>
    <n v="214331.36113027504"/>
    <x v="4"/>
  </r>
  <r>
    <n v="260185.05670483876"/>
    <x v="5"/>
  </r>
  <r>
    <n v="326002.14705782424"/>
    <x v="6"/>
  </r>
  <r>
    <n v="267682.66693121946"/>
    <x v="7"/>
  </r>
  <r>
    <n v="239775.6268908995"/>
    <x v="8"/>
  </r>
  <r>
    <n v="244629.27262073301"/>
    <x v="9"/>
  </r>
  <r>
    <n v="243209.43741862412"/>
    <x v="10"/>
  </r>
  <r>
    <n v="218646.22700172788"/>
    <x v="11"/>
  </r>
  <r>
    <n v="202492.67898977821"/>
    <x v="12"/>
  </r>
  <r>
    <n v="188077.7176473006"/>
    <x v="13"/>
  </r>
  <r>
    <n v="186767.25172636929"/>
    <x v="14"/>
  </r>
  <r>
    <n v="200811.31567127799"/>
    <x v="15"/>
  </r>
  <r>
    <n v="198424.90743778105"/>
    <x v="16"/>
  </r>
  <r>
    <n v="202317.89696929656"/>
    <x v="17"/>
  </r>
  <r>
    <n v="227497.78880108424"/>
    <x v="18"/>
  </r>
  <r>
    <n v="267503.1760124467"/>
    <x v="19"/>
  </r>
  <r>
    <n v="245958.65602871188"/>
    <x v="20"/>
  </r>
  <r>
    <n v="240001.53116804542"/>
    <x v="21"/>
  </r>
  <r>
    <n v="201960.67585024255"/>
    <x v="22"/>
  </r>
  <r>
    <n v="196055.16460954028"/>
    <x v="23"/>
  </r>
  <r>
    <n v="183650.86189040382"/>
    <x v="0"/>
  </r>
  <r>
    <n v="165311.95512851464"/>
    <x v="1"/>
  </r>
  <r>
    <n v="163257.6265918916"/>
    <x v="2"/>
  </r>
  <r>
    <n v="182438.68910293069"/>
    <x v="3"/>
  </r>
  <r>
    <n v="202807.80665280431"/>
    <x v="4"/>
  </r>
  <r>
    <n v="235732.13687530751"/>
    <x v="5"/>
  </r>
  <r>
    <n v="297347.29302194226"/>
    <x v="6"/>
  </r>
  <r>
    <n v="262504.41432136518"/>
    <x v="7"/>
  </r>
  <r>
    <n v="257934.96084013261"/>
    <x v="8"/>
  </r>
  <r>
    <n v="245467.29272877512"/>
    <x v="9"/>
  </r>
  <r>
    <n v="242318.90285790124"/>
    <x v="10"/>
  </r>
  <r>
    <n v="237192.01818636127"/>
    <x v="11"/>
  </r>
  <r>
    <n v="244888.95812474957"/>
    <x v="12"/>
  </r>
  <r>
    <n v="237404.45091970058"/>
    <x v="13"/>
  </r>
  <r>
    <n v="218245.31549592118"/>
    <x v="14"/>
  </r>
  <r>
    <n v="259925.71924982636"/>
    <x v="15"/>
  </r>
  <r>
    <n v="272908.47941381333"/>
    <x v="16"/>
  </r>
  <r>
    <n v="290622.41300512466"/>
    <x v="17"/>
  </r>
  <r>
    <n v="356612.77034175029"/>
    <x v="18"/>
  </r>
  <r>
    <n v="383875.48978155735"/>
    <x v="19"/>
  </r>
  <r>
    <n v="408891.28674463695"/>
    <x v="20"/>
  </r>
  <r>
    <n v="409303.21297775058"/>
    <x v="21"/>
  </r>
  <r>
    <n v="403894.32671898854"/>
    <x v="22"/>
  </r>
  <r>
    <n v="387091.42163270165"/>
    <x v="23"/>
  </r>
  <r>
    <n v="383183.65025524638"/>
    <x v="0"/>
  </r>
  <r>
    <n v="387780.59960780462"/>
    <x v="1"/>
  </r>
  <r>
    <n v="385420.33599655848"/>
    <x v="2"/>
  </r>
  <r>
    <n v="404902.8498921087"/>
    <x v="3"/>
  </r>
  <r>
    <n v="398300.4012308587"/>
    <x v="4"/>
  </r>
  <r>
    <n v="453429.23424279509"/>
    <x v="5"/>
  </r>
  <r>
    <n v="472944.79232026613"/>
    <x v="6"/>
  </r>
  <r>
    <n v="461118.7423112719"/>
    <x v="7"/>
  </r>
  <r>
    <n v="479555.30752902344"/>
    <x v="8"/>
  </r>
  <r>
    <n v="454908.8519797296"/>
    <x v="9"/>
  </r>
  <r>
    <n v="452464.72903196095"/>
    <x v="10"/>
  </r>
  <r>
    <n v="406274.77717247378"/>
    <x v="11"/>
  </r>
  <r>
    <n v="367089.20915358496"/>
    <x v="12"/>
  </r>
  <r>
    <n v="379593.83187979186"/>
    <x v="13"/>
  </r>
  <r>
    <n v="380174.78708808374"/>
    <x v="14"/>
  </r>
  <r>
    <n v="369572.60021840694"/>
    <x v="15"/>
  </r>
  <r>
    <n v="406718.92864867498"/>
    <x v="16"/>
  </r>
  <r>
    <n v="395786.54564144067"/>
    <x v="17"/>
  </r>
  <r>
    <n v="382340.67556726327"/>
    <x v="18"/>
  </r>
  <r>
    <n v="376506.8010009976"/>
    <x v="19"/>
  </r>
  <r>
    <n v="384364.6009997027"/>
    <x v="20"/>
  </r>
  <r>
    <n v="359997.4854864229"/>
    <x v="21"/>
  </r>
  <r>
    <n v="363464.09451441828"/>
    <x v="22"/>
  </r>
  <r>
    <n v="356337.89352237736"/>
    <x v="23"/>
  </r>
  <r>
    <n v="326454.71313053684"/>
    <x v="0"/>
  </r>
  <r>
    <n v="317815.29743592819"/>
    <x v="1"/>
  </r>
  <r>
    <n v="295830.41356809589"/>
    <x v="2"/>
  </r>
  <r>
    <n v="296217.91495050845"/>
    <x v="3"/>
  </r>
  <r>
    <n v="295892.6119724795"/>
    <x v="4"/>
  </r>
  <r>
    <n v="303749.5316119389"/>
    <x v="5"/>
  </r>
  <r>
    <n v="306001.71577066981"/>
    <x v="6"/>
  </r>
  <r>
    <n v="324552.48200871499"/>
    <x v="7"/>
  </r>
  <r>
    <n v="328464.85991710721"/>
    <x v="8"/>
  </r>
  <r>
    <n v="360057.02233959857"/>
    <x v="9"/>
  </r>
  <r>
    <n v="319849.93049361208"/>
    <x v="10"/>
  </r>
  <r>
    <n v="354609.23648625822"/>
    <x v="11"/>
  </r>
  <r>
    <n v="318764.48849058099"/>
    <x v="12"/>
  </r>
  <r>
    <n v="346126.01290061697"/>
    <x v="13"/>
  </r>
  <r>
    <n v="383285.89476857492"/>
    <x v="14"/>
  </r>
  <r>
    <n v="344251.46191135829"/>
    <x v="15"/>
  </r>
  <r>
    <n v="271460.08371989563"/>
    <x v="16"/>
  </r>
  <r>
    <n v="314029.34320991556"/>
    <x v="17"/>
  </r>
  <r>
    <n v="315137.3674512729"/>
    <x v="18"/>
  </r>
  <r>
    <n v="272439.12509501958"/>
    <x v="19"/>
  </r>
  <r>
    <n v="281157.46601968061"/>
    <x v="20"/>
  </r>
  <r>
    <n v="296221.12928542885"/>
    <x v="21"/>
  </r>
  <r>
    <n v="268556.43371933192"/>
    <x v="22"/>
  </r>
  <r>
    <n v="271958.44894685649"/>
    <x v="23"/>
  </r>
  <r>
    <n v="255141.27385140059"/>
    <x v="0"/>
  </r>
  <r>
    <n v="264784.0124575384"/>
    <x v="1"/>
  </r>
  <r>
    <n v="263030.00926453091"/>
    <x v="2"/>
  </r>
  <r>
    <n v="284697.86143654981"/>
    <x v="3"/>
  </r>
  <r>
    <n v="326516.74774715386"/>
    <x v="4"/>
  </r>
  <r>
    <n v="353038.92127354373"/>
    <x v="5"/>
  </r>
  <r>
    <n v="352842.25311274402"/>
    <x v="6"/>
  </r>
  <r>
    <n v="402687.90697681886"/>
    <x v="7"/>
  </r>
  <r>
    <n v="450131.08093279466"/>
    <x v="8"/>
  </r>
  <r>
    <n v="467924.00117457076"/>
    <x v="9"/>
  </r>
  <r>
    <n v="430422.49897233181"/>
    <x v="10"/>
  </r>
  <r>
    <n v="428714.80677034339"/>
    <x v="11"/>
  </r>
  <r>
    <n v="488566.37813962175"/>
    <x v="12"/>
  </r>
  <r>
    <n v="463162.97742677538"/>
    <x v="13"/>
  </r>
  <r>
    <n v="467525.75121997209"/>
    <x v="14"/>
  </r>
  <r>
    <n v="472012.18477698619"/>
    <x v="15"/>
  </r>
  <r>
    <n v="497811.460521815"/>
    <x v="16"/>
  </r>
  <r>
    <n v="521418.02754067595"/>
    <x v="17"/>
  </r>
  <r>
    <n v="548800.5577317843"/>
    <x v="18"/>
  </r>
  <r>
    <n v="567908.73468666605"/>
    <x v="19"/>
  </r>
  <r>
    <n v="568088.49176055961"/>
    <x v="20"/>
  </r>
  <r>
    <n v="531285.79006471403"/>
    <x v="21"/>
  </r>
  <r>
    <n v="524781.45027568459"/>
    <x v="22"/>
  </r>
  <r>
    <n v="538458.83435801556"/>
    <x v="23"/>
  </r>
  <r>
    <n v="546804.84474214946"/>
    <x v="0"/>
  </r>
  <r>
    <n v="500984.02956173988"/>
    <x v="1"/>
  </r>
  <r>
    <n v="500199.56805339083"/>
    <x v="2"/>
  </r>
  <r>
    <n v="543594.76830366277"/>
    <x v="3"/>
  </r>
  <r>
    <n v="533827.24389281182"/>
    <x v="4"/>
  </r>
  <r>
    <n v="588558.6049420411"/>
    <x v="5"/>
  </r>
  <r>
    <n v="628040.34218996682"/>
    <x v="6"/>
  </r>
  <r>
    <n v="580412.33373933146"/>
    <x v="7"/>
  </r>
  <r>
    <n v="610218.14488490275"/>
    <x v="8"/>
  </r>
  <r>
    <n v="597336.52366681944"/>
    <x v="9"/>
  </r>
  <r>
    <n v="605232.15863961959"/>
    <x v="10"/>
  </r>
  <r>
    <n v="603617.4569421442"/>
    <x v="11"/>
  </r>
  <r>
    <n v="534820.86237916735"/>
    <x v="12"/>
  </r>
  <r>
    <n v="518294.75861851138"/>
    <x v="13"/>
  </r>
  <r>
    <n v="529565.89567411051"/>
    <x v="14"/>
  </r>
  <r>
    <n v="558631.05853891047"/>
    <x v="15"/>
  </r>
  <r>
    <n v="578813.68324298726"/>
    <x v="16"/>
  </r>
  <r>
    <n v="564870.4716153905"/>
    <x v="17"/>
  </r>
  <r>
    <n v="575715.84237159439"/>
    <x v="18"/>
  </r>
  <r>
    <n v="541060.56208423898"/>
    <x v="19"/>
  </r>
  <r>
    <n v="585073.16032088152"/>
    <x v="20"/>
  </r>
  <r>
    <n v="564431.52040078037"/>
    <x v="21"/>
  </r>
  <r>
    <n v="588707.65180968854"/>
    <x v="22"/>
  </r>
  <r>
    <n v="601787.33338458813"/>
    <x v="23"/>
  </r>
  <r>
    <n v="528698.76229054702"/>
    <x v="0"/>
  </r>
  <r>
    <n v="554819.14395188447"/>
    <x v="1"/>
  </r>
  <r>
    <n v="548309.56295432243"/>
    <x v="2"/>
  </r>
  <r>
    <n v="551552.80641555495"/>
    <x v="3"/>
  </r>
  <r>
    <n v="537636.74261027982"/>
    <x v="4"/>
  </r>
  <r>
    <n v="557598.17193550174"/>
    <x v="5"/>
  </r>
  <r>
    <n v="593379.5340654871"/>
    <x v="6"/>
  </r>
  <r>
    <n v="580718.00265883375"/>
    <x v="7"/>
  </r>
  <r>
    <n v="553855.70336153347"/>
    <x v="8"/>
  </r>
  <r>
    <n v="549957.30883371865"/>
    <x v="9"/>
  </r>
  <r>
    <n v="498766.87551160029"/>
    <x v="10"/>
  </r>
  <r>
    <n v="445851.83890058723"/>
    <x v="11"/>
  </r>
  <r>
    <n v="445512.47064809757"/>
    <x v="12"/>
  </r>
  <r>
    <n v="466950.93805292941"/>
    <x v="13"/>
  </r>
  <r>
    <n v="452117.53991361399"/>
    <x v="14"/>
  </r>
  <r>
    <n v="435807.34937633865"/>
    <x v="15"/>
  </r>
  <r>
    <n v="433784.03814802412"/>
    <x v="16"/>
  </r>
  <r>
    <n v="476984.2490621045"/>
    <x v="17"/>
  </r>
  <r>
    <n v="522110.44032417017"/>
    <x v="18"/>
  </r>
  <r>
    <n v="565959.45552887535"/>
    <x v="19"/>
  </r>
  <r>
    <n v="595602.83015687601"/>
    <x v="20"/>
  </r>
  <r>
    <n v="582834.42723248631"/>
    <x v="21"/>
  </r>
  <r>
    <n v="626580.50182585476"/>
    <x v="22"/>
  </r>
  <r>
    <n v="592805.17131480272"/>
    <x v="23"/>
  </r>
  <r>
    <n v="620265.33690730098"/>
    <x v="0"/>
  </r>
  <r>
    <n v="613222.79051707429"/>
    <x v="1"/>
  </r>
  <r>
    <n v="612157.35109504487"/>
    <x v="2"/>
  </r>
  <r>
    <n v="630993.47656952823"/>
    <x v="3"/>
  </r>
  <r>
    <n v="637964.36581184762"/>
    <x v="4"/>
  </r>
  <r>
    <n v="696942.25228689681"/>
    <x v="5"/>
  </r>
  <r>
    <n v="746333.19036382181"/>
    <x v="6"/>
  </r>
  <r>
    <n v="714340.93537435704"/>
    <x v="7"/>
  </r>
  <r>
    <n v="740646.31531812064"/>
    <x v="8"/>
  </r>
  <r>
    <n v="654215.01949594717"/>
    <x v="9"/>
  </r>
  <r>
    <n v="570013.53032888682"/>
    <x v="10"/>
  </r>
  <r>
    <n v="476026.82767217769"/>
    <x v="11"/>
  </r>
  <r>
    <n v="389334.6179377379"/>
    <x v="12"/>
  </r>
  <r>
    <n v="344187.83036401647"/>
    <x v="13"/>
  </r>
  <r>
    <n v="329477.94867422263"/>
    <x v="14"/>
  </r>
  <r>
    <n v="356917.33369382779"/>
    <x v="15"/>
  </r>
  <r>
    <n v="379057.54978485254"/>
    <x v="16"/>
  </r>
  <r>
    <n v="427491.8444637424"/>
    <x v="17"/>
  </r>
  <r>
    <n v="437527.24376694224"/>
    <x v="18"/>
  </r>
  <r>
    <n v="432714.66781959508"/>
    <x v="19"/>
  </r>
  <r>
    <n v="429941.29051392712"/>
    <x v="20"/>
  </r>
  <r>
    <n v="451407.72467991366"/>
    <x v="21"/>
  </r>
  <r>
    <n v="459260.07873537781"/>
    <x v="22"/>
  </r>
  <r>
    <n v="466326.45624565147"/>
    <x v="23"/>
  </r>
  <r>
    <n v="422361.68403686956"/>
    <x v="0"/>
  </r>
  <r>
    <n v="431651.03006299865"/>
    <x v="1"/>
  </r>
  <r>
    <n v="429632.59152074187"/>
    <x v="2"/>
  </r>
  <r>
    <n v="425228.4203695255"/>
    <x v="3"/>
  </r>
  <r>
    <n v="443210.96589813556"/>
    <x v="4"/>
  </r>
  <r>
    <n v="481569.52853628917"/>
    <x v="5"/>
  </r>
  <r>
    <n v="520466.05209399021"/>
    <x v="6"/>
  </r>
  <r>
    <n v="478257.86273554049"/>
    <x v="7"/>
  </r>
  <r>
    <n v="424650.69996962487"/>
    <x v="8"/>
  </r>
  <r>
    <n v="425408.66880671895"/>
    <x v="9"/>
  </r>
  <r>
    <n v="400285.22233401152"/>
    <x v="10"/>
  </r>
  <r>
    <n v="388408.76663983206"/>
    <x v="11"/>
  </r>
  <r>
    <n v="348000.60483681731"/>
    <x v="12"/>
  </r>
  <r>
    <n v="298847.36375623668"/>
    <x v="13"/>
  </r>
  <r>
    <n v="312423.07658242236"/>
    <x v="14"/>
  </r>
  <r>
    <n v="316525.85776954005"/>
    <x v="15"/>
  </r>
  <r>
    <n v="316778.17282405752"/>
    <x v="16"/>
  </r>
  <r>
    <n v="359448.14131709363"/>
    <x v="17"/>
  </r>
  <r>
    <n v="360653.4145448968"/>
    <x v="18"/>
  </r>
  <r>
    <n v="369353.94354993507"/>
    <x v="19"/>
  </r>
  <r>
    <n v="393547.68971222057"/>
    <x v="20"/>
  </r>
  <r>
    <n v="345960.79199101322"/>
    <x v="21"/>
  </r>
  <r>
    <n v="345891.7554473721"/>
    <x v="22"/>
  </r>
  <r>
    <n v="325446.21043088747"/>
    <x v="23"/>
  </r>
  <r>
    <n v="297554.46407327813"/>
    <x v="0"/>
  </r>
  <r>
    <n v="294984.01981048402"/>
    <x v="1"/>
  </r>
  <r>
    <n v="295462.07535438077"/>
    <x v="2"/>
  </r>
  <r>
    <n v="292421.04836454306"/>
    <x v="3"/>
  </r>
  <r>
    <n v="301681.38348250516"/>
    <x v="4"/>
  </r>
  <r>
    <n v="315291.04132332816"/>
    <x v="5"/>
  </r>
  <r>
    <n v="353331.36433088937"/>
    <x v="6"/>
  </r>
  <r>
    <n v="328494.32124163257"/>
    <x v="7"/>
  </r>
  <r>
    <n v="317831.28721664695"/>
    <x v="8"/>
  </r>
  <r>
    <n v="313384.735980811"/>
    <x v="9"/>
  </r>
  <r>
    <n v="332223.37969220668"/>
    <x v="10"/>
  </r>
  <r>
    <n v="296419.21011571592"/>
    <x v="11"/>
  </r>
  <r>
    <n v="254576.45173812329"/>
    <x v="12"/>
  </r>
  <r>
    <n v="257835.78734742873"/>
    <x v="13"/>
  </r>
  <r>
    <n v="243378.11834479822"/>
    <x v="14"/>
  </r>
  <r>
    <n v="327385.78516350448"/>
    <x v="15"/>
  </r>
  <r>
    <n v="323801.4536782325"/>
    <x v="16"/>
  </r>
  <r>
    <n v="305956.69460831315"/>
    <x v="17"/>
  </r>
  <r>
    <n v="302699.07877055748"/>
    <x v="18"/>
  </r>
  <r>
    <n v="322572.04222831997"/>
    <x v="19"/>
  </r>
  <r>
    <n v="340875.07946931379"/>
    <x v="20"/>
  </r>
  <r>
    <n v="348851.68701924937"/>
    <x v="21"/>
  </r>
  <r>
    <n v="334382.90092195786"/>
    <x v="22"/>
  </r>
  <r>
    <n v="331370.10684839572"/>
    <x v="23"/>
  </r>
  <r>
    <n v="308699.66880979744"/>
    <x v="0"/>
  </r>
  <r>
    <n v="318990.16755954776"/>
    <x v="1"/>
  </r>
  <r>
    <n v="288943.32224188664"/>
    <x v="2"/>
  </r>
  <r>
    <n v="286630.65945032187"/>
    <x v="3"/>
  </r>
  <r>
    <n v="303329.43646396382"/>
    <x v="4"/>
  </r>
  <r>
    <n v="324881.57257884764"/>
    <x v="5"/>
  </r>
  <r>
    <n v="317223.0203982669"/>
    <x v="6"/>
  </r>
  <r>
    <n v="323853.33345331752"/>
    <x v="7"/>
  </r>
  <r>
    <n v="370099.42356982245"/>
    <x v="8"/>
  </r>
  <r>
    <n v="402208.90965326387"/>
    <x v="9"/>
  </r>
  <r>
    <n v="429677.05989938619"/>
    <x v="10"/>
  </r>
  <r>
    <n v="408311.39615682833"/>
    <x v="11"/>
  </r>
  <r>
    <n v="420893.89996607514"/>
    <x v="12"/>
  </r>
  <r>
    <n v="397748.39551032148"/>
    <x v="13"/>
  </r>
  <r>
    <n v="414802.1006142844"/>
    <x v="14"/>
  </r>
  <r>
    <n v="384045.4605363938"/>
    <x v="15"/>
  </r>
  <r>
    <n v="426817.28454681259"/>
    <x v="16"/>
  </r>
  <r>
    <n v="433800.62165939697"/>
    <x v="17"/>
  </r>
  <r>
    <n v="415323.0276061006"/>
    <x v="18"/>
  </r>
  <r>
    <n v="398297.5758918841"/>
    <x v="19"/>
  </r>
  <r>
    <n v="390181.11406270397"/>
    <x v="20"/>
  </r>
  <r>
    <n v="395480.95861582167"/>
    <x v="21"/>
  </r>
  <r>
    <n v="348139.49686293275"/>
    <x v="22"/>
  </r>
  <r>
    <n v="370881.1006861385"/>
    <x v="23"/>
  </r>
  <r>
    <n v="361082.04713020829"/>
    <x v="0"/>
  </r>
  <r>
    <n v="366059.5164116259"/>
    <x v="1"/>
  </r>
  <r>
    <n v="336399.33306407329"/>
    <x v="2"/>
  </r>
  <r>
    <n v="358633.91138215677"/>
    <x v="3"/>
  </r>
  <r>
    <n v="348569.03028096078"/>
    <x v="4"/>
  </r>
  <r>
    <n v="385706.92364124657"/>
    <x v="5"/>
  </r>
  <r>
    <n v="391335.16266648873"/>
    <x v="6"/>
  </r>
  <r>
    <n v="387619.76002095867"/>
    <x v="7"/>
  </r>
  <r>
    <n v="402938.91172920325"/>
    <x v="8"/>
  </r>
  <r>
    <n v="398419.14736167673"/>
    <x v="9"/>
  </r>
  <r>
    <n v="378237.95580055809"/>
    <x v="10"/>
  </r>
  <r>
    <n v="379401.95451116655"/>
    <x v="11"/>
  </r>
  <r>
    <n v="372739.31384567427"/>
    <x v="12"/>
  </r>
  <r>
    <n v="363975.72655047744"/>
    <x v="13"/>
  </r>
  <r>
    <n v="363012.16311930149"/>
    <x v="14"/>
  </r>
  <r>
    <n v="363061.38134317845"/>
    <x v="15"/>
  </r>
  <r>
    <n v="380053.33845911606"/>
    <x v="16"/>
  </r>
  <r>
    <n v="377881.71740810398"/>
    <x v="17"/>
  </r>
  <r>
    <n v="404054.14263229299"/>
    <x v="18"/>
  </r>
  <r>
    <n v="403331.38816502772"/>
    <x v="19"/>
  </r>
  <r>
    <n v="424872.05913624633"/>
    <x v="20"/>
  </r>
  <r>
    <n v="446350.81833167298"/>
    <x v="21"/>
  </r>
  <r>
    <n v="408618.37537846377"/>
    <x v="22"/>
  </r>
  <r>
    <n v="340163.36020282621"/>
    <x v="23"/>
  </r>
  <r>
    <n v="357039.92883716198"/>
    <x v="0"/>
  </r>
  <r>
    <n v="335212.50643348857"/>
    <x v="1"/>
  </r>
  <r>
    <n v="325403.29803602636"/>
    <x v="2"/>
  </r>
  <r>
    <n v="323431.41616643849"/>
    <x v="3"/>
  </r>
  <r>
    <n v="341748.94862478046"/>
    <x v="4"/>
  </r>
  <r>
    <n v="374919.9022769102"/>
    <x v="5"/>
  </r>
  <r>
    <n v="379660.57539469993"/>
    <x v="6"/>
  </r>
  <r>
    <n v="378841.67750841373"/>
    <x v="7"/>
  </r>
  <r>
    <n v="333723.0819040261"/>
    <x v="8"/>
  </r>
  <r>
    <n v="352900.39776990324"/>
    <x v="9"/>
  </r>
  <r>
    <n v="353134.49143538141"/>
    <x v="10"/>
  </r>
  <r>
    <n v="341103.82955890516"/>
    <x v="11"/>
  </r>
  <r>
    <n v="269679.97685157898"/>
    <x v="12"/>
  </r>
  <r>
    <n v="281236.47314361628"/>
    <x v="13"/>
  </r>
  <r>
    <n v="321936.46379985177"/>
    <x v="14"/>
  </r>
  <r>
    <n v="352374.31146343757"/>
    <x v="15"/>
  </r>
  <r>
    <n v="350451.27929525188"/>
    <x v="16"/>
  </r>
  <r>
    <n v="405415.38276088441"/>
    <x v="17"/>
  </r>
  <r>
    <n v="404754.13059999456"/>
    <x v="18"/>
  </r>
  <r>
    <n v="397930.93697624793"/>
    <x v="19"/>
  </r>
  <r>
    <n v="387461.25440978742"/>
    <x v="20"/>
  </r>
  <r>
    <n v="354640.47900274588"/>
    <x v="21"/>
  </r>
  <r>
    <n v="345425.24694102386"/>
    <x v="22"/>
  </r>
  <r>
    <n v="361168.60896488052"/>
    <x v="23"/>
  </r>
  <r>
    <n v="325794.27990848018"/>
    <x v="0"/>
  </r>
  <r>
    <n v="319546.57507631363"/>
    <x v="1"/>
  </r>
  <r>
    <n v="318300.84627014899"/>
    <x v="2"/>
  </r>
  <r>
    <n v="320384.16524146829"/>
    <x v="3"/>
  </r>
  <r>
    <n v="344708.55262112443"/>
    <x v="4"/>
  </r>
  <r>
    <n v="380061.07743109"/>
    <x v="5"/>
  </r>
  <r>
    <n v="412670.73040692543"/>
    <x v="6"/>
  </r>
  <r>
    <n v="361137.12076674285"/>
    <x v="7"/>
  </r>
  <r>
    <n v="377290.52546439675"/>
    <x v="8"/>
  </r>
  <r>
    <n v="401494.26268044754"/>
    <x v="9"/>
  </r>
  <r>
    <n v="398919.55993572064"/>
    <x v="10"/>
  </r>
  <r>
    <n v="401804.39481659094"/>
    <x v="11"/>
  </r>
  <r>
    <n v="351908.17147956428"/>
    <x v="12"/>
  </r>
  <r>
    <n v="371780.82783526432"/>
    <x v="13"/>
  </r>
  <r>
    <n v="363174.92721240554"/>
    <x v="14"/>
  </r>
  <r>
    <n v="347245.54323258117"/>
    <x v="15"/>
  </r>
  <r>
    <n v="395245.84127680195"/>
    <x v="16"/>
  </r>
  <r>
    <n v="429303.09148119262"/>
    <x v="17"/>
  </r>
  <r>
    <n v="434929.89736347657"/>
    <x v="18"/>
  </r>
  <r>
    <n v="442082.01776958921"/>
    <x v="19"/>
  </r>
  <r>
    <n v="508843.99974835303"/>
    <x v="20"/>
  </r>
  <r>
    <n v="503066.30438604683"/>
    <x v="21"/>
  </r>
  <r>
    <n v="439212.74272655026"/>
    <x v="22"/>
  </r>
  <r>
    <n v="410046.15428725496"/>
    <x v="23"/>
  </r>
  <r>
    <n v="378598.452674945"/>
    <x v="0"/>
  </r>
  <r>
    <n v="378801.67234641052"/>
    <x v="1"/>
  </r>
  <r>
    <n v="379448.96160019381"/>
    <x v="2"/>
  </r>
  <r>
    <n v="391469.46863513807"/>
    <x v="3"/>
  </r>
  <r>
    <n v="372903.63392256148"/>
    <x v="4"/>
  </r>
  <r>
    <n v="423619.24650917429"/>
    <x v="5"/>
  </r>
  <r>
    <n v="416716.9433941379"/>
    <x v="6"/>
  </r>
  <r>
    <n v="385923.73769734363"/>
    <x v="7"/>
  </r>
  <r>
    <n v="389369.46378509176"/>
    <x v="8"/>
  </r>
  <r>
    <n v="428065.47016947699"/>
    <x v="9"/>
  </r>
  <r>
    <n v="382975.68073854817"/>
    <x v="10"/>
  </r>
  <r>
    <n v="377279.10126767319"/>
    <x v="11"/>
  </r>
  <r>
    <n v="362542.33791067865"/>
    <x v="12"/>
  </r>
  <r>
    <n v="333843.71159416065"/>
    <x v="13"/>
  </r>
  <r>
    <n v="349487.01976606762"/>
    <x v="14"/>
  </r>
  <r>
    <n v="351786.39527506329"/>
    <x v="15"/>
  </r>
  <r>
    <n v="398718.30571745493"/>
    <x v="16"/>
  </r>
  <r>
    <n v="373604.56366992119"/>
    <x v="17"/>
  </r>
  <r>
    <n v="406724.33364497428"/>
    <x v="18"/>
  </r>
  <r>
    <n v="398517.58380943077"/>
    <x v="19"/>
  </r>
  <r>
    <n v="412005.62923351937"/>
    <x v="20"/>
  </r>
  <r>
    <n v="396193.64013543824"/>
    <x v="21"/>
  </r>
  <r>
    <n v="399399.86756140884"/>
    <x v="22"/>
  </r>
  <r>
    <n v="371790.61415432137"/>
    <x v="23"/>
  </r>
  <r>
    <n v="351002.4660769559"/>
    <x v="0"/>
  </r>
  <r>
    <n v="382716.19996923988"/>
    <x v="1"/>
  </r>
  <r>
    <n v="372261.17640789418"/>
    <x v="2"/>
  </r>
  <r>
    <n v="378337.41592185362"/>
    <x v="3"/>
  </r>
  <r>
    <n v="367397.62151817855"/>
    <x v="4"/>
  </r>
  <r>
    <n v="403539.11200007593"/>
    <x v="5"/>
  </r>
  <r>
    <n v="459994.38024019159"/>
    <x v="6"/>
  </r>
  <r>
    <n v="406120.93951265194"/>
    <x v="7"/>
  </r>
  <r>
    <n v="385421.81008645828"/>
    <x v="8"/>
  </r>
  <r>
    <n v="411874.14860384463"/>
    <x v="9"/>
  </r>
  <r>
    <n v="400669.09991208708"/>
    <x v="10"/>
  </r>
  <r>
    <n v="349560.1510038749"/>
    <x v="11"/>
  </r>
  <r>
    <n v="363826.8844175383"/>
    <x v="12"/>
  </r>
  <r>
    <n v="327427.55104399909"/>
    <x v="13"/>
  </r>
  <r>
    <n v="315648.87664650707"/>
    <x v="14"/>
  </r>
  <r>
    <n v="318232.38298369112"/>
    <x v="15"/>
  </r>
  <r>
    <n v="356393.08999973693"/>
    <x v="16"/>
  </r>
  <r>
    <n v="369030.54460469336"/>
    <x v="17"/>
  </r>
  <r>
    <n v="371889.09154901706"/>
    <x v="18"/>
  </r>
  <r>
    <n v="426655.74886195845"/>
    <x v="19"/>
  </r>
  <r>
    <n v="419483.3597197234"/>
    <x v="20"/>
  </r>
  <r>
    <n v="416562.08206077444"/>
    <x v="21"/>
  </r>
  <r>
    <n v="385871.53034672537"/>
    <x v="22"/>
  </r>
  <r>
    <n v="363289.29202046583"/>
    <x v="23"/>
  </r>
  <r>
    <n v="362474.89829776232"/>
    <x v="0"/>
  </r>
  <r>
    <n v="350211.33021711605"/>
    <x v="1"/>
  </r>
  <r>
    <n v="365118.84232083859"/>
    <x v="2"/>
  </r>
  <r>
    <n v="336225.79992531228"/>
    <x v="3"/>
  </r>
  <r>
    <n v="347460.92414572008"/>
    <x v="4"/>
  </r>
  <r>
    <n v="366006.49012217432"/>
    <x v="5"/>
  </r>
  <r>
    <n v="406371.45290173637"/>
    <x v="6"/>
  </r>
  <r>
    <n v="410600.24830181699"/>
    <x v="7"/>
  </r>
  <r>
    <n v="372429.95970142243"/>
    <x v="8"/>
  </r>
  <r>
    <n v="365011.56133368576"/>
    <x v="9"/>
  </r>
  <r>
    <n v="343578.45797821158"/>
    <x v="10"/>
  </r>
  <r>
    <n v="347910.39872433722"/>
    <x v="11"/>
  </r>
  <r>
    <n v="305609.93543285358"/>
    <x v="12"/>
  </r>
  <r>
    <n v="294868.03759822808"/>
    <x v="13"/>
  </r>
  <r>
    <n v="281391.64157904213"/>
    <x v="14"/>
  </r>
  <r>
    <n v="321128.99011028907"/>
    <x v="15"/>
  </r>
  <r>
    <n v="331284.60963420669"/>
    <x v="16"/>
  </r>
  <r>
    <n v="327126.0177656046"/>
    <x v="17"/>
  </r>
  <r>
    <n v="326600.81181838468"/>
    <x v="18"/>
  </r>
  <r>
    <n v="336804.46210487117"/>
    <x v="19"/>
  </r>
  <r>
    <n v="330219.76394283125"/>
    <x v="20"/>
  </r>
  <r>
    <n v="347439.71362993954"/>
    <x v="21"/>
  </r>
  <r>
    <n v="326073.86562614422"/>
    <x v="22"/>
  </r>
  <r>
    <n v="308835.40792140504"/>
    <x v="23"/>
  </r>
  <r>
    <n v="268531.29005678446"/>
    <x v="0"/>
  </r>
  <r>
    <n v="255149.96721685494"/>
    <x v="1"/>
  </r>
  <r>
    <n v="251483.77023641131"/>
    <x v="2"/>
  </r>
  <r>
    <n v="245601.16024906066"/>
    <x v="3"/>
  </r>
  <r>
    <n v="269489.52082249295"/>
    <x v="4"/>
  </r>
  <r>
    <n v="288738.46162859909"/>
    <x v="5"/>
  </r>
  <r>
    <n v="289923.99734744173"/>
    <x v="6"/>
  </r>
  <r>
    <n v="287892.26383099757"/>
    <x v="7"/>
  </r>
  <r>
    <n v="315819.54894339625"/>
    <x v="8"/>
  </r>
  <r>
    <n v="309385.10301616311"/>
    <x v="9"/>
  </r>
  <r>
    <n v="328159.27797642234"/>
    <x v="10"/>
  </r>
  <r>
    <n v="327132.89829471026"/>
    <x v="11"/>
  </r>
  <r>
    <n v="303184.19946321932"/>
    <x v="12"/>
  </r>
  <r>
    <n v="311119.05057128688"/>
    <x v="13"/>
  </r>
  <r>
    <n v="279880.71280225686"/>
    <x v="14"/>
  </r>
  <r>
    <n v="295960.78454019979"/>
    <x v="15"/>
  </r>
  <r>
    <n v="331877.66940095345"/>
    <x v="16"/>
  </r>
  <r>
    <n v="337578.82040609355"/>
    <x v="17"/>
  </r>
  <r>
    <n v="334250.36960143305"/>
    <x v="18"/>
  </r>
  <r>
    <n v="355032.27233558981"/>
    <x v="19"/>
  </r>
  <r>
    <n v="342303.67618544382"/>
    <x v="20"/>
  </r>
  <r>
    <n v="350901.39673342247"/>
    <x v="21"/>
  </r>
  <r>
    <n v="345055.13777025195"/>
    <x v="22"/>
  </r>
  <r>
    <n v="324016.5568266607"/>
    <x v="23"/>
  </r>
  <r>
    <n v="292473.9735711377"/>
    <x v="0"/>
  </r>
  <r>
    <n v="302383.27386782994"/>
    <x v="1"/>
  </r>
  <r>
    <n v="298432.19146774267"/>
    <x v="2"/>
  </r>
  <r>
    <n v="302656.49882656027"/>
    <x v="3"/>
  </r>
  <r>
    <n v="312095.41983174905"/>
    <x v="4"/>
  </r>
  <r>
    <n v="344817.85664500308"/>
    <x v="5"/>
  </r>
  <r>
    <n v="348772.8628827309"/>
    <x v="6"/>
  </r>
  <r>
    <n v="351896.49676601827"/>
    <x v="7"/>
  </r>
  <r>
    <n v="392193.49495379115"/>
    <x v="8"/>
  </r>
  <r>
    <n v="341743.0116108699"/>
    <x v="9"/>
  </r>
  <r>
    <n v="301185.96663606534"/>
    <x v="10"/>
  </r>
  <r>
    <n v="266696.59982110467"/>
    <x v="11"/>
  </r>
  <r>
    <n v="248324.78479702212"/>
    <x v="12"/>
  </r>
  <r>
    <n v="248326.35803381199"/>
    <x v="13"/>
  </r>
  <r>
    <n v="231224.21913382804"/>
    <x v="14"/>
  </r>
  <r>
    <n v="223766.1883337684"/>
    <x v="15"/>
  </r>
  <r>
    <n v="235573.70061511503"/>
    <x v="16"/>
  </r>
  <r>
    <n v="221630.65820652893"/>
    <x v="17"/>
  </r>
  <r>
    <n v="249742.36368803674"/>
    <x v="18"/>
  </r>
  <r>
    <n v="274229.94239172892"/>
    <x v="19"/>
  </r>
  <r>
    <n v="283292.02691407327"/>
    <x v="20"/>
  </r>
  <r>
    <n v="266968.93636376545"/>
    <x v="21"/>
  </r>
  <r>
    <n v="268280.3125171297"/>
    <x v="22"/>
  </r>
  <r>
    <n v="262589.06364943186"/>
    <x v="23"/>
  </r>
  <r>
    <n v="251516.10487961018"/>
    <x v="0"/>
  </r>
  <r>
    <n v="270646.09047573386"/>
    <x v="1"/>
  </r>
  <r>
    <n v="246187.4408203073"/>
    <x v="2"/>
  </r>
  <r>
    <n v="254169.98876611007"/>
    <x v="3"/>
  </r>
  <r>
    <n v="279392.47264602134"/>
    <x v="4"/>
  </r>
  <r>
    <n v="309250.2858776052"/>
    <x v="5"/>
  </r>
  <r>
    <n v="379733.64466469141"/>
    <x v="6"/>
  </r>
  <r>
    <n v="366497.72592148214"/>
    <x v="7"/>
  </r>
  <r>
    <n v="318583.26326649729"/>
    <x v="8"/>
  </r>
  <r>
    <n v="299748.00970145484"/>
    <x v="9"/>
  </r>
  <r>
    <n v="276547.46825255424"/>
    <x v="10"/>
  </r>
  <r>
    <n v="230259.0106002398"/>
    <x v="11"/>
  </r>
  <r>
    <n v="199545.39357230222"/>
    <x v="12"/>
  </r>
  <r>
    <n v="167001.84303639061"/>
    <x v="13"/>
  </r>
  <r>
    <n v="160530.43529892954"/>
    <x v="14"/>
  </r>
  <r>
    <n v="162534.55388254445"/>
    <x v="15"/>
  </r>
  <r>
    <n v="179881.04421899762"/>
    <x v="16"/>
  </r>
  <r>
    <n v="223701.46352136627"/>
    <x v="17"/>
  </r>
  <r>
    <n v="234499.45751765466"/>
    <x v="18"/>
  </r>
  <r>
    <n v="231328.40442665378"/>
    <x v="19"/>
  </r>
  <r>
    <n v="252552.03503407011"/>
    <x v="20"/>
  </r>
  <r>
    <n v="223176.48365892028"/>
    <x v="21"/>
  </r>
  <r>
    <n v="185634.14905553966"/>
    <x v="22"/>
  </r>
  <r>
    <n v="189347.89480437365"/>
    <x v="23"/>
  </r>
  <r>
    <n v="171448.88370731773"/>
    <x v="0"/>
  </r>
  <r>
    <n v="158153.94082148615"/>
    <x v="1"/>
  </r>
  <r>
    <n v="153124.04368291391"/>
    <x v="2"/>
  </r>
  <r>
    <n v="161171.4274931275"/>
    <x v="3"/>
  </r>
  <r>
    <n v="161206.46440187132"/>
    <x v="4"/>
  </r>
  <r>
    <n v="200781.06927307151"/>
    <x v="5"/>
  </r>
  <r>
    <n v="257692.52146463629"/>
    <x v="6"/>
  </r>
  <r>
    <n v="205858.4041280254"/>
    <x v="7"/>
  </r>
  <r>
    <n v="213484.25302189405"/>
    <x v="8"/>
  </r>
  <r>
    <n v="208158.06912411875"/>
    <x v="9"/>
  </r>
  <r>
    <n v="194911.87807010507"/>
    <x v="10"/>
  </r>
  <r>
    <n v="185805.87247832114"/>
    <x v="11"/>
  </r>
  <r>
    <n v="180266.04302448127"/>
    <x v="12"/>
  </r>
  <r>
    <n v="197799.91511694214"/>
    <x v="13"/>
  </r>
  <r>
    <n v="217828.40400676357"/>
    <x v="14"/>
  </r>
  <r>
    <n v="201310.76884588713"/>
    <x v="15"/>
  </r>
  <r>
    <n v="224870.0638088827"/>
    <x v="16"/>
  </r>
  <r>
    <n v="225471.20684062658"/>
    <x v="17"/>
  </r>
  <r>
    <n v="244994.33505620508"/>
    <x v="18"/>
  </r>
  <r>
    <n v="236354.87746162454"/>
    <x v="19"/>
  </r>
  <r>
    <n v="260007.67821594284"/>
    <x v="20"/>
  </r>
  <r>
    <n v="201218.63269600499"/>
    <x v="21"/>
  </r>
  <r>
    <n v="210586.27682027858"/>
    <x v="22"/>
  </r>
  <r>
    <n v="168580.87303938231"/>
    <x v="23"/>
  </r>
  <r>
    <n v="165400.08438895232"/>
    <x v="0"/>
  </r>
  <r>
    <n v="165345.48381800973"/>
    <x v="1"/>
  </r>
  <r>
    <n v="172698.40389183786"/>
    <x v="2"/>
  </r>
  <r>
    <n v="191382.20102568596"/>
    <x v="3"/>
  </r>
  <r>
    <n v="196198.19348684009"/>
    <x v="4"/>
  </r>
  <r>
    <n v="236622.95701061864"/>
    <x v="5"/>
  </r>
  <r>
    <n v="265119.01349422603"/>
    <x v="6"/>
  </r>
  <r>
    <n v="281746.47909170366"/>
    <x v="7"/>
  </r>
  <r>
    <n v="274386.63677600009"/>
    <x v="8"/>
  </r>
  <r>
    <n v="282684.79453051911"/>
    <x v="9"/>
  </r>
  <r>
    <n v="295729.13005005824"/>
    <x v="10"/>
  </r>
  <r>
    <n v="319774.48114645161"/>
    <x v="11"/>
  </r>
  <r>
    <n v="301278.12129461562"/>
    <x v="12"/>
  </r>
  <r>
    <n v="311286.44296572916"/>
    <x v="13"/>
  </r>
  <r>
    <n v="297539.37033515668"/>
    <x v="14"/>
  </r>
  <r>
    <n v="293401.38740443275"/>
    <x v="15"/>
  </r>
  <r>
    <n v="314053.56288376352"/>
    <x v="16"/>
  </r>
  <r>
    <n v="332783.48361855705"/>
    <x v="17"/>
  </r>
  <r>
    <n v="338538.19870922522"/>
    <x v="18"/>
  </r>
  <r>
    <n v="331619.99172344065"/>
    <x v="19"/>
  </r>
  <r>
    <n v="319024.50991438585"/>
    <x v="20"/>
  </r>
  <r>
    <n v="312478.84540044289"/>
    <x v="21"/>
  </r>
  <r>
    <n v="294438.81676101015"/>
    <x v="22"/>
  </r>
  <r>
    <n v="248897.38746253095"/>
    <x v="23"/>
  </r>
  <r>
    <n v="245354.68031575813"/>
    <x v="0"/>
  </r>
  <r>
    <n v="224900.28846391634"/>
    <x v="1"/>
  </r>
  <r>
    <n v="211454.5184416064"/>
    <x v="2"/>
  </r>
  <r>
    <n v="205613.88611354318"/>
    <x v="3"/>
  </r>
  <r>
    <n v="215352.18482551046"/>
    <x v="4"/>
  </r>
  <r>
    <n v="240741.89452185101"/>
    <x v="5"/>
  </r>
  <r>
    <n v="263434.00285760139"/>
    <x v="6"/>
  </r>
  <r>
    <n v="251241.04756273632"/>
    <x v="7"/>
  </r>
  <r>
    <n v="237408.39085079482"/>
    <x v="8"/>
  </r>
  <r>
    <n v="251660.28740423484"/>
    <x v="9"/>
  </r>
  <r>
    <n v="244912.93393383035"/>
    <x v="10"/>
  </r>
  <r>
    <n v="246562.83362703869"/>
    <x v="11"/>
  </r>
  <r>
    <n v="240578.0002656827"/>
    <x v="12"/>
  </r>
  <r>
    <n v="243133.06637311052"/>
    <x v="13"/>
  </r>
  <r>
    <n v="235024.45588876875"/>
    <x v="14"/>
  </r>
  <r>
    <n v="266463.70525019936"/>
    <x v="15"/>
  </r>
  <r>
    <n v="252570.24756349641"/>
    <x v="16"/>
  </r>
  <r>
    <n v="313415.82821515406"/>
    <x v="17"/>
  </r>
  <r>
    <n v="296830.52536364505"/>
    <x v="18"/>
  </r>
  <r>
    <n v="308163.10522113164"/>
    <x v="19"/>
  </r>
  <r>
    <n v="310214.7725731369"/>
    <x v="20"/>
  </r>
  <r>
    <n v="316643.59186526277"/>
    <x v="21"/>
  </r>
  <r>
    <n v="303884.49343006138"/>
    <x v="22"/>
  </r>
  <r>
    <n v="292293.36598766048"/>
    <x v="23"/>
  </r>
  <r>
    <n v="278339.32943021337"/>
    <x v="0"/>
  </r>
  <r>
    <n v="274420.91482935112"/>
    <x v="1"/>
  </r>
  <r>
    <n v="296464.8681163427"/>
    <x v="2"/>
  </r>
  <r>
    <n v="307131.83925103693"/>
    <x v="3"/>
  </r>
  <r>
    <n v="330140.14967288333"/>
    <x v="4"/>
  </r>
  <r>
    <n v="355588.60588182451"/>
    <x v="5"/>
  </r>
  <r>
    <n v="441306.9121120029"/>
    <x v="6"/>
  </r>
  <r>
    <n v="437711.75139978895"/>
    <x v="7"/>
  </r>
  <r>
    <n v="398653.27924767527"/>
    <x v="8"/>
  </r>
  <r>
    <n v="409532.19314096734"/>
    <x v="9"/>
  </r>
  <r>
    <n v="437768.98020160402"/>
    <x v="10"/>
  </r>
  <r>
    <n v="446973.30383842083"/>
    <x v="11"/>
  </r>
  <r>
    <n v="438769.55879996216"/>
    <x v="12"/>
  </r>
  <r>
    <n v="453205.24642779544"/>
    <x v="13"/>
  </r>
  <r>
    <n v="442325.51815310615"/>
    <x v="14"/>
  </r>
  <r>
    <n v="495066.33812339016"/>
    <x v="15"/>
  </r>
  <r>
    <n v="435737.32071983232"/>
    <x v="16"/>
  </r>
  <r>
    <n v="451151.82075231912"/>
    <x v="17"/>
  </r>
  <r>
    <n v="488782.42319394555"/>
    <x v="18"/>
  </r>
  <r>
    <n v="475766.42444529227"/>
    <x v="19"/>
  </r>
  <r>
    <n v="458772.57976245583"/>
    <x v="20"/>
  </r>
  <r>
    <n v="466657.30939726479"/>
    <x v="21"/>
  </r>
  <r>
    <n v="439969.03154589632"/>
    <x v="22"/>
  </r>
  <r>
    <n v="456641.38066355558"/>
    <x v="23"/>
  </r>
  <r>
    <n v="468488.18684731273"/>
    <x v="0"/>
  </r>
  <r>
    <n v="430768.2615733578"/>
    <x v="1"/>
  </r>
  <r>
    <n v="418363.71518458903"/>
    <x v="2"/>
  </r>
  <r>
    <n v="424261.31719311373"/>
    <x v="3"/>
  </r>
  <r>
    <n v="436312.01486483822"/>
    <x v="4"/>
  </r>
  <r>
    <n v="454315.21125471988"/>
    <x v="5"/>
  </r>
  <r>
    <n v="454064.38178441004"/>
    <x v="6"/>
  </r>
  <r>
    <n v="455055.63201403769"/>
    <x v="7"/>
  </r>
  <r>
    <n v="454570.3347360327"/>
    <x v="8"/>
  </r>
  <r>
    <n v="457739.35187354073"/>
    <x v="9"/>
  </r>
  <r>
    <n v="403867.28210799868"/>
    <x v="10"/>
  </r>
  <r>
    <n v="387858.02453426807"/>
    <x v="11"/>
  </r>
  <r>
    <n v="387713.13868025498"/>
    <x v="12"/>
  </r>
  <r>
    <n v="363281.99290564895"/>
    <x v="13"/>
  </r>
  <r>
    <n v="356583.2246890493"/>
    <x v="14"/>
  </r>
  <r>
    <n v="370246.58261373249"/>
    <x v="15"/>
  </r>
  <r>
    <n v="362603.31706316659"/>
    <x v="16"/>
  </r>
  <r>
    <n v="384706.77571815148"/>
    <x v="17"/>
  </r>
  <r>
    <n v="361316.11323036195"/>
    <x v="18"/>
  </r>
  <r>
    <n v="394499.04570634535"/>
    <x v="19"/>
  </r>
  <r>
    <n v="406007.40238493093"/>
    <x v="20"/>
  </r>
  <r>
    <n v="411051.19953325845"/>
    <x v="21"/>
  </r>
  <r>
    <n v="390584.01819174842"/>
    <x v="22"/>
  </r>
  <r>
    <n v="417537.85841324716"/>
    <x v="23"/>
  </r>
  <r>
    <n v="372663.0373056386"/>
    <x v="0"/>
  </r>
  <r>
    <n v="369184.96242792736"/>
    <x v="1"/>
  </r>
  <r>
    <n v="379091.43089839781"/>
    <x v="2"/>
  </r>
  <r>
    <n v="364508.229185679"/>
    <x v="3"/>
  </r>
  <r>
    <n v="380151.64442542614"/>
    <x v="4"/>
  </r>
  <r>
    <n v="399063.72747181862"/>
    <x v="5"/>
  </r>
  <r>
    <n v="420697.69525136967"/>
    <x v="6"/>
  </r>
  <r>
    <n v="437765.90776269673"/>
    <x v="7"/>
  </r>
  <r>
    <n v="489709.33729320148"/>
    <x v="8"/>
  </r>
  <r>
    <n v="425028.05727849266"/>
    <x v="9"/>
  </r>
  <r>
    <n v="391682.58167911338"/>
    <x v="10"/>
  </r>
  <r>
    <n v="350570.68385152344"/>
    <x v="11"/>
  </r>
  <r>
    <n v="329413.49936264392"/>
    <x v="12"/>
  </r>
  <r>
    <n v="285634.76158087282"/>
    <x v="13"/>
  </r>
  <r>
    <n v="285724.38055189117"/>
    <x v="14"/>
  </r>
  <r>
    <n v="275159.85489521967"/>
    <x v="15"/>
  </r>
  <r>
    <n v="285261.03455427184"/>
    <x v="16"/>
  </r>
  <r>
    <n v="291827.5028111774"/>
    <x v="17"/>
  </r>
  <r>
    <n v="351567.93088962068"/>
    <x v="18"/>
  </r>
  <r>
    <n v="358205.99067479942"/>
    <x v="19"/>
  </r>
  <r>
    <n v="387462.34622728138"/>
    <x v="20"/>
  </r>
  <r>
    <n v="373164.47414224094"/>
    <x v="21"/>
  </r>
  <r>
    <n v="348778.74863919185"/>
    <x v="22"/>
  </r>
  <r>
    <n v="307107.00061842508"/>
    <x v="23"/>
  </r>
  <r>
    <n v="285208.61800616694"/>
    <x v="0"/>
  </r>
  <r>
    <n v="265699.37129167555"/>
    <x v="1"/>
  </r>
  <r>
    <n v="259391.30255033934"/>
    <x v="2"/>
  </r>
  <r>
    <n v="236195.38826846782"/>
    <x v="3"/>
  </r>
  <r>
    <n v="260206.14666415213"/>
    <x v="4"/>
  </r>
  <r>
    <n v="274679.74004428717"/>
    <x v="5"/>
  </r>
  <r>
    <n v="296930.36111946346"/>
    <x v="6"/>
  </r>
  <r>
    <n v="274632.24680190114"/>
    <x v="7"/>
  </r>
  <r>
    <n v="238001.29752522704"/>
    <x v="8"/>
  </r>
  <r>
    <n v="247452.08258667833"/>
    <x v="9"/>
  </r>
  <r>
    <n v="266465.11190897622"/>
    <x v="10"/>
  </r>
  <r>
    <n v="260929.94663950164"/>
    <x v="11"/>
  </r>
  <r>
    <n v="234063.30075349796"/>
    <x v="12"/>
  </r>
  <r>
    <n v="245330.23036517671"/>
    <x v="13"/>
  </r>
  <r>
    <n v="229701.10381721522"/>
    <x v="14"/>
  </r>
  <r>
    <n v="269968.48813600227"/>
    <x v="15"/>
  </r>
  <r>
    <n v="276281.66526973853"/>
    <x v="16"/>
  </r>
  <r>
    <n v="280022.0449919916"/>
    <x v="17"/>
  </r>
  <r>
    <n v="275510.92731204646"/>
    <x v="18"/>
  </r>
  <r>
    <n v="286765.88181545405"/>
    <x v="19"/>
  </r>
  <r>
    <n v="291726.05680123286"/>
    <x v="20"/>
  </r>
  <r>
    <n v="286429.02405574045"/>
    <x v="21"/>
  </r>
  <r>
    <n v="255964.95940001265"/>
    <x v="22"/>
  </r>
  <r>
    <n v="221269.48005691072"/>
    <x v="23"/>
  </r>
  <r>
    <n v="186977.74880009409"/>
    <x v="0"/>
  </r>
  <r>
    <n v="197468.86907901699"/>
    <x v="1"/>
  </r>
  <r>
    <n v="194811.22793288954"/>
    <x v="2"/>
  </r>
  <r>
    <n v="205918.33519538544"/>
    <x v="3"/>
  </r>
  <r>
    <n v="206289.80416447626"/>
    <x v="4"/>
  </r>
  <r>
    <n v="231361.05371721063"/>
    <x v="5"/>
  </r>
  <r>
    <n v="275704.50947187311"/>
    <x v="6"/>
  </r>
  <r>
    <n v="242129.65594853059"/>
    <x v="7"/>
  </r>
  <r>
    <n v="237283.77198836888"/>
    <x v="8"/>
  </r>
  <r>
    <n v="251507.4058055956"/>
    <x v="9"/>
  </r>
  <r>
    <n v="240231.40694653997"/>
    <x v="10"/>
  </r>
  <r>
    <n v="247073.76541038454"/>
    <x v="11"/>
  </r>
  <r>
    <n v="240502.79954712681"/>
    <x v="12"/>
  </r>
  <r>
    <n v="228204.25230065914"/>
    <x v="13"/>
  </r>
  <r>
    <n v="246212.83471296262"/>
    <x v="14"/>
  </r>
  <r>
    <n v="284452.52040495479"/>
    <x v="15"/>
  </r>
  <r>
    <n v="286642.31794711074"/>
    <x v="16"/>
  </r>
  <r>
    <n v="300609.64372826525"/>
    <x v="17"/>
  </r>
  <r>
    <n v="295273.16901101731"/>
    <x v="18"/>
  </r>
  <r>
    <n v="304764.00683027192"/>
    <x v="19"/>
  </r>
  <r>
    <n v="334427.12738194212"/>
    <x v="20"/>
  </r>
  <r>
    <n v="298744.2291035126"/>
    <x v="21"/>
  </r>
  <r>
    <n v="293907.84009009454"/>
    <x v="22"/>
  </r>
  <r>
    <n v="285209.45089623216"/>
    <x v="23"/>
  </r>
  <r>
    <n v="275620.09143659542"/>
    <x v="0"/>
  </r>
  <r>
    <n v="276233.8203626583"/>
    <x v="1"/>
  </r>
  <r>
    <n v="277136.93231471692"/>
    <x v="2"/>
  </r>
  <r>
    <n v="301352.30403642502"/>
    <x v="3"/>
  </r>
  <r>
    <n v="301338.44104400609"/>
    <x v="4"/>
  </r>
  <r>
    <n v="335480.19656307768"/>
    <x v="5"/>
  </r>
  <r>
    <n v="367865.73859928182"/>
    <x v="6"/>
  </r>
  <r>
    <n v="343236.17990247085"/>
    <x v="7"/>
  </r>
  <r>
    <n v="347055.73970692477"/>
    <x v="8"/>
  </r>
  <r>
    <n v="330970.1894032195"/>
    <x v="9"/>
  </r>
  <r>
    <n v="338040.94483161718"/>
    <x v="10"/>
  </r>
  <r>
    <n v="313452.66046470514"/>
    <x v="11"/>
  </r>
  <r>
    <n v="317849.32054102013"/>
    <x v="12"/>
  </r>
  <r>
    <n v="290822.48213247134"/>
    <x v="13"/>
  </r>
  <r>
    <n v="324678.61188517476"/>
    <x v="14"/>
  </r>
  <r>
    <n v="313510.37049189123"/>
    <x v="15"/>
  </r>
  <r>
    <n v="339546.69901753706"/>
    <x v="16"/>
  </r>
  <r>
    <n v="345004.42401961377"/>
    <x v="17"/>
  </r>
  <r>
    <n v="363410.77621840104"/>
    <x v="18"/>
  </r>
  <r>
    <n v="330804.16665021778"/>
    <x v="19"/>
  </r>
  <r>
    <n v="325377.12901987758"/>
    <x v="20"/>
  </r>
  <r>
    <n v="300350.8185133292"/>
    <x v="21"/>
  </r>
  <r>
    <n v="293261.49889081105"/>
    <x v="22"/>
  </r>
  <r>
    <n v="266009.03981792653"/>
    <x v="23"/>
  </r>
  <r>
    <n v="234661.96362371428"/>
    <x v="0"/>
  </r>
  <r>
    <n v="218317.05135369761"/>
    <x v="1"/>
  </r>
  <r>
    <n v="212873.59653473846"/>
    <x v="2"/>
  </r>
  <r>
    <n v="206867.496713717"/>
    <x v="3"/>
  </r>
  <r>
    <n v="237490.90249325658"/>
    <x v="4"/>
  </r>
  <r>
    <n v="268295.97085035598"/>
    <x v="5"/>
  </r>
  <r>
    <n v="283871.79243414302"/>
    <x v="6"/>
  </r>
  <r>
    <n v="232485.21469258019"/>
    <x v="7"/>
  </r>
  <r>
    <n v="235809.7601682682"/>
    <x v="8"/>
  </r>
  <r>
    <n v="263362.92957203544"/>
    <x v="9"/>
  </r>
  <r>
    <n v="268020.76546413725"/>
    <x v="10"/>
  </r>
  <r>
    <n v="285771.81826827279"/>
    <x v="11"/>
  </r>
  <r>
    <n v="287601.95537159604"/>
    <x v="12"/>
  </r>
  <r>
    <n v="304326.59147668333"/>
    <x v="13"/>
  </r>
  <r>
    <n v="309557.5112596649"/>
    <x v="14"/>
  </r>
  <r>
    <n v="298016.81993788044"/>
    <x v="15"/>
  </r>
  <r>
    <n v="324165.77370901295"/>
    <x v="16"/>
  </r>
  <r>
    <n v="363512.3147716861"/>
    <x v="17"/>
  </r>
  <r>
    <n v="371011.36078029108"/>
    <x v="18"/>
  </r>
  <r>
    <n v="361384.63231972791"/>
    <x v="19"/>
  </r>
  <r>
    <n v="373345.59996842535"/>
    <x v="20"/>
  </r>
  <r>
    <n v="381232.95783410687"/>
    <x v="21"/>
  </r>
  <r>
    <n v="355733.56577051006"/>
    <x v="22"/>
  </r>
  <r>
    <n v="337900.16790192586"/>
    <x v="23"/>
  </r>
  <r>
    <n v="362148.8182089068"/>
    <x v="0"/>
  </r>
  <r>
    <n v="388384.85526352568"/>
    <x v="1"/>
  </r>
  <r>
    <n v="354322.16877464624"/>
    <x v="2"/>
  </r>
  <r>
    <n v="354894.04960209853"/>
    <x v="3"/>
  </r>
  <r>
    <n v="378932.73757797002"/>
    <x v="4"/>
  </r>
  <r>
    <n v="430109.3159710872"/>
    <x v="5"/>
  </r>
  <r>
    <n v="452571.80577018886"/>
    <x v="6"/>
  </r>
  <r>
    <n v="457960.75256154599"/>
    <x v="7"/>
  </r>
  <r>
    <n v="465067.00761539041"/>
    <x v="8"/>
  </r>
  <r>
    <n v="469299.97703088628"/>
    <x v="9"/>
  </r>
  <r>
    <n v="450201.95590459916"/>
    <x v="10"/>
  </r>
  <r>
    <n v="427284.07883516815"/>
    <x v="11"/>
  </r>
  <r>
    <n v="459042.76929961512"/>
    <x v="12"/>
  </r>
  <r>
    <n v="444741.82477566734"/>
    <x v="13"/>
  </r>
  <r>
    <n v="455588.23744774755"/>
    <x v="14"/>
  </r>
  <r>
    <n v="425762.55526401335"/>
    <x v="15"/>
  </r>
  <r>
    <n v="445998.19316739048"/>
    <x v="16"/>
  </r>
  <r>
    <n v="459177.14223013818"/>
    <x v="17"/>
  </r>
  <r>
    <n v="451337.79584954999"/>
    <x v="18"/>
  </r>
  <r>
    <n v="484989.07166354411"/>
    <x v="19"/>
  </r>
  <r>
    <n v="511799.32163779793"/>
    <x v="20"/>
  </r>
  <r>
    <n v="510662.11205140635"/>
    <x v="21"/>
  </r>
  <r>
    <n v="516327.0971190476"/>
    <x v="22"/>
  </r>
  <r>
    <n v="524682.57621872227"/>
    <x v="23"/>
  </r>
  <r>
    <n v="540929.63316040905"/>
    <x v="0"/>
  </r>
  <r>
    <n v="545842.09279978438"/>
    <x v="1"/>
  </r>
  <r>
    <n v="546778.74245846935"/>
    <x v="2"/>
  </r>
  <r>
    <n v="568335.71417865739"/>
    <x v="3"/>
  </r>
  <r>
    <n v="577967.29191026697"/>
    <x v="4"/>
  </r>
  <r>
    <n v="591232.01014106499"/>
    <x v="5"/>
  </r>
  <r>
    <n v="642348.13922411471"/>
    <x v="6"/>
  </r>
  <r>
    <n v="632913.75284261443"/>
    <x v="7"/>
  </r>
  <r>
    <n v="649048.57322084485"/>
    <x v="8"/>
  </r>
  <r>
    <n v="541125.60293842258"/>
    <x v="9"/>
  </r>
  <r>
    <n v="481580.3302565958"/>
    <x v="10"/>
  </r>
  <r>
    <n v="389913.26405921974"/>
    <x v="11"/>
  </r>
  <r>
    <n v="384994.51147268486"/>
    <x v="12"/>
  </r>
  <r>
    <n v="323040.18756619841"/>
    <x v="13"/>
  </r>
  <r>
    <n v="302562.16014517233"/>
    <x v="14"/>
  </r>
  <r>
    <n v="294256.45085406187"/>
    <x v="15"/>
  </r>
  <r>
    <n v="314013.51012596017"/>
    <x v="16"/>
  </r>
  <r>
    <n v="338761.70938539557"/>
    <x v="17"/>
  </r>
  <r>
    <n v="360410.07690874097"/>
    <x v="18"/>
  </r>
  <r>
    <n v="383805.92182360304"/>
    <x v="19"/>
  </r>
  <r>
    <n v="385470.96160733036"/>
    <x v="20"/>
  </r>
  <r>
    <n v="371805.82685050805"/>
    <x v="21"/>
  </r>
  <r>
    <n v="410395.9926819473"/>
    <x v="22"/>
  </r>
  <r>
    <n v="383730.29540568049"/>
    <x v="23"/>
  </r>
  <r>
    <n v="354806.91079260776"/>
    <x v="0"/>
  </r>
  <r>
    <n v="366851.24148250034"/>
    <x v="1"/>
  </r>
  <r>
    <n v="352776.69498694909"/>
    <x v="2"/>
  </r>
  <r>
    <n v="348544.68802219525"/>
    <x v="3"/>
  </r>
  <r>
    <n v="332817.50255055452"/>
    <x v="4"/>
  </r>
  <r>
    <n v="354493.29992004798"/>
    <x v="5"/>
  </r>
  <r>
    <n v="376689.37595028599"/>
    <x v="6"/>
  </r>
  <r>
    <n v="375471.83874427056"/>
    <x v="7"/>
  </r>
  <r>
    <n v="411706.55445391446"/>
    <x v="8"/>
  </r>
  <r>
    <n v="398201.1865202706"/>
    <x v="9"/>
  </r>
  <r>
    <n v="340417.23571371124"/>
    <x v="10"/>
  </r>
  <r>
    <n v="322673.23471212795"/>
    <x v="11"/>
  </r>
  <r>
    <n v="283396.73044960626"/>
    <x v="12"/>
  </r>
  <r>
    <n v="298015.46880510799"/>
    <x v="13"/>
  </r>
  <r>
    <n v="271496.91544036445"/>
    <x v="14"/>
  </r>
  <r>
    <n v="241301.35603299737"/>
    <x v="15"/>
  </r>
  <r>
    <n v="258549.47279841325"/>
    <x v="16"/>
  </r>
  <r>
    <n v="288083.60644198215"/>
    <x v="17"/>
  </r>
  <r>
    <n v="301539.96342245449"/>
    <x v="18"/>
  </r>
  <r>
    <n v="300629.92922852049"/>
    <x v="19"/>
  </r>
  <r>
    <n v="294938.14360944723"/>
    <x v="20"/>
  </r>
  <r>
    <n v="323210.76345155668"/>
    <x v="21"/>
  </r>
  <r>
    <n v="315729.81892036926"/>
    <x v="22"/>
  </r>
  <r>
    <n v="281806.22507238254"/>
    <x v="23"/>
  </r>
  <r>
    <n v="299550.42966931517"/>
    <x v="0"/>
  </r>
  <r>
    <n v="326505.63953225448"/>
    <x v="1"/>
  </r>
  <r>
    <n v="341060.263861402"/>
    <x v="2"/>
  </r>
  <r>
    <n v="345426.08849663549"/>
    <x v="3"/>
  </r>
  <r>
    <n v="350351.13403032982"/>
    <x v="4"/>
  </r>
  <r>
    <n v="401772.87824131333"/>
    <x v="5"/>
  </r>
  <r>
    <n v="433629.29447341344"/>
    <x v="6"/>
  </r>
  <r>
    <n v="441665.94325611962"/>
    <x v="7"/>
  </r>
  <r>
    <n v="387782.36109900929"/>
    <x v="8"/>
  </r>
  <r>
    <n v="346370.14162256697"/>
    <x v="9"/>
  </r>
  <r>
    <n v="290180.13880550093"/>
    <x v="10"/>
  </r>
  <r>
    <n v="286025.99780751165"/>
    <x v="11"/>
  </r>
  <r>
    <n v="256149.43529512617"/>
    <x v="12"/>
  </r>
  <r>
    <n v="223564.22174728516"/>
    <x v="13"/>
  </r>
  <r>
    <n v="211778.0499602764"/>
    <x v="14"/>
  </r>
  <r>
    <n v="199215.95778850318"/>
    <x v="15"/>
  </r>
  <r>
    <n v="194300.49974489294"/>
    <x v="16"/>
  </r>
  <r>
    <n v="224247.39519611973"/>
    <x v="17"/>
  </r>
  <r>
    <n v="254917.70194066557"/>
    <x v="18"/>
  </r>
  <r>
    <n v="307850.19767796033"/>
    <x v="19"/>
  </r>
  <r>
    <n v="311003.37139556097"/>
    <x v="20"/>
  </r>
  <r>
    <n v="266201.51145766623"/>
    <x v="21"/>
  </r>
  <r>
    <n v="246232.49091850192"/>
    <x v="22"/>
  </r>
  <r>
    <n v="243165.25294696444"/>
    <x v="23"/>
  </r>
  <r>
    <n v="248502.44950226886"/>
    <x v="0"/>
  </r>
  <r>
    <n v="241859.63298938432"/>
    <x v="1"/>
  </r>
  <r>
    <n v="259120.81687449018"/>
    <x v="2"/>
  </r>
  <r>
    <n v="247262.27619514737"/>
    <x v="3"/>
  </r>
  <r>
    <n v="256733.12465283653"/>
    <x v="4"/>
  </r>
  <r>
    <n v="281329.10862568486"/>
    <x v="5"/>
  </r>
  <r>
    <n v="323312.67217820411"/>
    <x v="6"/>
  </r>
  <r>
    <n v="285492.72606174962"/>
    <x v="7"/>
  </r>
  <r>
    <n v="292714.45669597061"/>
    <x v="8"/>
  </r>
  <r>
    <n v="274618.86503485317"/>
    <x v="9"/>
  </r>
  <r>
    <n v="260029.81458300969"/>
    <x v="10"/>
  </r>
  <r>
    <n v="228854.57286358764"/>
    <x v="11"/>
  </r>
  <r>
    <n v="231407.39942217345"/>
    <x v="12"/>
  </r>
  <r>
    <n v="226004.95981175965"/>
    <x v="13"/>
  </r>
  <r>
    <n v="267180.80508769082"/>
    <x v="14"/>
  </r>
  <r>
    <n v="237775.21414418847"/>
    <x v="15"/>
  </r>
  <r>
    <n v="229545.77907438463"/>
    <x v="16"/>
  </r>
  <r>
    <n v="280983.31117927108"/>
    <x v="17"/>
  </r>
  <r>
    <n v="267536.2825675293"/>
    <x v="18"/>
  </r>
  <r>
    <n v="289809.29913112608"/>
    <x v="19"/>
  </r>
  <r>
    <n v="291597.68067917938"/>
    <x v="20"/>
  </r>
  <r>
    <n v="268310.7407675127"/>
    <x v="21"/>
  </r>
  <r>
    <n v="262297.23747924477"/>
    <x v="22"/>
  </r>
  <r>
    <n v="266110.54135387548"/>
    <x v="23"/>
  </r>
  <r>
    <n v="227782.32870228382"/>
    <x v="0"/>
  </r>
  <r>
    <n v="249323.04981186579"/>
    <x v="1"/>
  </r>
  <r>
    <n v="257375.56052314752"/>
    <x v="2"/>
  </r>
  <r>
    <n v="256368.31880426753"/>
    <x v="3"/>
  </r>
  <r>
    <n v="277790.65847257874"/>
    <x v="4"/>
  </r>
  <r>
    <n v="318951.54874467209"/>
    <x v="5"/>
  </r>
  <r>
    <n v="368101.46499640885"/>
    <x v="6"/>
  </r>
  <r>
    <n v="371074.80849459319"/>
    <x v="7"/>
  </r>
  <r>
    <n v="356665.92141819221"/>
    <x v="8"/>
  </r>
  <r>
    <n v="385021.4971107982"/>
    <x v="9"/>
  </r>
  <r>
    <n v="358671.96490329114"/>
    <x v="10"/>
  </r>
  <r>
    <n v="324181.13590354932"/>
    <x v="11"/>
  </r>
  <r>
    <n v="302467.6178684351"/>
    <x v="12"/>
  </r>
  <r>
    <n v="260439.17079573424"/>
    <x v="13"/>
  </r>
  <r>
    <n v="239517.89779066303"/>
    <x v="14"/>
  </r>
  <r>
    <n v="258932.62073708535"/>
    <x v="15"/>
  </r>
  <r>
    <n v="254213.98387022212"/>
    <x v="16"/>
  </r>
  <r>
    <n v="309175.36278907111"/>
    <x v="17"/>
  </r>
  <r>
    <n v="325843.47342173167"/>
    <x v="18"/>
  </r>
  <r>
    <n v="346886.94065370568"/>
    <x v="19"/>
  </r>
  <r>
    <n v="357576.51087216975"/>
    <x v="20"/>
  </r>
  <r>
    <n v="443085.85423931689"/>
    <x v="21"/>
  </r>
  <r>
    <n v="405703.26795044664"/>
    <x v="22"/>
  </r>
  <r>
    <n v="388675.07117958664"/>
    <x v="23"/>
  </r>
  <r>
    <n v="373709.92459162336"/>
    <x v="0"/>
  </r>
  <r>
    <n v="366113.96719676227"/>
    <x v="1"/>
  </r>
  <r>
    <n v="380633.75821251515"/>
    <x v="2"/>
  </r>
  <r>
    <n v="373764.59919723839"/>
    <x v="3"/>
  </r>
  <r>
    <n v="366675.55720474198"/>
    <x v="4"/>
  </r>
  <r>
    <n v="426385.26089411246"/>
    <x v="5"/>
  </r>
  <r>
    <n v="418736.92396848276"/>
    <x v="6"/>
  </r>
  <r>
    <n v="401108.3060039354"/>
    <x v="7"/>
  </r>
  <r>
    <n v="383711.97182424553"/>
    <x v="8"/>
  </r>
  <r>
    <n v="405463.65473301517"/>
    <x v="9"/>
  </r>
  <r>
    <n v="402996.22716911725"/>
    <x v="10"/>
  </r>
  <r>
    <n v="368972.00169258309"/>
    <x v="11"/>
  </r>
  <r>
    <n v="350556.61726375518"/>
    <x v="12"/>
  </r>
  <r>
    <n v="335342.75119364727"/>
    <x v="13"/>
  </r>
  <r>
    <n v="336651.49911613902"/>
    <x v="14"/>
  </r>
  <r>
    <n v="339041.56044731155"/>
    <x v="15"/>
  </r>
  <r>
    <n v="342469.03262639331"/>
    <x v="16"/>
  </r>
  <r>
    <n v="418376.70826960658"/>
    <x v="17"/>
  </r>
  <r>
    <n v="397958.09367323329"/>
    <x v="18"/>
  </r>
  <r>
    <n v="412437.53579249303"/>
    <x v="19"/>
  </r>
  <r>
    <n v="450203.36256337597"/>
    <x v="20"/>
  </r>
  <r>
    <n v="443576.22289238579"/>
    <x v="21"/>
  </r>
  <r>
    <n v="440927.70651963959"/>
    <x v="22"/>
  </r>
  <r>
    <n v="427199.71632589481"/>
    <x v="23"/>
  </r>
  <r>
    <n v="430220.73815314635"/>
    <x v="0"/>
  </r>
  <r>
    <n v="451516.92273957795"/>
    <x v="1"/>
  </r>
  <r>
    <n v="449997.62020859699"/>
    <x v="2"/>
  </r>
  <r>
    <n v="445497.16352148674"/>
    <x v="3"/>
  </r>
  <r>
    <n v="464911.64585522364"/>
    <x v="4"/>
  </r>
  <r>
    <n v="511083.18425104843"/>
    <x v="5"/>
  </r>
  <r>
    <n v="565533.09463517624"/>
    <x v="6"/>
  </r>
  <r>
    <n v="573435.66662604921"/>
    <x v="7"/>
  </r>
  <r>
    <n v="573573.96339421289"/>
    <x v="8"/>
  </r>
  <r>
    <n v="499927.71383876505"/>
    <x v="9"/>
  </r>
  <r>
    <n v="459480.42526588927"/>
    <x v="10"/>
  </r>
  <r>
    <n v="378393.91323177319"/>
    <x v="11"/>
  </r>
  <r>
    <n v="363703.69440000691"/>
    <x v="12"/>
  </r>
  <r>
    <n v="334739.55369974242"/>
    <x v="13"/>
  </r>
  <r>
    <n v="303255.12467944034"/>
    <x v="14"/>
  </r>
  <r>
    <n v="291234.65166274947"/>
    <x v="15"/>
  </r>
  <r>
    <n v="334154.79083928134"/>
    <x v="16"/>
  </r>
  <r>
    <n v="331467.1101248014"/>
    <x v="17"/>
  </r>
  <r>
    <n v="412703.09816262336"/>
    <x v="18"/>
  </r>
  <r>
    <n v="423304.04887814733"/>
    <x v="19"/>
  </r>
  <r>
    <n v="448383.40522751654"/>
    <x v="20"/>
  </r>
  <r>
    <n v="470344.45819001592"/>
    <x v="21"/>
  </r>
  <r>
    <n v="451871.95601138164"/>
    <x v="22"/>
  </r>
  <r>
    <n v="483981.45977130177"/>
    <x v="23"/>
  </r>
  <r>
    <n v="445998.19316739048"/>
    <x v="0"/>
  </r>
  <r>
    <n v="495498.51552390191"/>
    <x v="1"/>
  </r>
  <r>
    <n v="483655.33703909547"/>
    <x v="2"/>
  </r>
  <r>
    <n v="516418.01169683394"/>
    <x v="3"/>
  </r>
  <r>
    <n v="541773.85053052206"/>
    <x v="4"/>
  </r>
  <r>
    <n v="555027.75969914009"/>
    <x v="5"/>
  </r>
  <r>
    <n v="602600.44128869253"/>
    <x v="6"/>
  </r>
  <r>
    <n v="622305.54672918888"/>
    <x v="7"/>
  </r>
  <r>
    <n v="597601.21301318868"/>
    <x v="8"/>
  </r>
  <r>
    <n v="512116.6712613171"/>
    <x v="9"/>
  </r>
  <r>
    <n v="434928.30683647614"/>
    <x v="10"/>
  </r>
  <r>
    <n v="373964.67789957381"/>
    <x v="11"/>
  </r>
  <r>
    <n v="325326.11913054954"/>
    <x v="12"/>
  </r>
  <r>
    <n v="278265.96106980101"/>
    <x v="13"/>
  </r>
  <r>
    <n v="242944.42602767088"/>
    <x v="14"/>
  </r>
  <r>
    <n v="243576.1083618064"/>
    <x v="15"/>
  </r>
  <r>
    <n v="255326.29929799735"/>
    <x v="16"/>
  </r>
  <r>
    <n v="288248.16701020271"/>
    <x v="17"/>
  </r>
  <r>
    <n v="347931.42181283527"/>
    <x v="18"/>
  </r>
  <r>
    <n v="375320.65994309797"/>
    <x v="19"/>
  </r>
  <r>
    <n v="412539.59258848539"/>
    <x v="20"/>
  </r>
  <r>
    <n v="404037.67290667584"/>
    <x v="21"/>
  </r>
  <r>
    <n v="436667.93655271147"/>
    <x v="22"/>
  </r>
  <r>
    <n v="455239.57115777582"/>
    <x v="23"/>
  </r>
  <r>
    <n v="433193.04516591615"/>
    <x v="0"/>
  </r>
  <r>
    <n v="437773.97754199541"/>
    <x v="1"/>
  </r>
  <r>
    <n v="447004.39840085595"/>
    <x v="2"/>
  </r>
  <r>
    <n v="506418.18550438574"/>
    <x v="3"/>
  </r>
  <r>
    <n v="490916.76876642561"/>
    <x v="4"/>
  </r>
  <r>
    <n v="510586.22651213029"/>
    <x v="5"/>
  </r>
  <r>
    <n v="537892.99001726741"/>
    <x v="6"/>
  </r>
  <r>
    <n v="550761.91888906993"/>
    <x v="7"/>
  </r>
  <r>
    <n v="497760.75599306443"/>
    <x v="8"/>
  </r>
  <r>
    <n v="473352.67201893113"/>
    <x v="9"/>
  </r>
  <r>
    <n v="388037.66966700327"/>
    <x v="10"/>
  </r>
  <r>
    <n v="365814.49694664322"/>
    <x v="11"/>
  </r>
  <r>
    <n v="300218.25943228148"/>
    <x v="12"/>
  </r>
  <r>
    <n v="275705.87911331368"/>
    <x v="13"/>
  </r>
  <r>
    <n v="253099.89161030768"/>
    <x v="14"/>
  </r>
  <r>
    <n v="240205.8834932078"/>
    <x v="15"/>
  </r>
  <r>
    <n v="282598.04440305883"/>
    <x v="16"/>
  </r>
  <r>
    <n v="297023.70033277309"/>
    <x v="17"/>
  </r>
  <r>
    <n v="297737.39457533119"/>
    <x v="18"/>
  </r>
  <r>
    <n v="344419.32800312655"/>
    <x v="19"/>
  </r>
  <r>
    <n v="334828.83951473469"/>
    <x v="20"/>
  </r>
  <r>
    <n v="326608.02948427293"/>
    <x v="21"/>
  </r>
  <r>
    <n v="289723.56698041217"/>
    <x v="22"/>
  </r>
  <r>
    <n v="301041.26586873346"/>
    <x v="23"/>
  </r>
  <r>
    <n v="293885.57416235079"/>
    <x v="0"/>
  </r>
  <r>
    <n v="290791.25800935942"/>
    <x v="1"/>
  </r>
  <r>
    <n v="291202.50210623181"/>
    <x v="2"/>
  </r>
  <r>
    <n v="295649.32067314151"/>
    <x v="3"/>
  </r>
  <r>
    <n v="308979.68914974731"/>
    <x v="4"/>
  </r>
  <r>
    <n v="352479.00156896922"/>
    <x v="5"/>
  </r>
  <r>
    <n v="351494.85866789817"/>
    <x v="6"/>
  </r>
  <r>
    <n v="347355.98732110468"/>
    <x v="7"/>
  </r>
  <r>
    <n v="354616.49361502897"/>
    <x v="8"/>
  </r>
  <r>
    <n v="344212.77126695047"/>
    <x v="9"/>
  </r>
  <r>
    <n v="324640.18789016566"/>
    <x v="10"/>
  </r>
  <r>
    <n v="309798.45710120077"/>
    <x v="11"/>
  </r>
  <r>
    <n v="288155.67919562641"/>
    <x v="12"/>
  </r>
  <r>
    <n v="258617.21452371831"/>
    <x v="13"/>
  </r>
  <r>
    <n v="270780.25981090771"/>
    <x v="14"/>
  </r>
  <r>
    <n v="297400.18515092332"/>
    <x v="15"/>
  </r>
  <r>
    <n v="301319.41413318273"/>
    <x v="16"/>
  </r>
  <r>
    <n v="307615.30417089845"/>
    <x v="17"/>
  </r>
  <r>
    <n v="291020.8025113357"/>
    <x v="18"/>
  </r>
  <r>
    <n v="309772.06374046713"/>
    <x v="19"/>
  </r>
  <r>
    <n v="336800.97511984489"/>
    <x v="20"/>
  </r>
  <r>
    <n v="337735.99601573573"/>
    <x v="21"/>
  </r>
  <r>
    <n v="283760.00007872155"/>
    <x v="22"/>
  </r>
  <r>
    <n v="269837.18764438643"/>
    <x v="23"/>
  </r>
  <r>
    <n v="239829.2691143807"/>
    <x v="0"/>
  </r>
  <r>
    <n v="236728.23431486319"/>
    <x v="1"/>
  </r>
  <r>
    <n v="226737.90306915849"/>
    <x v="2"/>
  </r>
  <r>
    <n v="222325.51062494481"/>
    <x v="3"/>
  </r>
  <r>
    <n v="257270.93102228703"/>
    <x v="4"/>
  </r>
  <r>
    <n v="259241.60444261608"/>
    <x v="5"/>
  </r>
  <r>
    <n v="300609.56969359273"/>
    <x v="6"/>
  </r>
  <r>
    <n v="291608.60079336783"/>
    <x v="7"/>
  </r>
  <r>
    <n v="252385.60509036985"/>
    <x v="8"/>
  </r>
  <r>
    <n v="266621.95436259237"/>
    <x v="9"/>
  </r>
  <r>
    <n v="204823.41791563935"/>
    <x v="10"/>
  </r>
  <r>
    <n v="175194.22375262599"/>
    <x v="11"/>
  </r>
  <r>
    <n v="164715.48577267281"/>
    <x v="12"/>
  </r>
  <r>
    <n v="170096.27024139071"/>
    <x v="13"/>
  </r>
  <r>
    <n v="168852.45072665031"/>
    <x v="14"/>
  </r>
  <r>
    <n v="176838.29321537775"/>
    <x v="15"/>
  </r>
  <r>
    <n v="179906.73425034279"/>
    <x v="16"/>
  </r>
  <r>
    <n v="188279.24132468435"/>
    <x v="17"/>
  </r>
  <r>
    <n v="213767.17652271726"/>
    <x v="18"/>
  </r>
  <r>
    <n v="239827.30719556042"/>
    <x v="19"/>
  </r>
  <r>
    <n v="266062.45583410969"/>
    <x v="20"/>
  </r>
  <r>
    <n v="258047.16605440949"/>
    <x v="21"/>
  </r>
  <r>
    <n v="250944.57571685209"/>
    <x v="22"/>
  </r>
  <r>
    <n v="226100.5940999157"/>
    <x v="23"/>
  </r>
  <r>
    <n v="200213.68605197142"/>
    <x v="0"/>
  </r>
  <r>
    <n v="195669.08619140417"/>
    <x v="1"/>
  </r>
  <r>
    <n v="194076.04512664859"/>
    <x v="2"/>
  </r>
  <r>
    <n v="204329.6806849734"/>
    <x v="3"/>
  </r>
  <r>
    <n v="236223.20679664635"/>
    <x v="4"/>
  </r>
  <r>
    <n v="245034.33228800405"/>
    <x v="5"/>
  </r>
  <r>
    <n v="280022.02648332354"/>
    <x v="6"/>
  </r>
  <r>
    <n v="258929.60382418238"/>
    <x v="7"/>
  </r>
  <r>
    <n v="243560.37599390768"/>
    <x v="8"/>
  </r>
  <r>
    <n v="245286.73499510379"/>
    <x v="9"/>
  </r>
  <r>
    <n v="239709.86969636354"/>
    <x v="10"/>
  </r>
  <r>
    <n v="237728.01704049233"/>
    <x v="11"/>
  </r>
  <r>
    <n v="218555.77615505949"/>
    <x v="12"/>
  </r>
  <r>
    <n v="213708.9482528239"/>
    <x v="13"/>
  </r>
  <r>
    <n v="242595.00088230637"/>
    <x v="14"/>
  </r>
  <r>
    <n v="290139.95648702083"/>
    <x v="15"/>
  </r>
  <r>
    <n v="303569.27230337553"/>
    <x v="16"/>
  </r>
  <r>
    <n v="330049.71632046794"/>
    <x v="17"/>
  </r>
  <r>
    <n v="341135.74220997957"/>
    <x v="18"/>
  </r>
  <r>
    <n v="388855.49367638276"/>
    <x v="19"/>
  </r>
  <r>
    <n v="379037.23751815374"/>
    <x v="20"/>
  </r>
  <r>
    <n v="384239.54290022783"/>
    <x v="21"/>
  </r>
  <r>
    <n v="377120.29476136586"/>
    <x v="22"/>
  </r>
  <r>
    <n v="369746.14524520846"/>
    <x v="23"/>
  </r>
  <r>
    <n v="366805.85822827951"/>
    <x v="0"/>
  </r>
  <r>
    <n v="365274.93225372169"/>
    <x v="1"/>
  </r>
  <r>
    <n v="379944.60646387906"/>
    <x v="2"/>
  </r>
  <r>
    <n v="382121.74407704355"/>
    <x v="3"/>
  </r>
  <r>
    <n v="410564.64366582152"/>
    <x v="4"/>
  </r>
  <r>
    <n v="423560.91217426304"/>
    <x v="5"/>
  </r>
  <r>
    <n v="478298.44726091548"/>
    <x v="6"/>
  </r>
  <r>
    <n v="465171.39650356537"/>
    <x v="7"/>
  </r>
  <r>
    <n v="430666.35284671036"/>
    <x v="8"/>
  </r>
  <r>
    <n v="453229.08559232904"/>
    <x v="9"/>
  </r>
  <r>
    <n v="452543.82066399726"/>
    <x v="10"/>
  </r>
  <r>
    <n v="411951.64623710827"/>
    <x v="11"/>
  </r>
  <r>
    <n v="403235.95143855741"/>
    <x v="12"/>
  </r>
  <r>
    <n v="390645.02276185917"/>
    <x v="13"/>
  </r>
  <r>
    <n v="395393.60665373428"/>
    <x v="14"/>
  </r>
  <r>
    <n v="382029.57090982527"/>
    <x v="15"/>
  </r>
  <r>
    <n v="382312.7535320021"/>
    <x v="16"/>
  </r>
  <r>
    <n v="386820.61368635885"/>
    <x v="17"/>
  </r>
  <r>
    <n v="466157.16816743062"/>
    <x v="18"/>
  </r>
  <r>
    <n v="450616.88322642661"/>
    <x v="19"/>
  </r>
  <r>
    <n v="436123.11539804499"/>
    <x v="20"/>
  </r>
  <r>
    <n v="428742.2657440296"/>
    <x v="21"/>
  </r>
  <r>
    <n v="433518.46456873399"/>
    <x v="22"/>
  </r>
  <r>
    <n v="422283.03671018896"/>
    <x v="23"/>
  </r>
  <r>
    <n v="439435.79681747052"/>
    <x v="0"/>
  </r>
  <r>
    <n v="419018.58887987409"/>
    <x v="1"/>
  </r>
  <r>
    <n v="406357.77147236938"/>
    <x v="2"/>
  </r>
  <r>
    <n v="421741.58413311961"/>
    <x v="3"/>
  </r>
  <r>
    <n v="394014.04456703021"/>
    <x v="4"/>
  </r>
  <r>
    <n v="416362.96517857129"/>
    <x v="5"/>
  </r>
  <r>
    <n v="393908.32305475092"/>
    <x v="6"/>
  </r>
  <r>
    <n v="454382.10158129164"/>
    <x v="7"/>
  </r>
  <r>
    <n v="454277.60164110799"/>
    <x v="8"/>
  </r>
  <r>
    <n v="416641.11344302056"/>
    <x v="9"/>
  </r>
  <r>
    <n v="431384.08197891776"/>
    <x v="10"/>
  </r>
  <r>
    <n v="377132.10329162393"/>
    <x v="11"/>
  </r>
  <r>
    <n v="348226.59805195138"/>
    <x v="12"/>
  </r>
  <r>
    <n v="329993.85716009344"/>
    <x v="13"/>
  </r>
  <r>
    <n v="343659.32507294184"/>
    <x v="14"/>
  </r>
  <r>
    <n v="338539.53133332956"/>
    <x v="15"/>
  </r>
  <r>
    <n v="360827.63246144098"/>
    <x v="16"/>
  </r>
  <r>
    <n v="338471.16031330859"/>
    <x v="17"/>
  </r>
  <r>
    <n v="365203.41476012097"/>
    <x v="18"/>
  </r>
  <r>
    <n v="389422.59926746105"/>
    <x v="19"/>
  </r>
  <r>
    <n v="403557.63209041581"/>
    <x v="20"/>
  </r>
  <r>
    <n v="382247.64003756951"/>
    <x v="21"/>
  </r>
  <r>
    <n v="364749.50818324095"/>
    <x v="22"/>
  </r>
  <r>
    <n v="380724.48770362046"/>
    <x v="23"/>
  </r>
  <r>
    <n v="360856.72808771953"/>
    <x v="0"/>
  </r>
  <r>
    <n v="391215.45991319843"/>
    <x v="1"/>
  </r>
  <r>
    <n v="366901.10383440513"/>
    <x v="2"/>
  </r>
  <r>
    <n v="378869.36389834038"/>
    <x v="3"/>
  </r>
  <r>
    <n v="388546.32488417084"/>
    <x v="4"/>
  </r>
  <r>
    <n v="437395.10510565812"/>
    <x v="5"/>
  </r>
  <r>
    <n v="433522.90664908191"/>
    <x v="6"/>
  </r>
  <r>
    <n v="453453.96590993996"/>
    <x v="7"/>
  </r>
  <r>
    <n v="477427.54039137904"/>
    <x v="8"/>
  </r>
  <r>
    <n v="460262.12035510596"/>
    <x v="9"/>
  </r>
  <r>
    <n v="426167.37685304938"/>
    <x v="10"/>
  </r>
  <r>
    <n v="419852.9966558856"/>
    <x v="11"/>
  </r>
  <r>
    <n v="398033.2018484486"/>
    <x v="12"/>
  </r>
  <r>
    <n v="340603.80308832193"/>
    <x v="13"/>
  </r>
  <r>
    <n v="382248.89862700144"/>
    <x v="14"/>
  </r>
  <r>
    <n v="342191.29155264265"/>
    <x v="15"/>
  </r>
  <r>
    <n v="360811.2707988263"/>
    <x v="16"/>
  </r>
  <r>
    <n v="365097.36009181553"/>
    <x v="17"/>
  </r>
  <r>
    <n v="400515.69546819309"/>
    <x v="18"/>
  </r>
  <r>
    <n v="431651.75433721329"/>
    <x v="19"/>
  </r>
  <r>
    <n v="481047.35464952356"/>
    <x v="20"/>
  </r>
  <r>
    <n v="488271.73202328518"/>
    <x v="21"/>
  </r>
  <r>
    <n v="496592.93306960887"/>
    <x v="22"/>
  </r>
  <r>
    <n v="467239.55507886212"/>
    <x v="23"/>
  </r>
  <r>
    <n v="515787.01195983222"/>
    <x v="0"/>
  </r>
  <r>
    <n v="564246.16651091247"/>
    <x v="1"/>
  </r>
  <r>
    <n v="524100.26101463998"/>
    <x v="2"/>
  </r>
  <r>
    <n v="556251.13497009932"/>
    <x v="3"/>
  </r>
  <r>
    <n v="562266.31419371138"/>
    <x v="4"/>
  </r>
  <r>
    <n v="598395.1377576848"/>
    <x v="5"/>
  </r>
  <r>
    <n v="655129.33177411079"/>
    <x v="6"/>
  </r>
  <r>
    <n v="607436.67584808019"/>
    <x v="7"/>
  </r>
  <r>
    <n v="654271.0210839319"/>
    <x v="8"/>
  </r>
  <r>
    <n v="501002.75292589702"/>
    <x v="9"/>
  </r>
  <r>
    <n v="468848.60745783831"/>
    <x v="10"/>
  </r>
  <r>
    <n v="380768.4154703418"/>
    <x v="11"/>
  </r>
  <r>
    <n v="339425.32510380348"/>
    <x v="12"/>
  </r>
  <r>
    <n v="350663.80973209807"/>
    <x v="13"/>
  </r>
  <r>
    <n v="314318.7937105149"/>
    <x v="14"/>
  </r>
  <r>
    <n v="279252.91814405919"/>
    <x v="15"/>
  </r>
  <r>
    <n v="262340.09976829297"/>
    <x v="16"/>
  </r>
  <r>
    <n v="246518.03724713926"/>
    <x v="17"/>
  </r>
  <r>
    <n v="282579.06080961373"/>
    <x v="18"/>
  </r>
  <r>
    <n v="327542.41540713259"/>
    <x v="19"/>
  </r>
  <r>
    <n v="364114.10950363131"/>
    <x v="20"/>
  </r>
  <r>
    <n v="367940.85651059658"/>
    <x v="21"/>
  </r>
  <r>
    <n v="300696.9702110943"/>
    <x v="22"/>
  </r>
  <r>
    <n v="310378.57135306689"/>
    <x v="23"/>
  </r>
  <r>
    <n v="300138.31749227899"/>
    <x v="0"/>
  </r>
  <r>
    <n v="292232.66535337997"/>
    <x v="1"/>
  </r>
  <r>
    <n v="291758.35894017201"/>
    <x v="2"/>
  </r>
  <r>
    <n v="306532.42595408601"/>
    <x v="3"/>
  </r>
  <r>
    <n v="324972.20186438365"/>
    <x v="4"/>
  </r>
  <r>
    <n v="369729.11562838708"/>
    <x v="5"/>
  </r>
  <r>
    <n v="394289.36733128107"/>
    <x v="6"/>
  </r>
  <r>
    <n v="340305.50879168208"/>
    <x v="7"/>
  </r>
  <r>
    <n v="312232.17683790682"/>
    <x v="8"/>
  </r>
  <r>
    <n v="297275.09385953838"/>
    <x v="9"/>
  </r>
  <r>
    <n v="280740.47072875564"/>
    <x v="10"/>
  </r>
  <r>
    <n v="255193.1868976375"/>
    <x v="11"/>
  </r>
  <r>
    <n v="238861.77503024004"/>
    <x v="12"/>
  </r>
  <r>
    <n v="258793.21388721798"/>
    <x v="13"/>
  </r>
  <r>
    <n v="289027.06534437224"/>
    <x v="14"/>
  </r>
  <r>
    <n v="260866.30431350169"/>
    <x v="15"/>
  </r>
  <r>
    <n v="250448.50798049293"/>
    <x v="16"/>
  </r>
  <r>
    <n v="297182.79945601325"/>
    <x v="17"/>
  </r>
  <r>
    <n v="295628.18086302927"/>
    <x v="18"/>
  </r>
  <r>
    <n v="335584.31765730242"/>
    <x v="19"/>
  </r>
  <r>
    <n v="342225.17366554815"/>
    <x v="20"/>
  </r>
  <r>
    <n v="305365.46063289535"/>
    <x v="21"/>
  </r>
  <r>
    <n v="265963.67745434219"/>
    <x v="22"/>
  </r>
  <r>
    <n v="257489.87262734881"/>
    <x v="23"/>
  </r>
  <r>
    <n v="236063.16377133745"/>
    <x v="0"/>
  </r>
  <r>
    <n v="248422.87545813501"/>
    <x v="1"/>
  </r>
  <r>
    <n v="236222.48224068087"/>
    <x v="2"/>
  </r>
  <r>
    <n v="244387.65340789701"/>
    <x v="3"/>
  </r>
  <r>
    <n v="232736.45488244839"/>
    <x v="4"/>
  </r>
  <r>
    <n v="276810.27262145194"/>
    <x v="5"/>
  </r>
  <r>
    <n v="307766.5831109719"/>
    <x v="6"/>
  </r>
  <r>
    <n v="286848.15406823903"/>
    <x v="7"/>
  </r>
  <r>
    <n v="247410.09065380803"/>
    <x v="8"/>
  </r>
  <r>
    <n v="260698.99580377128"/>
    <x v="9"/>
  </r>
  <r>
    <n v="225828.59311512925"/>
    <x v="10"/>
  </r>
  <r>
    <n v="197933.05528839008"/>
    <x v="11"/>
  </r>
  <r>
    <n v="206518.44805475115"/>
    <x v="12"/>
  </r>
  <r>
    <n v="224436.66936026115"/>
    <x v="13"/>
  </r>
  <r>
    <n v="200970.90639174051"/>
    <x v="14"/>
  </r>
  <r>
    <n v="202574.84932853069"/>
    <x v="15"/>
  </r>
  <r>
    <n v="216547.98295016287"/>
    <x v="16"/>
  </r>
  <r>
    <n v="240477.00049125121"/>
    <x v="17"/>
  </r>
  <r>
    <n v="244513.06139087369"/>
    <x v="18"/>
  </r>
  <r>
    <n v="281945.16330101236"/>
    <x v="19"/>
  </r>
  <r>
    <n v="326284.35104278964"/>
    <x v="20"/>
  </r>
  <r>
    <n v="336874.63578047784"/>
    <x v="21"/>
  </r>
  <r>
    <n v="303575.81741362048"/>
    <x v="22"/>
  </r>
  <r>
    <n v="275803.08713676617"/>
    <x v="23"/>
  </r>
  <r>
    <n v="288585.74668320816"/>
    <x v="0"/>
  </r>
  <r>
    <n v="274513.50300680212"/>
    <x v="1"/>
  </r>
  <r>
    <n v="310115.06779017358"/>
    <x v="2"/>
  </r>
  <r>
    <n v="349389.99597056187"/>
    <x v="3"/>
  </r>
  <r>
    <n v="364619.47431529884"/>
    <x v="4"/>
  </r>
  <r>
    <n v="401779.91485228034"/>
    <x v="5"/>
  </r>
  <r>
    <n v="483920.21434842004"/>
    <x v="6"/>
  </r>
  <r>
    <n v="415931.0942557641"/>
    <x v="7"/>
  </r>
  <r>
    <n v="387551.56130542647"/>
    <x v="8"/>
  </r>
  <r>
    <n v="303144.33426148916"/>
    <x v="9"/>
  </r>
  <r>
    <n v="237697.2633434989"/>
    <x v="10"/>
  </r>
  <r>
    <n v="216063.21189088377"/>
    <x v="11"/>
  </r>
  <r>
    <n v="203310.60412364002"/>
    <x v="12"/>
  </r>
  <r>
    <n v="182299.4612526898"/>
    <x v="13"/>
  </r>
  <r>
    <n v="215756.15107370244"/>
    <x v="14"/>
  </r>
  <r>
    <n v="219954.76001279854"/>
    <x v="15"/>
  </r>
  <r>
    <n v="210341.86063541318"/>
    <x v="16"/>
  </r>
  <r>
    <n v="230793.02959976753"/>
    <x v="17"/>
  </r>
  <r>
    <n v="246106.89619258113"/>
    <x v="18"/>
  </r>
  <r>
    <n v="251352.49401965557"/>
    <x v="19"/>
  </r>
  <r>
    <n v="293575.74710283789"/>
    <x v="20"/>
  </r>
  <r>
    <n v="281570.3444248013"/>
    <x v="21"/>
  </r>
  <r>
    <n v="251088.27743478553"/>
    <x v="22"/>
  </r>
  <r>
    <n v="270140.97961907298"/>
    <x v="23"/>
  </r>
  <r>
    <n v="257131.55811277701"/>
    <x v="0"/>
  </r>
  <r>
    <n v="265038.84600797569"/>
    <x v="1"/>
  </r>
  <r>
    <n v="259266.91213462219"/>
    <x v="2"/>
  </r>
  <r>
    <n v="277521.49107206584"/>
    <x v="3"/>
  </r>
  <r>
    <n v="317944.21686520992"/>
    <x v="4"/>
  </r>
  <r>
    <n v="356072.18628222687"/>
    <x v="5"/>
  </r>
  <r>
    <n v="393156.2495827534"/>
    <x v="6"/>
  </r>
  <r>
    <n v="392390.79951943416"/>
    <x v="7"/>
  </r>
  <r>
    <n v="358244.59647563059"/>
    <x v="8"/>
  </r>
  <r>
    <n v="360649.99708556785"/>
    <x v="9"/>
  </r>
  <r>
    <n v="317632.68917505629"/>
    <x v="10"/>
  </r>
  <r>
    <n v="253027.59235548254"/>
    <x v="11"/>
  </r>
  <r>
    <n v="217092.18648833089"/>
    <x v="12"/>
  </r>
  <r>
    <n v="218063.30144948492"/>
    <x v="13"/>
  </r>
  <r>
    <n v="199251.99914681018"/>
    <x v="14"/>
  </r>
  <r>
    <n v="233251.90685796412"/>
    <x v="15"/>
  </r>
  <r>
    <n v="194328.79210941808"/>
    <x v="16"/>
  </r>
  <r>
    <n v="232082.00556392781"/>
    <x v="17"/>
  </r>
  <r>
    <n v="240707.20173358149"/>
    <x v="18"/>
  </r>
  <r>
    <n v="298788.83951626456"/>
    <x v="19"/>
  </r>
  <r>
    <n v="335836.20315622096"/>
    <x v="20"/>
  </r>
  <r>
    <n v="351282.27241202537"/>
    <x v="21"/>
  </r>
  <r>
    <n v="321429.44731652713"/>
    <x v="22"/>
  </r>
  <r>
    <n v="289679.92084906239"/>
    <x v="23"/>
  </r>
  <r>
    <n v="316445.40272752708"/>
    <x v="0"/>
  </r>
  <r>
    <n v="310710.52502573206"/>
    <x v="1"/>
  </r>
  <r>
    <n v="286839.68168945599"/>
    <x v="2"/>
  </r>
  <r>
    <n v="285260.1492697536"/>
    <x v="3"/>
  </r>
  <r>
    <n v="261999.12846474483"/>
    <x v="4"/>
  </r>
  <r>
    <n v="314790.56260433485"/>
    <x v="5"/>
  </r>
  <r>
    <n v="353992.17534852138"/>
    <x v="6"/>
  </r>
  <r>
    <n v="306317.78536783747"/>
    <x v="7"/>
  </r>
  <r>
    <n v="320412.04884058557"/>
    <x v="8"/>
  </r>
  <r>
    <n v="339827.61629735556"/>
    <x v="9"/>
  </r>
  <r>
    <n v="364919.36297024309"/>
    <x v="10"/>
  </r>
  <r>
    <n v="373102.0031758906"/>
    <x v="11"/>
  </r>
  <r>
    <n v="357400.37845511065"/>
    <x v="12"/>
  </r>
  <r>
    <n v="377765.37661644642"/>
    <x v="13"/>
  </r>
  <r>
    <n v="405578.39263498934"/>
    <x v="14"/>
  </r>
  <r>
    <n v="406762.59631103062"/>
    <x v="15"/>
  </r>
  <r>
    <n v="457843.99403793103"/>
    <x v="16"/>
  </r>
  <r>
    <n v="429247.11521207995"/>
    <x v="17"/>
  </r>
  <r>
    <n v="465548.9514615981"/>
    <x v="18"/>
  </r>
  <r>
    <n v="471706.81896550668"/>
    <x v="19"/>
  </r>
  <r>
    <n v="409391.08891476493"/>
    <x v="20"/>
  </r>
  <r>
    <n v="461069.41186364653"/>
    <x v="21"/>
  </r>
  <r>
    <n v="450128.17351473513"/>
    <x v="22"/>
  </r>
  <r>
    <n v="435886.94362982974"/>
    <x v="23"/>
  </r>
  <r>
    <n v="390526.87618716544"/>
    <x v="0"/>
  </r>
  <r>
    <n v="417824.83868365036"/>
    <x v="1"/>
  </r>
  <r>
    <n v="385678.74616968242"/>
    <x v="2"/>
  </r>
  <r>
    <n v="388905.33838453621"/>
    <x v="3"/>
  </r>
  <r>
    <n v="400752.49212619459"/>
    <x v="4"/>
  </r>
  <r>
    <n v="416190.08900321583"/>
    <x v="5"/>
  </r>
  <r>
    <n v="414538.2687378077"/>
    <x v="6"/>
  </r>
  <r>
    <n v="430356.66129290435"/>
    <x v="7"/>
  </r>
  <r>
    <n v="459782.82662023191"/>
    <x v="8"/>
  </r>
  <r>
    <n v="442011.38298576768"/>
    <x v="9"/>
  </r>
  <r>
    <n v="429637.9770827688"/>
    <x v="10"/>
  </r>
  <r>
    <n v="363070.20338714082"/>
    <x v="11"/>
  </r>
  <r>
    <n v="353007.86948079674"/>
    <x v="12"/>
  </r>
  <r>
    <n v="333872.49868967076"/>
    <x v="13"/>
  </r>
  <r>
    <n v="319489.33548891486"/>
    <x v="14"/>
  </r>
  <r>
    <n v="301685.23964216054"/>
    <x v="15"/>
  </r>
  <r>
    <n v="334059.10073524376"/>
    <x v="16"/>
  </r>
  <r>
    <n v="328823.98852547503"/>
    <x v="17"/>
  </r>
  <r>
    <n v="343556.80512090819"/>
    <x v="18"/>
  </r>
  <r>
    <n v="385648.79924665723"/>
    <x v="19"/>
  </r>
  <r>
    <n v="396573.93168738706"/>
    <x v="20"/>
  </r>
  <r>
    <n v="434680.34267522336"/>
    <x v="21"/>
  </r>
  <r>
    <n v="471814.82082375593"/>
    <x v="22"/>
  </r>
  <r>
    <n v="467045.96207310428"/>
    <x v="23"/>
  </r>
  <r>
    <n v="442005.55298254575"/>
    <x v="0"/>
  </r>
  <r>
    <n v="445457.83762428834"/>
    <x v="1"/>
  </r>
  <r>
    <n v="0"/>
    <x v="2"/>
  </r>
  <r>
    <n v="427113.37597529986"/>
    <x v="3"/>
  </r>
  <r>
    <n v="435950.7800679871"/>
    <x v="4"/>
  </r>
  <r>
    <n v="450178.12699557969"/>
    <x v="5"/>
  </r>
  <r>
    <n v="492566.7382636735"/>
    <x v="6"/>
  </r>
  <r>
    <n v="520224.10577893001"/>
    <x v="7"/>
  </r>
  <r>
    <n v="538438.00052122737"/>
    <x v="8"/>
  </r>
  <r>
    <n v="543174.8152253927"/>
    <x v="9"/>
  </r>
  <r>
    <n v="456567.13944737613"/>
    <x v="10"/>
  </r>
  <r>
    <n v="374640.15934970457"/>
    <x v="11"/>
  </r>
  <r>
    <n v="303754.76495856029"/>
    <x v="12"/>
  </r>
  <r>
    <n v="271989.00675550627"/>
    <x v="13"/>
  </r>
  <r>
    <n v="247640.73229206511"/>
    <x v="14"/>
  </r>
  <r>
    <n v="252946.41270630149"/>
    <x v="15"/>
  </r>
  <r>
    <n v="207100.42078645446"/>
    <x v="16"/>
  </r>
  <r>
    <n v="267582.06957177963"/>
    <x v="17"/>
  </r>
  <r>
    <n v="233993.65942617229"/>
    <x v="18"/>
  </r>
  <r>
    <n v="270601.1723913874"/>
    <x v="19"/>
  </r>
  <r>
    <n v="285535.29186785623"/>
    <x v="20"/>
  </r>
  <r>
    <n v="278608.72375926364"/>
    <x v="21"/>
  </r>
  <r>
    <n v="305751.70883196965"/>
    <x v="22"/>
  </r>
  <r>
    <n v="310099.38130668423"/>
    <x v="23"/>
  </r>
  <r>
    <n v="303034.63373323646"/>
    <x v="0"/>
  </r>
  <r>
    <n v="279096.03233793075"/>
    <x v="1"/>
  </r>
  <r>
    <n v="328260.72213504516"/>
    <x v="2"/>
  </r>
  <r>
    <n v="318820.77252950071"/>
    <x v="3"/>
  </r>
  <r>
    <n v="346969.72675528505"/>
    <x v="4"/>
  </r>
  <r>
    <n v="409322.0096679547"/>
    <x v="5"/>
  </r>
  <r>
    <n v="474862.90588959673"/>
    <x v="6"/>
  </r>
  <r>
    <n v="444637.7365235716"/>
    <x v="7"/>
  </r>
  <r>
    <n v="385346.18433121353"/>
    <x v="8"/>
  </r>
  <r>
    <n v="381375.99407950573"/>
    <x v="9"/>
  </r>
  <r>
    <n v="328747.48546161235"/>
    <x v="10"/>
  </r>
  <r>
    <n v="276917.12106179749"/>
    <x v="11"/>
  </r>
  <r>
    <n v="259880.86599910803"/>
    <x v="12"/>
  </r>
  <r>
    <n v="230790.17751186035"/>
    <x v="13"/>
  </r>
  <r>
    <n v="223288.28455293627"/>
    <x v="14"/>
  </r>
  <r>
    <n v="235205.96455659304"/>
    <x v="15"/>
  </r>
  <r>
    <n v="233225.56698729206"/>
    <x v="16"/>
  </r>
  <r>
    <n v="236192.3256053096"/>
    <x v="17"/>
  </r>
  <r>
    <n v="221369.62629833154"/>
    <x v="18"/>
  </r>
  <r>
    <n v="219413.09399401848"/>
    <x v="19"/>
  </r>
  <r>
    <n v="259779.51202223075"/>
    <x v="20"/>
  </r>
  <r>
    <n v="255200.25420370154"/>
    <x v="21"/>
  </r>
  <r>
    <n v="236344.72356723121"/>
    <x v="22"/>
  </r>
  <r>
    <n v="196308.89608143445"/>
    <x v="23"/>
  </r>
  <r>
    <n v="188078.46243210736"/>
    <x v="0"/>
  </r>
  <r>
    <n v="152122.29504269036"/>
    <x v="1"/>
  </r>
  <r>
    <n v="155001.68749731639"/>
    <x v="2"/>
  </r>
  <r>
    <n v="164355.14124570577"/>
    <x v="3"/>
  </r>
  <r>
    <n v="164568.03073386426"/>
    <x v="4"/>
  </r>
  <r>
    <n v="173934.13013672436"/>
    <x v="5"/>
  </r>
  <r>
    <n v="248399.84904253163"/>
    <x v="6"/>
  </r>
  <r>
    <n v="215960.05438782988"/>
    <x v="7"/>
  </r>
  <r>
    <n v="204369.67244275459"/>
    <x v="8"/>
  </r>
  <r>
    <n v="218002.8623513346"/>
    <x v="9"/>
  </r>
  <r>
    <n v="203058.44599867152"/>
    <x v="10"/>
  </r>
  <r>
    <n v="187561.29081535357"/>
    <x v="11"/>
  </r>
  <r>
    <n v="187199.15953608244"/>
    <x v="12"/>
  </r>
  <r>
    <n v="206350.17486822858"/>
    <x v="13"/>
  </r>
  <r>
    <n v="183488.17374417259"/>
    <x v="14"/>
  </r>
  <r>
    <n v="200571.73991214554"/>
    <x v="15"/>
  </r>
  <r>
    <n v="214988.47805951443"/>
    <x v="16"/>
  </r>
  <r>
    <n v="249624.88371236151"/>
    <x v="17"/>
  </r>
  <r>
    <n v="237916.79022741196"/>
    <x v="18"/>
  </r>
  <r>
    <n v="249147.43161396182"/>
    <x v="19"/>
  </r>
  <r>
    <n v="259335.06864710955"/>
    <x v="20"/>
  </r>
  <r>
    <n v="269503.99933898379"/>
    <x v="21"/>
  </r>
  <r>
    <n v="251679.54042342171"/>
    <x v="22"/>
  </r>
  <r>
    <n v="208763.27192126832"/>
    <x v="23"/>
  </r>
  <r>
    <n v="215870.46527356963"/>
    <x v="0"/>
  </r>
  <r>
    <n v="201033.02318865975"/>
    <x v="1"/>
  </r>
  <r>
    <n v="194228.27698192524"/>
    <x v="2"/>
  </r>
  <r>
    <n v="183566.18673692731"/>
    <x v="3"/>
  </r>
  <r>
    <n v="193164.04973909623"/>
    <x v="4"/>
  </r>
  <r>
    <n v="230834.63652923674"/>
    <x v="5"/>
  </r>
  <r>
    <n v="269889.66034348897"/>
    <x v="6"/>
  </r>
  <r>
    <n v="245211.29864726306"/>
    <x v="7"/>
  </r>
  <r>
    <n v="224958.28687875264"/>
    <x v="8"/>
  </r>
  <r>
    <n v="237177.28158130718"/>
    <x v="9"/>
  </r>
  <r>
    <n v="221358.82611250662"/>
    <x v="10"/>
  </r>
  <r>
    <n v="191466.00887260432"/>
    <x v="11"/>
  </r>
  <r>
    <n v="181826.43408479315"/>
    <x v="12"/>
  </r>
  <r>
    <n v="163545.76693149284"/>
    <x v="13"/>
  </r>
  <r>
    <n v="201203.1837862973"/>
    <x v="14"/>
  </r>
  <r>
    <n v="243773.3220611882"/>
    <x v="15"/>
  </r>
  <r>
    <n v="200948.73979675616"/>
    <x v="16"/>
  </r>
  <r>
    <n v="216793.89164721715"/>
    <x v="17"/>
  </r>
  <r>
    <n v="196984.71508802415"/>
    <x v="18"/>
  </r>
  <r>
    <n v="207002.98843044948"/>
    <x v="19"/>
  </r>
  <r>
    <n v="246732.32132239945"/>
    <x v="20"/>
  </r>
  <r>
    <n v="267287.38178301905"/>
    <x v="21"/>
  </r>
  <r>
    <n v="256956.3853900673"/>
    <x v="22"/>
  </r>
  <r>
    <n v="226185.64935562439"/>
    <x v="23"/>
  </r>
  <r>
    <n v="236029.42105484757"/>
    <x v="0"/>
  </r>
  <r>
    <n v="236487.32796258933"/>
    <x v="1"/>
  </r>
  <r>
    <n v="239556.88757267233"/>
    <x v="2"/>
  </r>
  <r>
    <n v="237844.67015158306"/>
    <x v="3"/>
  </r>
  <r>
    <n v="216678.29820203863"/>
    <x v="4"/>
  </r>
  <r>
    <n v="251971.06155575594"/>
    <x v="5"/>
  </r>
  <r>
    <n v="309038.65626003529"/>
    <x v="6"/>
  </r>
  <r>
    <n v="284568.05658510537"/>
    <x v="7"/>
  </r>
  <r>
    <n v="268711.91580770805"/>
    <x v="8"/>
  </r>
  <r>
    <n v="248632.18935079227"/>
    <x v="9"/>
  </r>
  <r>
    <n v="244197.57013737853"/>
    <x v="10"/>
  </r>
  <r>
    <n v="245360.27829794306"/>
    <x v="11"/>
  </r>
  <r>
    <n v="208268.89603653716"/>
    <x v="12"/>
  </r>
  <r>
    <n v="185722.44907968014"/>
    <x v="13"/>
  </r>
  <r>
    <n v="166769.27637485875"/>
    <x v="14"/>
  </r>
  <r>
    <n v="188392.86318140276"/>
    <x v="15"/>
  </r>
  <r>
    <n v="185583.0532832176"/>
    <x v="16"/>
  </r>
  <r>
    <n v="198428.52167732103"/>
    <x v="17"/>
  </r>
  <r>
    <n v="224952.5407604691"/>
    <x v="18"/>
  </r>
  <r>
    <n v="199880.94744404324"/>
    <x v="19"/>
  </r>
  <r>
    <n v="226171.6405709039"/>
    <x v="20"/>
  </r>
  <r>
    <n v="243627.78169298448"/>
    <x v="21"/>
  </r>
  <r>
    <n v="207460.53882720289"/>
    <x v="22"/>
  </r>
  <r>
    <n v="182986.75152461199"/>
    <x v="23"/>
  </r>
  <r>
    <n v="166833.39592468337"/>
    <x v="0"/>
  </r>
  <r>
    <n v="150999.78873887603"/>
    <x v="1"/>
  </r>
  <r>
    <n v="136019.6688592869"/>
    <x v="2"/>
  </r>
  <r>
    <n v="143378.28634334533"/>
    <x v="3"/>
  </r>
  <r>
    <n v="144485.6933582394"/>
    <x v="4"/>
  </r>
  <r>
    <n v="160264.45027992039"/>
    <x v="5"/>
  </r>
  <r>
    <n v="177170.79902980899"/>
    <x v="6"/>
  </r>
  <r>
    <n v="190077.75508379328"/>
    <x v="7"/>
  </r>
  <r>
    <n v="182692.42024683981"/>
    <x v="8"/>
  </r>
  <r>
    <n v="183419.87043304296"/>
    <x v="9"/>
  </r>
  <r>
    <n v="174323.79664704035"/>
    <x v="10"/>
  </r>
  <r>
    <n v="173327.5686324391"/>
    <x v="11"/>
  </r>
  <r>
    <n v="186059.98110075199"/>
    <x v="12"/>
  </r>
  <r>
    <n v="169588.00953337108"/>
    <x v="13"/>
  </r>
  <r>
    <n v="171220.48383485017"/>
    <x v="14"/>
  </r>
  <r>
    <n v="188445.9204049698"/>
    <x v="15"/>
  </r>
  <r>
    <n v="189798.94251963359"/>
    <x v="16"/>
  </r>
  <r>
    <n v="194862.32128916885"/>
    <x v="17"/>
  </r>
  <r>
    <n v="204108.76931295314"/>
    <x v="18"/>
  </r>
  <r>
    <n v="201501.79319593025"/>
    <x v="19"/>
  </r>
  <r>
    <n v="247584.00510244103"/>
    <x v="20"/>
  </r>
  <r>
    <n v="248857.7349790388"/>
    <x v="21"/>
  </r>
  <r>
    <n v="235561.48989696149"/>
    <x v="22"/>
  </r>
  <r>
    <n v="245342.43177728867"/>
    <x v="23"/>
  </r>
  <r>
    <n v="247887.58469467689"/>
    <x v="0"/>
  </r>
  <r>
    <n v="247378.0885497909"/>
    <x v="1"/>
  </r>
  <r>
    <n v="258422.19080447161"/>
    <x v="2"/>
  </r>
  <r>
    <n v="276141.4789784571"/>
    <x v="3"/>
  </r>
  <r>
    <n v="290107.41946661752"/>
    <x v="4"/>
  </r>
  <r>
    <n v="291449.05420088721"/>
    <x v="5"/>
  </r>
  <r>
    <n v="301102.88942823419"/>
    <x v="6"/>
  </r>
  <r>
    <n v="334465.71200312581"/>
    <x v="7"/>
  </r>
  <r>
    <n v="336687.94984996639"/>
    <x v="8"/>
  </r>
  <r>
    <n v="352229.96250411833"/>
    <x v="9"/>
  </r>
  <r>
    <n v="343903.29185915919"/>
    <x v="10"/>
  </r>
  <r>
    <n v="371095.39156332531"/>
    <x v="11"/>
  </r>
  <r>
    <n v="345668.39873393858"/>
    <x v="12"/>
  </r>
  <r>
    <n v="316921.70140802313"/>
    <x v="13"/>
  </r>
  <r>
    <n v="340372.15537527739"/>
    <x v="14"/>
  </r>
  <r>
    <n v="366768.35478346847"/>
    <x v="15"/>
  </r>
  <r>
    <n v="354797.76435488695"/>
    <x v="16"/>
  </r>
  <r>
    <n v="348491.77702091739"/>
    <x v="17"/>
  </r>
  <r>
    <n v="370633.94051693415"/>
    <x v="18"/>
  </r>
  <r>
    <n v="351826.95828858943"/>
    <x v="19"/>
  </r>
  <r>
    <n v="354326.58265563613"/>
    <x v="20"/>
  </r>
  <r>
    <n v="353818.91100816126"/>
    <x v="21"/>
  </r>
  <r>
    <n v="331914.4774277003"/>
    <x v="22"/>
  </r>
  <r>
    <n v="324168.0808444409"/>
    <x v="23"/>
  </r>
  <r>
    <n v="329436.41148983419"/>
    <x v="0"/>
  </r>
  <r>
    <n v="312138.79193018185"/>
    <x v="1"/>
  </r>
  <r>
    <n v="282234.02108655102"/>
    <x v="2"/>
  </r>
  <r>
    <n v="291497.53969530901"/>
    <x v="3"/>
  </r>
  <r>
    <n v="305725.99809833599"/>
    <x v="4"/>
  </r>
  <r>
    <n v="336311.55813115952"/>
    <x v="5"/>
  </r>
  <r>
    <n v="340880.68684337131"/>
    <x v="6"/>
  </r>
  <r>
    <n v="357093.48540780618"/>
    <x v="7"/>
  </r>
  <r>
    <n v="402517.76677085081"/>
    <x v="8"/>
  </r>
  <r>
    <n v="408084.91653822327"/>
    <x v="9"/>
  </r>
  <r>
    <n v="384106.36494098254"/>
    <x v="10"/>
  </r>
  <r>
    <n v="409011.17402854329"/>
    <x v="11"/>
  </r>
  <r>
    <n v="427076.88602707582"/>
    <x v="12"/>
  </r>
  <r>
    <n v="435133.74076752365"/>
    <x v="13"/>
  </r>
  <r>
    <n v="452305.78457432252"/>
    <x v="14"/>
  </r>
  <r>
    <n v="448250.4930525613"/>
    <x v="15"/>
  </r>
  <r>
    <n v="402403.72519703367"/>
    <x v="16"/>
  </r>
  <r>
    <n v="404163.42149328324"/>
    <x v="17"/>
  </r>
  <r>
    <n v="409320.87722128566"/>
    <x v="18"/>
  </r>
  <r>
    <n v="406217.67975088587"/>
    <x v="19"/>
  </r>
  <r>
    <n v="385553.12847435963"/>
    <x v="20"/>
  </r>
  <r>
    <n v="366227.96800999972"/>
    <x v="21"/>
  </r>
  <r>
    <n v="415450.97881056875"/>
    <x v="22"/>
  </r>
  <r>
    <n v="379566.17653253459"/>
    <x v="23"/>
  </r>
  <r>
    <n v="359073.5054948841"/>
    <x v="0"/>
  </r>
  <r>
    <n v="313786.43891990237"/>
    <x v="1"/>
  </r>
  <r>
    <n v="326916.86444990663"/>
    <x v="2"/>
  </r>
  <r>
    <n v="307120.54325753049"/>
    <x v="3"/>
  </r>
  <r>
    <n v="311927.35994282889"/>
    <x v="4"/>
  </r>
  <r>
    <n v="333312.48284060566"/>
    <x v="5"/>
  </r>
  <r>
    <n v="354242.27829249791"/>
    <x v="6"/>
  </r>
  <r>
    <n v="363160.67329325475"/>
    <x v="7"/>
  </r>
  <r>
    <n v="342605.34020658518"/>
    <x v="8"/>
  </r>
  <r>
    <n v="340130.48286761466"/>
    <x v="9"/>
  </r>
  <r>
    <n v="304121.4469957421"/>
    <x v="10"/>
  </r>
  <r>
    <n v="324380.43556611676"/>
    <x v="11"/>
  </r>
  <r>
    <n v="290048.30155624775"/>
    <x v="12"/>
  </r>
  <r>
    <n v="321700.94091980741"/>
    <x v="13"/>
  </r>
  <r>
    <n v="300351.67883321625"/>
    <x v="14"/>
  </r>
  <r>
    <n v="300074.01968696021"/>
    <x v="15"/>
  </r>
  <r>
    <n v="300838.65187212953"/>
    <x v="16"/>
  </r>
  <r>
    <n v="309573.63245497429"/>
    <x v="17"/>
  </r>
  <r>
    <n v="315634.31925769331"/>
    <x v="18"/>
  </r>
  <r>
    <n v="289604.10983594193"/>
    <x v="19"/>
  </r>
  <r>
    <n v="325612.72628312226"/>
    <x v="20"/>
  </r>
  <r>
    <n v="305104.15904963622"/>
    <x v="21"/>
  </r>
  <r>
    <n v="265168.30143923243"/>
    <x v="22"/>
  </r>
  <r>
    <n v="254215.63376745774"/>
    <x v="23"/>
  </r>
  <r>
    <n v="261709.18017500645"/>
    <x v="0"/>
  </r>
  <r>
    <n v="234658.82504557938"/>
    <x v="1"/>
  </r>
  <r>
    <n v="242020.21073260653"/>
    <x v="2"/>
  </r>
  <r>
    <n v="228309.53211213707"/>
    <x v="3"/>
  </r>
  <r>
    <n v="213105.76450103376"/>
    <x v="4"/>
  </r>
  <r>
    <n v="239068.80305832464"/>
    <x v="5"/>
  </r>
  <r>
    <n v="284172.62298527121"/>
    <x v="6"/>
  </r>
  <r>
    <n v="275732.66573094082"/>
    <x v="7"/>
  </r>
  <r>
    <n v="243540.66718440838"/>
    <x v="8"/>
  </r>
  <r>
    <n v="287259.92425983556"/>
    <x v="9"/>
  </r>
  <r>
    <n v="273078.16879628832"/>
    <x v="10"/>
  </r>
  <r>
    <n v="270050.69845407055"/>
    <x v="11"/>
  </r>
  <r>
    <n v="254542.84794110074"/>
    <x v="12"/>
  </r>
  <r>
    <n v="231265.84705531807"/>
    <x v="13"/>
  </r>
  <r>
    <n v="253897.52110963617"/>
    <x v="14"/>
  </r>
  <r>
    <n v="262030.29171937754"/>
    <x v="15"/>
  </r>
  <r>
    <n v="251327.45436552947"/>
    <x v="16"/>
  </r>
  <r>
    <n v="285242.91091490292"/>
    <x v="17"/>
  </r>
  <r>
    <n v="292498.03535615373"/>
    <x v="18"/>
  </r>
  <r>
    <n v="334482.00665241899"/>
    <x v="19"/>
  </r>
  <r>
    <n v="329385.1368212091"/>
    <x v="20"/>
  </r>
  <r>
    <n v="357079.68633543182"/>
    <x v="21"/>
  </r>
  <r>
    <n v="283212.70666339976"/>
    <x v="22"/>
  </r>
  <r>
    <n v="270618.70434352261"/>
    <x v="23"/>
  </r>
  <r>
    <n v="262719.76299969928"/>
    <x v="0"/>
  </r>
  <r>
    <n v="245471.34195644545"/>
    <x v="1"/>
  </r>
  <r>
    <n v="233730.80597155195"/>
    <x v="2"/>
  </r>
  <r>
    <n v="234230.59243481286"/>
    <x v="3"/>
  </r>
  <r>
    <n v="240879.81596566862"/>
    <x v="4"/>
  </r>
  <r>
    <n v="262020.01581441789"/>
    <x v="5"/>
  </r>
  <r>
    <n v="303176.54607785237"/>
    <x v="6"/>
  </r>
  <r>
    <n v="293917.17977354745"/>
    <x v="7"/>
  </r>
  <r>
    <n v="242509.09215386945"/>
    <x v="8"/>
  </r>
  <r>
    <n v="276521.2890085057"/>
    <x v="9"/>
  </r>
  <r>
    <n v="268648.75044905819"/>
    <x v="10"/>
  </r>
  <r>
    <n v="269645.59711508051"/>
    <x v="11"/>
  </r>
  <r>
    <n v="225833.33261415144"/>
    <x v="12"/>
  </r>
  <r>
    <n v="202337.72757877863"/>
    <x v="13"/>
  </r>
  <r>
    <n v="217034.38976574162"/>
    <x v="14"/>
  </r>
  <r>
    <n v="213828.894612907"/>
    <x v="15"/>
  </r>
  <r>
    <n v="230975.29059977597"/>
    <x v="16"/>
  </r>
  <r>
    <n v="219842.45905145403"/>
    <x v="17"/>
  </r>
  <r>
    <n v="221212.74049220307"/>
    <x v="18"/>
  </r>
  <r>
    <n v="198540.9274948386"/>
    <x v="19"/>
  </r>
  <r>
    <n v="234778.06748558025"/>
    <x v="20"/>
  </r>
  <r>
    <n v="212937.59617068429"/>
    <x v="21"/>
  </r>
  <r>
    <n v="208908.93811687964"/>
    <x v="22"/>
  </r>
  <r>
    <n v="183960.61371750012"/>
    <x v="23"/>
  </r>
  <r>
    <n v="168365.45995484266"/>
    <x v="0"/>
  </r>
  <r>
    <n v="146684.65313466123"/>
    <x v="1"/>
  </r>
  <r>
    <n v="141451.62756273634"/>
    <x v="2"/>
  </r>
  <r>
    <n v="146487.81712659783"/>
    <x v="3"/>
  </r>
  <r>
    <n v="142413.20061214213"/>
    <x v="4"/>
  </r>
  <r>
    <n v="161867.96330640101"/>
    <x v="5"/>
  </r>
  <r>
    <n v="217142.056084237"/>
    <x v="6"/>
  </r>
  <r>
    <n v="195850.27615171589"/>
    <x v="7"/>
  </r>
  <r>
    <n v="164848.02817277951"/>
    <x v="8"/>
  </r>
  <r>
    <n v="190030.82146073275"/>
    <x v="9"/>
  </r>
  <r>
    <n v="182570.87097103163"/>
    <x v="10"/>
  </r>
  <r>
    <n v="208059.91768363371"/>
    <x v="11"/>
  </r>
  <r>
    <n v="216444.28019500905"/>
    <x v="12"/>
  </r>
  <r>
    <n v="217185.06808642516"/>
    <x v="13"/>
  </r>
  <r>
    <n v="175859.72986998549"/>
    <x v="14"/>
  </r>
  <r>
    <n v="198604.13479595759"/>
    <x v="15"/>
  </r>
  <r>
    <n v="214141.47086479119"/>
    <x v="16"/>
  </r>
  <r>
    <n v="188733.91836988932"/>
    <x v="17"/>
  </r>
  <r>
    <n v="197222.65471592604"/>
    <x v="18"/>
  </r>
  <r>
    <n v="183155.27636594989"/>
    <x v="19"/>
  </r>
  <r>
    <n v="207725.09095182671"/>
    <x v="20"/>
  </r>
  <r>
    <n v="227809.45205159162"/>
    <x v="21"/>
  </r>
  <r>
    <n v="182545.45383468253"/>
    <x v="22"/>
  </r>
  <r>
    <n v="172725.96682513942"/>
    <x v="23"/>
  </r>
  <r>
    <n v="153437.42213641116"/>
    <x v="0"/>
  </r>
  <r>
    <n v="148397.64649143111"/>
    <x v="1"/>
  </r>
  <r>
    <n v="137230.67377316172"/>
    <x v="2"/>
  </r>
  <r>
    <n v="127970.88804416452"/>
    <x v="3"/>
  </r>
  <r>
    <n v="124992.92030124718"/>
    <x v="4"/>
  </r>
  <r>
    <n v="141181.03572254433"/>
    <x v="5"/>
  </r>
  <r>
    <n v="162818.65228504344"/>
    <x v="6"/>
  </r>
  <r>
    <n v="149855.70303464649"/>
    <x v="7"/>
  </r>
  <r>
    <n v="163882.040678488"/>
    <x v="8"/>
  </r>
  <r>
    <n v="196535.28055906543"/>
    <x v="9"/>
  </r>
  <r>
    <n v="173438.74763273189"/>
    <x v="10"/>
  </r>
  <r>
    <n v="183896.73533687353"/>
    <x v="11"/>
  </r>
  <r>
    <n v="207032.11747532486"/>
    <x v="12"/>
  </r>
  <r>
    <n v="175660.3458569168"/>
    <x v="13"/>
  </r>
  <r>
    <n v="178575.47329532081"/>
    <x v="14"/>
  </r>
  <r>
    <n v="200216.65496770389"/>
    <x v="15"/>
  </r>
  <r>
    <n v="221649.90684891405"/>
    <x v="16"/>
  </r>
  <r>
    <n v="232295.4298185689"/>
    <x v="17"/>
  </r>
  <r>
    <n v="246797.52089080657"/>
    <x v="18"/>
  </r>
  <r>
    <n v="212562.357869781"/>
    <x v="19"/>
  </r>
  <r>
    <n v="219529.69405845835"/>
    <x v="20"/>
  </r>
  <r>
    <n v="245103.56941506389"/>
    <x v="21"/>
  </r>
  <r>
    <n v="183838.70793070353"/>
    <x v="22"/>
  </r>
  <r>
    <n v="162774.29812384016"/>
    <x v="23"/>
  </r>
  <r>
    <n v="171509.79250193291"/>
    <x v="0"/>
  </r>
  <r>
    <n v="157821.79427169578"/>
    <x v="1"/>
  </r>
  <r>
    <n v="164067.04891023051"/>
    <x v="2"/>
  </r>
  <r>
    <n v="175929.88913537821"/>
    <x v="3"/>
  </r>
  <r>
    <n v="174797.71509240801"/>
    <x v="4"/>
  </r>
  <r>
    <n v="183941.38309536138"/>
    <x v="5"/>
  </r>
  <r>
    <n v="229664.94494754658"/>
    <x v="6"/>
  </r>
  <r>
    <n v="231107.40937782827"/>
    <x v="7"/>
  </r>
  <r>
    <n v="281314.70507488732"/>
    <x v="8"/>
  </r>
  <r>
    <n v="281890.88974583783"/>
    <x v="9"/>
  </r>
  <r>
    <n v="329240.12073387072"/>
    <x v="10"/>
  </r>
  <r>
    <n v="324174.95940939343"/>
    <x v="11"/>
  </r>
  <r>
    <n v="344081.71512323368"/>
    <x v="12"/>
  </r>
  <r>
    <n v="360508.65096428647"/>
    <x v="13"/>
  </r>
  <r>
    <n v="417538.95881342661"/>
    <x v="14"/>
  </r>
  <r>
    <n v="366172.01675605628"/>
    <x v="15"/>
  </r>
  <r>
    <n v="378534.64344446489"/>
    <x v="16"/>
  </r>
  <r>
    <n v="386396.13016327209"/>
    <x v="17"/>
  </r>
  <r>
    <n v="387221.01270548021"/>
    <x v="18"/>
  </r>
  <r>
    <n v="370226.13388867927"/>
    <x v="19"/>
  </r>
  <r>
    <n v="389421.27269844798"/>
    <x v="20"/>
  </r>
  <r>
    <n v="403052.19771368994"/>
    <x v="21"/>
  </r>
  <r>
    <n v="375054.25734834292"/>
    <x v="22"/>
  </r>
  <r>
    <n v="380116.12618898612"/>
    <x v="23"/>
  </r>
  <r>
    <n v="328239.5621593222"/>
    <x v="0"/>
  </r>
  <r>
    <n v="324641.6113219682"/>
    <x v="1"/>
  </r>
  <r>
    <n v="310287.15774139541"/>
    <x v="2"/>
  </r>
  <r>
    <n v="338983.0627370819"/>
    <x v="3"/>
  </r>
  <r>
    <n v="315704.90843339555"/>
    <x v="4"/>
  </r>
  <r>
    <n v="326020.65873878484"/>
    <x v="5"/>
  </r>
  <r>
    <n v="351794.28510506474"/>
    <x v="6"/>
  </r>
  <r>
    <n v="363526.53745228675"/>
    <x v="7"/>
  </r>
  <r>
    <n v="372847.83181239938"/>
    <x v="8"/>
  </r>
  <r>
    <n v="403391.26063488843"/>
    <x v="9"/>
  </r>
  <r>
    <n v="349930.00526180759"/>
    <x v="10"/>
  </r>
  <r>
    <n v="365410.3834574364"/>
    <x v="11"/>
  </r>
  <r>
    <n v="343621.6062358577"/>
    <x v="12"/>
  </r>
  <r>
    <n v="322437.21999578201"/>
    <x v="13"/>
  </r>
  <r>
    <n v="343621.35458104237"/>
    <x v="14"/>
  </r>
  <r>
    <n v="303234.82513883774"/>
    <x v="15"/>
  </r>
  <r>
    <n v="248972.804143352"/>
    <x v="16"/>
  </r>
  <r>
    <n v="272977.71658249933"/>
    <x v="17"/>
  </r>
  <r>
    <n v="267997.17418967938"/>
    <x v="18"/>
  </r>
  <r>
    <n v="262503.50762838568"/>
    <x v="19"/>
  </r>
  <r>
    <n v="315158.77554164326"/>
    <x v="20"/>
  </r>
  <r>
    <n v="288076.87967536051"/>
    <x v="21"/>
  </r>
  <r>
    <n v="258378.57063647971"/>
    <x v="22"/>
  </r>
  <r>
    <n v="222007.27765792838"/>
    <x v="23"/>
  </r>
  <r>
    <n v="233709.49919718667"/>
    <x v="0"/>
  </r>
  <r>
    <n v="213240.65148205485"/>
    <x v="1"/>
  </r>
  <r>
    <n v="217030.44717363466"/>
    <x v="2"/>
  </r>
  <r>
    <n v="215309.23309289708"/>
    <x v="3"/>
  </r>
  <r>
    <n v="218022.00908853489"/>
    <x v="4"/>
  </r>
  <r>
    <n v="237794.54890086161"/>
    <x v="5"/>
  </r>
  <r>
    <n v="272003.22525257285"/>
    <x v="6"/>
  </r>
  <r>
    <n v="262947.74129116075"/>
    <x v="7"/>
  </r>
  <r>
    <n v="239657.23493028828"/>
    <x v="8"/>
  </r>
  <r>
    <n v="219704.25861536435"/>
    <x v="9"/>
  </r>
  <r>
    <n v="241385.32757597844"/>
    <x v="10"/>
  </r>
  <r>
    <n v="251155.51121294993"/>
    <x v="11"/>
  </r>
  <r>
    <n v="235870.01870056568"/>
    <x v="12"/>
  </r>
  <r>
    <n v="218942.22686328684"/>
    <x v="13"/>
  </r>
  <r>
    <n v="208708.53699893231"/>
    <x v="14"/>
  </r>
  <r>
    <n v="230633.64821672026"/>
    <x v="15"/>
  </r>
  <r>
    <n v="240764.99845617072"/>
    <x v="16"/>
  </r>
  <r>
    <n v="250366.55239563124"/>
    <x v="17"/>
  </r>
  <r>
    <n v="278218.55393931695"/>
    <x v="18"/>
  </r>
  <r>
    <n v="278024.5071054569"/>
    <x v="19"/>
  </r>
  <r>
    <n v="284472.00833058474"/>
    <x v="20"/>
  </r>
  <r>
    <n v="247605.77324396776"/>
    <x v="21"/>
  </r>
  <r>
    <n v="252098.58763342837"/>
    <x v="22"/>
  </r>
  <r>
    <n v="216865.57132711919"/>
    <x v="23"/>
  </r>
  <r>
    <n v="223248.43920717447"/>
    <x v="0"/>
  </r>
  <r>
    <n v="216924.58438131592"/>
    <x v="1"/>
  </r>
  <r>
    <n v="221206.11358206579"/>
    <x v="2"/>
  </r>
  <r>
    <n v="244386.73067357411"/>
    <x v="3"/>
  </r>
  <r>
    <n v="248183.40493010651"/>
    <x v="4"/>
  </r>
  <r>
    <n v="265106.24755601701"/>
    <x v="5"/>
  </r>
  <r>
    <n v="308112.48265465372"/>
    <x v="6"/>
  </r>
  <r>
    <n v="308503.47035275021"/>
    <x v="7"/>
  </r>
  <r>
    <n v="316491.83304095693"/>
    <x v="8"/>
  </r>
  <r>
    <n v="294041.79084960895"/>
    <x v="9"/>
  </r>
  <r>
    <n v="262758.03550286527"/>
    <x v="10"/>
  </r>
  <r>
    <n v="282829.2266672941"/>
    <x v="11"/>
  </r>
  <r>
    <n v="300751.39056491113"/>
    <x v="12"/>
  </r>
  <r>
    <n v="264657.31633668899"/>
    <x v="13"/>
  </r>
  <r>
    <n v="254942.11927686879"/>
    <x v="14"/>
  </r>
  <r>
    <n v="270892.10632915254"/>
    <x v="15"/>
  </r>
  <r>
    <n v="285572.0544421302"/>
    <x v="16"/>
  </r>
  <r>
    <n v="297228.47480499709"/>
    <x v="17"/>
  </r>
  <r>
    <n v="290059.75185034558"/>
    <x v="18"/>
  </r>
  <r>
    <n v="293327.17505898798"/>
    <x v="19"/>
  </r>
  <r>
    <n v="262807.10819185612"/>
    <x v="20"/>
  </r>
  <r>
    <n v="283299.69534456817"/>
    <x v="21"/>
  </r>
  <r>
    <n v="244471.9997135044"/>
    <x v="22"/>
  </r>
  <r>
    <n v="219307.12634552666"/>
    <x v="23"/>
  </r>
  <r>
    <n v="235148.67114363445"/>
    <x v="0"/>
  </r>
  <r>
    <n v="214047.37293508943"/>
    <x v="1"/>
  </r>
  <r>
    <n v="205689.56000673221"/>
    <x v="2"/>
  </r>
  <r>
    <n v="204743.1072174813"/>
    <x v="3"/>
  </r>
  <r>
    <n v="203834.00419707346"/>
    <x v="4"/>
  </r>
  <r>
    <n v="209231.4547339697"/>
    <x v="5"/>
  </r>
  <r>
    <n v="270942.0598099971"/>
    <x v="6"/>
  </r>
  <r>
    <n v="252523.48581789169"/>
    <x v="7"/>
  </r>
  <r>
    <n v="243496.64856295887"/>
    <x v="8"/>
  </r>
  <r>
    <n v="266645.53617650003"/>
    <x v="9"/>
  </r>
  <r>
    <n v="287587.26426088624"/>
    <x v="10"/>
  </r>
  <r>
    <n v="271615.005757445"/>
    <x v="11"/>
  </r>
  <r>
    <n v="265425.49266050762"/>
    <x v="12"/>
  </r>
  <r>
    <n v="235373.73443348487"/>
    <x v="13"/>
  </r>
  <r>
    <n v="210455.31501466129"/>
    <x v="14"/>
  </r>
  <r>
    <n v="196445.69144480518"/>
    <x v="15"/>
  </r>
  <r>
    <n v="226293.42053029279"/>
    <x v="16"/>
  </r>
  <r>
    <n v="230138.51736754307"/>
    <x v="17"/>
  </r>
  <r>
    <n v="246614.56784005597"/>
    <x v="18"/>
  </r>
  <r>
    <n v="231495.14653456004"/>
    <x v="19"/>
  </r>
  <r>
    <n v="280427.76864946383"/>
    <x v="20"/>
  </r>
  <r>
    <n v="266545.88086962618"/>
    <x v="21"/>
  </r>
  <r>
    <n v="274200.52830146038"/>
    <x v="22"/>
  </r>
  <r>
    <n v="220264.50514801012"/>
    <x v="23"/>
  </r>
  <r>
    <n v="270481.72023904038"/>
    <x v="0"/>
  </r>
  <r>
    <n v="245707.10057594778"/>
    <x v="1"/>
  </r>
  <r>
    <n v="260235.76220243817"/>
    <x v="2"/>
  </r>
  <r>
    <n v="259598.19472777983"/>
    <x v="3"/>
  </r>
  <r>
    <n v="295489.68682965502"/>
    <x v="4"/>
  </r>
  <r>
    <n v="302292.12620058231"/>
    <x v="5"/>
  </r>
  <r>
    <n v="368929.23079783586"/>
    <x v="6"/>
  </r>
  <r>
    <n v="367254.97131139331"/>
    <x v="7"/>
  </r>
  <r>
    <n v="319371.91754632513"/>
    <x v="8"/>
  </r>
  <r>
    <n v="290741.9461122572"/>
    <x v="9"/>
  </r>
  <r>
    <n v="271509.14296512626"/>
    <x v="10"/>
  </r>
  <r>
    <n v="214810.49519136676"/>
    <x v="11"/>
  </r>
  <r>
    <n v="213205.41980790757"/>
    <x v="12"/>
  </r>
  <r>
    <n v="183568.64037137685"/>
    <x v="13"/>
  </r>
  <r>
    <n v="202437.92813775231"/>
    <x v="14"/>
  </r>
  <r>
    <n v="220787.82133650515"/>
    <x v="15"/>
  </r>
  <r>
    <n v="226506.61410135313"/>
    <x v="16"/>
  </r>
  <r>
    <n v="215863.6286510863"/>
    <x v="17"/>
  </r>
  <r>
    <n v="209696.15632172558"/>
    <x v="18"/>
  </r>
  <r>
    <n v="230386.16667707014"/>
    <x v="19"/>
  </r>
  <r>
    <n v="248677.96955594912"/>
    <x v="20"/>
  </r>
  <r>
    <n v="239792.52036476697"/>
    <x v="21"/>
  </r>
  <r>
    <n v="201102.0185505315"/>
    <x v="22"/>
  </r>
  <r>
    <n v="161873.83525209222"/>
    <x v="23"/>
  </r>
  <r>
    <n v="138246.6671763843"/>
    <x v="0"/>
  </r>
  <r>
    <n v="134484.70031313392"/>
    <x v="1"/>
  </r>
  <r>
    <n v="128839.72629411833"/>
    <x v="2"/>
  </r>
  <r>
    <n v="128275.60008306941"/>
    <x v="3"/>
  </r>
  <r>
    <n v="123524.16842837994"/>
    <x v="4"/>
  </r>
  <r>
    <n v="139624.64506023572"/>
    <x v="5"/>
  </r>
  <r>
    <n v="175623.82445184092"/>
    <x v="6"/>
  </r>
  <r>
    <n v="168757.1816461506"/>
    <x v="7"/>
  </r>
  <r>
    <n v="184907.29719033174"/>
    <x v="8"/>
  </r>
  <r>
    <n v="205770.82354085171"/>
    <x v="9"/>
  </r>
  <r>
    <n v="173947.01696039311"/>
    <x v="10"/>
  </r>
  <r>
    <n v="194394.05459152901"/>
    <x v="11"/>
  </r>
  <r>
    <n v="199203.13617016544"/>
    <x v="12"/>
  </r>
  <r>
    <n v="177154.83992026965"/>
    <x v="13"/>
  </r>
  <r>
    <n v="194204.49560187579"/>
    <x v="14"/>
  </r>
  <r>
    <n v="226824.66384547093"/>
    <x v="15"/>
  </r>
  <r>
    <n v="242650.37536144702"/>
    <x v="16"/>
  </r>
  <r>
    <n v="243771.28785143088"/>
    <x v="17"/>
  </r>
  <r>
    <n v="260471.41596576743"/>
    <x v="18"/>
  </r>
  <r>
    <n v="252900.98901213301"/>
    <x v="19"/>
  </r>
  <r>
    <n v="286341.99234965624"/>
    <x v="20"/>
  </r>
  <r>
    <n v="250075.07320576624"/>
    <x v="21"/>
  </r>
  <r>
    <n v="219521.45236325604"/>
    <x v="22"/>
  </r>
  <r>
    <n v="184956.45376426107"/>
    <x v="23"/>
  </r>
  <r>
    <n v="174689.83906156651"/>
    <x v="0"/>
  </r>
  <r>
    <n v="144447.70396674069"/>
    <x v="1"/>
  </r>
  <r>
    <n v="177503.65446556246"/>
    <x v="2"/>
  </r>
  <r>
    <n v="129992.15854972324"/>
    <x v="3"/>
  </r>
  <r>
    <n v="127656.20418320189"/>
    <x v="4"/>
  </r>
  <r>
    <n v="124040.89964920691"/>
    <x v="5"/>
  </r>
  <r>
    <n v="121068.22714302898"/>
    <x v="6"/>
  </r>
  <r>
    <n v="135285.40302183499"/>
    <x v="7"/>
  </r>
  <r>
    <n v="187917.61306263728"/>
    <x v="8"/>
  </r>
  <r>
    <n v="205668.84042693611"/>
    <x v="9"/>
  </r>
  <r>
    <n v="230051.90616859766"/>
    <x v="10"/>
  </r>
  <r>
    <n v="265853.80915621261"/>
    <x v="11"/>
  </r>
  <r>
    <n v="263048.84361322271"/>
    <x v="12"/>
  </r>
  <r>
    <n v="286718.55183834006"/>
    <x v="13"/>
  </r>
  <r>
    <n v="288195.87046054611"/>
    <x v="14"/>
  </r>
  <r>
    <n v="342570.15047490713"/>
    <x v="15"/>
  </r>
  <r>
    <n v="326923.72204362461"/>
    <x v="16"/>
  </r>
  <r>
    <n v="331020.74632226268"/>
    <x v="17"/>
  </r>
  <r>
    <n v="321538.6655063837"/>
    <x v="18"/>
  </r>
  <r>
    <n v="319983.01932290383"/>
    <x v="19"/>
  </r>
  <r>
    <n v="301084.51862671453"/>
    <x v="20"/>
  </r>
  <r>
    <n v="307063.24984457192"/>
    <x v="21"/>
  </r>
  <r>
    <n v="270092.11664242827"/>
    <x v="22"/>
  </r>
  <r>
    <n v="199876.64834094787"/>
    <x v="23"/>
  </r>
  <r>
    <n v="190071.42177094059"/>
    <x v="0"/>
  </r>
  <r>
    <n v="156015.02803936065"/>
    <x v="1"/>
  </r>
  <r>
    <n v="140675.42974167876"/>
    <x v="2"/>
  </r>
  <r>
    <n v="129939.60463578686"/>
    <x v="3"/>
  </r>
  <r>
    <n v="110132.87122542612"/>
    <x v="4"/>
  </r>
  <r>
    <n v="114222.16760410984"/>
    <x v="5"/>
  </r>
  <r>
    <n v="126844.76420237972"/>
    <x v="6"/>
  </r>
  <r>
    <n v="117587.69424826473"/>
    <x v="7"/>
  </r>
  <r>
    <n v="166156.40252895543"/>
    <x v="8"/>
  </r>
  <r>
    <n v="171131.52385762826"/>
    <x v="9"/>
  </r>
  <r>
    <n v="184449.13862777464"/>
    <x v="10"/>
  </r>
  <r>
    <n v="205565.41029783222"/>
    <x v="11"/>
  </r>
  <r>
    <n v="222991.79323799911"/>
    <x v="12"/>
  </r>
  <r>
    <n v="249587.86948327222"/>
    <x v="13"/>
  </r>
  <r>
    <n v="296473.72007132974"/>
    <x v="14"/>
  </r>
  <r>
    <n v="285507.1904134769"/>
    <x v="15"/>
  </r>
  <r>
    <n v="286275.61839211092"/>
    <x v="16"/>
  </r>
  <r>
    <n v="241527.93197133651"/>
    <x v="17"/>
  </r>
  <r>
    <n v="288738.98349451431"/>
    <x v="18"/>
  </r>
  <r>
    <n v="249755.61838892949"/>
    <x v="19"/>
  </r>
  <r>
    <n v="265287.48096552951"/>
    <x v="20"/>
  </r>
  <r>
    <n v="232090.310172834"/>
    <x v="21"/>
  </r>
  <r>
    <n v="203468.8740312529"/>
    <x v="22"/>
  </r>
  <r>
    <n v="153352.12163962895"/>
    <x v="23"/>
  </r>
  <r>
    <n v="138684.17955846639"/>
    <x v="0"/>
  </r>
  <r>
    <n v="138835.69672853436"/>
    <x v="1"/>
  </r>
  <r>
    <n v="130678.62045787828"/>
    <x v="2"/>
  </r>
  <r>
    <n v="126336.33759045889"/>
    <x v="3"/>
  </r>
  <r>
    <n v="136372.70910835394"/>
    <x v="4"/>
  </r>
  <r>
    <n v="179384.83712391646"/>
    <x v="5"/>
  </r>
  <r>
    <n v="196272.36419074124"/>
    <x v="6"/>
  </r>
  <r>
    <n v="210140.03347351225"/>
    <x v="7"/>
  </r>
  <r>
    <n v="213304.69763255832"/>
    <x v="8"/>
  </r>
  <r>
    <n v="186849.86265239355"/>
    <x v="9"/>
  </r>
  <r>
    <n v="165372.09932572051"/>
    <x v="10"/>
  </r>
  <r>
    <n v="189154.70619236879"/>
    <x v="11"/>
  </r>
  <r>
    <n v="202915.56897726349"/>
    <x v="12"/>
  </r>
  <r>
    <n v="193842.13363902396"/>
    <x v="13"/>
  </r>
  <r>
    <n v="236096.23540831974"/>
    <x v="14"/>
  </r>
  <r>
    <n v="254330.78681670941"/>
    <x v="15"/>
  </r>
  <r>
    <n v="244102.98986928075"/>
    <x v="16"/>
  </r>
  <r>
    <n v="207163.98459856186"/>
    <x v="17"/>
  </r>
  <r>
    <n v="247096.7804087124"/>
    <x v="18"/>
  </r>
  <r>
    <n v="253573.20096636954"/>
    <x v="19"/>
  </r>
  <r>
    <n v="265272.7591588322"/>
    <x v="20"/>
  </r>
  <r>
    <n v="263244.46328967868"/>
    <x v="21"/>
  </r>
  <r>
    <n v="228322.11485290399"/>
    <x v="22"/>
  </r>
  <r>
    <n v="191282.80416703838"/>
    <x v="23"/>
  </r>
  <r>
    <n v="190760.03323064331"/>
    <x v="0"/>
  </r>
  <r>
    <n v="167153.27016621231"/>
    <x v="1"/>
  </r>
  <r>
    <n v="166451.83479654472"/>
    <x v="2"/>
  </r>
  <r>
    <n v="169516.01528494986"/>
    <x v="3"/>
  </r>
  <r>
    <n v="177873.52413040522"/>
    <x v="4"/>
  </r>
  <r>
    <n v="200077.15431506827"/>
    <x v="5"/>
  </r>
  <r>
    <n v="244747.8553335839"/>
    <x v="6"/>
  </r>
  <r>
    <n v="256548.03350971243"/>
    <x v="7"/>
  </r>
  <r>
    <n v="261617.41005234662"/>
    <x v="8"/>
  </r>
  <r>
    <n v="264392.49158601515"/>
    <x v="9"/>
  </r>
  <r>
    <n v="303035.57743879402"/>
    <x v="10"/>
  </r>
  <r>
    <n v="290136.48559778905"/>
    <x v="11"/>
  </r>
  <r>
    <n v="308735.05569656484"/>
    <x v="12"/>
  </r>
  <r>
    <n v="286615.6459901015"/>
    <x v="13"/>
  </r>
  <r>
    <n v="259563.44539202857"/>
    <x v="14"/>
  </r>
  <r>
    <n v="306438.51676549576"/>
    <x v="15"/>
  </r>
  <r>
    <n v="327958.88315528206"/>
    <x v="16"/>
  </r>
  <r>
    <n v="321828.80253723363"/>
    <x v="17"/>
  </r>
  <r>
    <n v="318793.82449302496"/>
    <x v="18"/>
  </r>
  <r>
    <n v="330055.90176025749"/>
    <x v="19"/>
  </r>
  <r>
    <n v="367035.31860007264"/>
    <x v="20"/>
  </r>
  <r>
    <n v="333707.28730340145"/>
    <x v="21"/>
  </r>
  <r>
    <n v="294592.45352803729"/>
    <x v="22"/>
  </r>
  <r>
    <n v="260712.10282540342"/>
    <x v="23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name="PivotTable4" cacheId="1" applyNumberFormats="0" applyBorderFormats="0" applyFontFormats="0" applyPatternFormats="0" applyAlignmentFormats="0" applyWidthHeightFormats="1" dataCaption="Values" updatedVersion="6" minRefreshableVersion="3" useAutoFormatting="1" itemPrintTitles="1" createdVersion="6" indent="0" outline="1" outlineData="1" multipleFieldFilters="0">
  <location ref="A3:B28" firstHeaderRow="1" firstDataRow="1" firstDataCol="1"/>
  <pivotFields count="2">
    <pivotField dataField="1" numFmtId="167" showAll="0"/>
    <pivotField axis="axisRow" showAll="0">
      <items count="25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  <item x="14"/>
        <item x="15"/>
        <item x="16"/>
        <item x="17"/>
        <item x="18"/>
        <item x="19"/>
        <item x="20"/>
        <item x="21"/>
        <item x="22"/>
        <item x="23"/>
        <item t="default"/>
      </items>
    </pivotField>
  </pivotFields>
  <rowFields count="1">
    <field x="1"/>
  </rowFields>
  <rowItems count="25">
    <i>
      <x/>
    </i>
    <i>
      <x v="1"/>
    </i>
    <i>
      <x v="2"/>
    </i>
    <i>
      <x v="3"/>
    </i>
    <i>
      <x v="4"/>
    </i>
    <i>
      <x v="5"/>
    </i>
    <i>
      <x v="6"/>
    </i>
    <i>
      <x v="7"/>
    </i>
    <i>
      <x v="8"/>
    </i>
    <i>
      <x v="9"/>
    </i>
    <i>
      <x v="10"/>
    </i>
    <i>
      <x v="11"/>
    </i>
    <i>
      <x v="12"/>
    </i>
    <i>
      <x v="13"/>
    </i>
    <i>
      <x v="14"/>
    </i>
    <i>
      <x v="15"/>
    </i>
    <i>
      <x v="16"/>
    </i>
    <i>
      <x v="17"/>
    </i>
    <i>
      <x v="18"/>
    </i>
    <i>
      <x v="19"/>
    </i>
    <i>
      <x v="20"/>
    </i>
    <i>
      <x v="21"/>
    </i>
    <i>
      <x v="22"/>
    </i>
    <i>
      <x v="23"/>
    </i>
    <i t="grand">
      <x/>
    </i>
  </rowItems>
  <colItems count="1">
    <i/>
  </colItems>
  <dataFields count="1">
    <dataField name="Average of Class Demand" fld="0" subtotal="average" baseField="1" baseItem="0" numFmtId="167"/>
  </dataFields>
  <formats count="10">
    <format dxfId="9">
      <pivotArea outline="0" collapsedLevelsAreSubtotals="1" fieldPosition="0"/>
    </format>
    <format dxfId="8">
      <pivotArea outline="0" collapsedLevelsAreSubtotals="1" fieldPosition="0"/>
    </format>
    <format dxfId="7">
      <pivotArea outline="0" collapsedLevelsAreSubtotals="1" fieldPosition="0"/>
    </format>
    <format dxfId="6">
      <pivotArea type="all" dataOnly="0" outline="0" fieldPosition="0"/>
    </format>
    <format dxfId="5">
      <pivotArea outline="0" collapsedLevelsAreSubtotals="1" fieldPosition="0"/>
    </format>
    <format dxfId="4">
      <pivotArea field="1" type="button" dataOnly="0" labelOnly="1" outline="0" axis="axisRow" fieldPosition="0"/>
    </format>
    <format dxfId="3">
      <pivotArea dataOnly="0" labelOnly="1" outline="0" axis="axisValues" fieldPosition="0"/>
    </format>
    <format dxfId="2">
      <pivotArea dataOnly="0" labelOnly="1" fieldPosition="0">
        <references count="1">
          <reference field="1" count="0"/>
        </references>
      </pivotArea>
    </format>
    <format dxfId="1">
      <pivotArea dataOnly="0" labelOnly="1" grandRow="1" outline="0" fieldPosition="0"/>
    </format>
    <format dxfId="0">
      <pivotArea dataOnly="0" labelOnly="1" outline="0" axis="axisValues" fieldPosition="0"/>
    </format>
  </formats>
  <pivotTableStyleInfo name="PivotStyleLight16" showRowHeaders="1" showColHeaders="1" showRowStripes="0" showColStripes="0" showLastColumn="1"/>
  <extLst>
    <ext xmlns:x14="http://schemas.microsoft.com/office/spreadsheetml/2009/9/main" uri="{962EF5D1-5CA2-4c93-8EF4-DBF5C05439D2}">
      <x14:pivotTableDefinition xmlns:xm="http://schemas.microsoft.com/office/excel/2006/main" hideValuesRow="1"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ivotTable" Target="../pivotTables/pivot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24"/>
  <sheetViews>
    <sheetView tabSelected="1" workbookViewId="0">
      <selection activeCell="M20" sqref="M20"/>
    </sheetView>
  </sheetViews>
  <sheetFormatPr defaultRowHeight="15" x14ac:dyDescent="0.25"/>
  <cols>
    <col min="1" max="1" width="23.85546875" customWidth="1"/>
    <col min="2" max="2" width="21.85546875" bestFit="1" customWidth="1"/>
    <col min="3" max="3" width="11.5703125" customWidth="1"/>
    <col min="4" max="4" width="17" customWidth="1"/>
    <col min="5" max="5" width="17.28515625" customWidth="1"/>
    <col min="9" max="9" width="4" customWidth="1"/>
  </cols>
  <sheetData>
    <row r="1" spans="1:9" x14ac:dyDescent="0.25">
      <c r="A1" s="50" t="str">
        <f>'Typical Install Excess Percent'!B1</f>
        <v>Exhibit AEV - 3</v>
      </c>
    </row>
    <row r="2" spans="1:9" x14ac:dyDescent="0.25">
      <c r="A2" s="50" t="s">
        <v>66</v>
      </c>
    </row>
    <row r="3" spans="1:9" ht="15.75" thickBot="1" x14ac:dyDescent="0.3"/>
    <row r="4" spans="1:9" x14ac:dyDescent="0.25">
      <c r="A4" s="67" t="s">
        <v>64</v>
      </c>
      <c r="B4" s="68"/>
      <c r="C4" s="68"/>
      <c r="D4" s="68"/>
      <c r="E4" s="68"/>
      <c r="F4" s="35"/>
      <c r="G4" s="35"/>
      <c r="H4" s="35"/>
      <c r="I4" s="36"/>
    </row>
    <row r="5" spans="1:9" x14ac:dyDescent="0.25">
      <c r="A5" s="37"/>
      <c r="B5" s="38"/>
      <c r="C5" s="38"/>
      <c r="D5" s="38"/>
      <c r="E5" s="39">
        <v>38460</v>
      </c>
      <c r="F5" s="38" t="s">
        <v>47</v>
      </c>
      <c r="G5" s="38"/>
      <c r="H5" s="38"/>
      <c r="I5" s="40"/>
    </row>
    <row r="6" spans="1:9" x14ac:dyDescent="0.25">
      <c r="A6" s="37"/>
      <c r="B6" s="27" t="s">
        <v>48</v>
      </c>
      <c r="C6" s="27" t="s">
        <v>49</v>
      </c>
      <c r="D6" s="27" t="s">
        <v>50</v>
      </c>
      <c r="E6" s="27" t="s">
        <v>65</v>
      </c>
      <c r="F6" s="27"/>
      <c r="G6" s="38"/>
      <c r="H6" s="38"/>
      <c r="I6" s="40"/>
    </row>
    <row r="7" spans="1:9" x14ac:dyDescent="0.25">
      <c r="A7" s="37" t="s">
        <v>51</v>
      </c>
      <c r="B7" s="41">
        <v>9.5504839783917213</v>
      </c>
      <c r="C7" s="42">
        <v>100</v>
      </c>
      <c r="D7" s="42">
        <f>C7*B7*365</f>
        <v>348592.6652112978</v>
      </c>
      <c r="E7" s="43">
        <f>D7/$E$5/1000</f>
        <v>9.0637718463675975E-3</v>
      </c>
      <c r="F7" s="38"/>
      <c r="G7" s="38"/>
      <c r="H7" s="38"/>
      <c r="I7" s="40"/>
    </row>
    <row r="8" spans="1:9" ht="15.75" thickBot="1" x14ac:dyDescent="0.3">
      <c r="A8" s="44" t="s">
        <v>52</v>
      </c>
      <c r="B8" s="45">
        <v>5.5067209856527342</v>
      </c>
      <c r="C8" s="46">
        <v>93054.368398101869</v>
      </c>
      <c r="D8" s="46">
        <f>C8*B8</f>
        <v>512424.44326448819</v>
      </c>
      <c r="E8" s="47">
        <f>D8/$E$5/1000</f>
        <v>1.3323568467615397E-2</v>
      </c>
      <c r="F8" s="48"/>
      <c r="G8" s="48"/>
      <c r="H8" s="48"/>
      <c r="I8" s="49"/>
    </row>
    <row r="10" spans="1:9" x14ac:dyDescent="0.25">
      <c r="A10" s="53" t="s">
        <v>53</v>
      </c>
      <c r="B10" s="50"/>
      <c r="C10" s="50"/>
    </row>
    <row r="11" spans="1:9" x14ac:dyDescent="0.25">
      <c r="A11" t="s">
        <v>54</v>
      </c>
      <c r="D11" s="32">
        <v>0.51390000000000002</v>
      </c>
      <c r="E11" s="51">
        <f>D11*E7</f>
        <v>4.6578723518483087E-3</v>
      </c>
    </row>
    <row r="12" spans="1:9" x14ac:dyDescent="0.25">
      <c r="A12" t="s">
        <v>52</v>
      </c>
      <c r="D12" s="30">
        <v>0.26719999999999999</v>
      </c>
      <c r="E12" s="51">
        <f>D12*E8</f>
        <v>3.5600574945468342E-3</v>
      </c>
    </row>
    <row r="14" spans="1:9" x14ac:dyDescent="0.25">
      <c r="A14" t="s">
        <v>55</v>
      </c>
      <c r="B14" s="33" t="s">
        <v>56</v>
      </c>
    </row>
    <row r="15" spans="1:9" x14ac:dyDescent="0.25">
      <c r="A15" t="s">
        <v>57</v>
      </c>
      <c r="B15">
        <v>3.0599999999999999E-2</v>
      </c>
      <c r="C15" t="s">
        <v>58</v>
      </c>
    </row>
    <row r="16" spans="1:9" x14ac:dyDescent="0.25">
      <c r="A16" t="s">
        <v>59</v>
      </c>
      <c r="B16">
        <v>2.2800000000000001E-2</v>
      </c>
      <c r="C16" t="s">
        <v>58</v>
      </c>
    </row>
    <row r="17" spans="1:3" x14ac:dyDescent="0.25">
      <c r="A17" t="s">
        <v>33</v>
      </c>
      <c r="B17" s="51">
        <f>(B15*(5/7))+(B16*(2/7))</f>
        <v>2.8371428571428568E-2</v>
      </c>
      <c r="C17" s="52" t="s">
        <v>60</v>
      </c>
    </row>
    <row r="19" spans="1:3" x14ac:dyDescent="0.25">
      <c r="A19" s="69" t="s">
        <v>66</v>
      </c>
      <c r="B19" s="69"/>
    </row>
    <row r="20" spans="1:3" x14ac:dyDescent="0.25">
      <c r="A20" s="34" t="s">
        <v>61</v>
      </c>
      <c r="B20" s="54">
        <f>B17</f>
        <v>2.8371428571428568E-2</v>
      </c>
    </row>
    <row r="21" spans="1:3" x14ac:dyDescent="0.25">
      <c r="A21" s="34" t="s">
        <v>51</v>
      </c>
      <c r="B21" s="54">
        <f>E11</f>
        <v>4.6578723518483087E-3</v>
      </c>
    </row>
    <row r="22" spans="1:3" x14ac:dyDescent="0.25">
      <c r="A22" s="55" t="s">
        <v>62</v>
      </c>
      <c r="B22" s="56">
        <f>E12</f>
        <v>3.5600574945468342E-3</v>
      </c>
    </row>
    <row r="23" spans="1:3" x14ac:dyDescent="0.25">
      <c r="A23" s="57" t="s">
        <v>63</v>
      </c>
      <c r="B23" s="58">
        <f>ROUND(SUM(B20:B22),5)</f>
        <v>3.6589999999999998E-2</v>
      </c>
    </row>
    <row r="24" spans="1:3" x14ac:dyDescent="0.25">
      <c r="A24" s="34"/>
      <c r="B24" s="34"/>
    </row>
  </sheetData>
  <mergeCells count="2">
    <mergeCell ref="A4:E4"/>
    <mergeCell ref="A19:B19"/>
  </mergeCells>
  <pageMargins left="0.7" right="0.7" top="0.75" bottom="0.75" header="0.3" footer="0.3"/>
  <pageSetup scale="9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39"/>
  <sheetViews>
    <sheetView topLeftCell="B4" zoomScale="85" zoomScaleNormal="85" workbookViewId="0">
      <selection activeCell="K33" sqref="K33"/>
    </sheetView>
  </sheetViews>
  <sheetFormatPr defaultRowHeight="15" x14ac:dyDescent="0.25"/>
  <cols>
    <col min="1" max="1" width="0" hidden="1" customWidth="1"/>
    <col min="2" max="2" width="16.28515625" customWidth="1"/>
    <col min="3" max="3" width="14.28515625" customWidth="1"/>
    <col min="4" max="4" width="4" bestFit="1" customWidth="1"/>
    <col min="5" max="5" width="16.28515625" customWidth="1"/>
    <col min="6" max="6" width="21" bestFit="1" customWidth="1"/>
    <col min="7" max="8" width="16.140625" customWidth="1"/>
    <col min="9" max="9" width="14.140625" customWidth="1"/>
    <col min="10" max="10" width="18.5703125" customWidth="1"/>
    <col min="11" max="11" width="17.28515625" customWidth="1"/>
    <col min="12" max="12" width="9.5703125" bestFit="1" customWidth="1"/>
    <col min="13" max="13" width="18.28515625" bestFit="1" customWidth="1"/>
  </cols>
  <sheetData>
    <row r="1" spans="1:13" ht="15.75" x14ac:dyDescent="0.25">
      <c r="B1" s="59" t="s">
        <v>67</v>
      </c>
    </row>
    <row r="2" spans="1:13" x14ac:dyDescent="0.25">
      <c r="B2" s="50" t="s">
        <v>68</v>
      </c>
    </row>
    <row r="3" spans="1:13" x14ac:dyDescent="0.25">
      <c r="E3" s="24" t="s">
        <v>26</v>
      </c>
      <c r="F3" s="24" t="s">
        <v>30</v>
      </c>
      <c r="G3" s="27"/>
      <c r="H3" s="27"/>
    </row>
    <row r="4" spans="1:13" x14ac:dyDescent="0.25">
      <c r="E4" s="24" t="s">
        <v>27</v>
      </c>
      <c r="F4" s="24" t="s">
        <v>69</v>
      </c>
      <c r="G4" s="27" t="s">
        <v>32</v>
      </c>
      <c r="H4" s="25" t="s">
        <v>17</v>
      </c>
      <c r="I4" s="25" t="s">
        <v>17</v>
      </c>
      <c r="J4" s="25" t="s">
        <v>17</v>
      </c>
      <c r="K4" s="25"/>
      <c r="L4" s="27"/>
      <c r="M4" s="25" t="s">
        <v>35</v>
      </c>
    </row>
    <row r="5" spans="1:13" x14ac:dyDescent="0.25">
      <c r="B5" s="66" t="s">
        <v>43</v>
      </c>
      <c r="C5" s="66"/>
      <c r="E5" s="24">
        <v>1240</v>
      </c>
      <c r="F5" s="24">
        <v>9.3500000000000032</v>
      </c>
      <c r="G5" s="27" t="s">
        <v>33</v>
      </c>
      <c r="H5" s="27" t="s">
        <v>44</v>
      </c>
      <c r="I5" s="27" t="s">
        <v>44</v>
      </c>
      <c r="J5" s="27" t="s">
        <v>44</v>
      </c>
      <c r="K5" s="27" t="s">
        <v>41</v>
      </c>
      <c r="L5" s="25" t="s">
        <v>35</v>
      </c>
      <c r="M5" s="25" t="s">
        <v>37</v>
      </c>
    </row>
    <row r="6" spans="1:13" x14ac:dyDescent="0.25">
      <c r="A6" t="s">
        <v>38</v>
      </c>
      <c r="B6" s="19" t="s">
        <v>11</v>
      </c>
      <c r="C6" s="19" t="s">
        <v>12</v>
      </c>
      <c r="D6" s="17"/>
      <c r="E6" s="19" t="s">
        <v>28</v>
      </c>
      <c r="F6" s="26" t="s">
        <v>31</v>
      </c>
      <c r="G6" s="26" t="s">
        <v>34</v>
      </c>
      <c r="H6" s="26" t="s">
        <v>39</v>
      </c>
      <c r="I6" s="26" t="s">
        <v>36</v>
      </c>
      <c r="J6" s="26" t="s">
        <v>40</v>
      </c>
      <c r="K6" s="26" t="s">
        <v>39</v>
      </c>
      <c r="L6" s="26" t="s">
        <v>37</v>
      </c>
      <c r="M6" s="26" t="s">
        <v>42</v>
      </c>
    </row>
    <row r="7" spans="1:13" x14ac:dyDescent="0.25">
      <c r="A7">
        <v>1</v>
      </c>
      <c r="B7" s="28" t="s">
        <v>13</v>
      </c>
      <c r="C7">
        <v>1</v>
      </c>
      <c r="D7" t="s">
        <v>15</v>
      </c>
      <c r="E7" s="21">
        <f>$E$5*'Res Pivot'!G5</f>
        <v>42.260264618117446</v>
      </c>
      <c r="F7" s="21">
        <v>0</v>
      </c>
      <c r="G7" s="21">
        <f t="shared" ref="G7:G29" si="0">IF(F7&gt;E7,F7-E7,0)</f>
        <v>0</v>
      </c>
      <c r="H7" s="13"/>
    </row>
    <row r="8" spans="1:13" x14ac:dyDescent="0.25">
      <c r="A8">
        <v>2</v>
      </c>
      <c r="B8" s="14">
        <v>1</v>
      </c>
      <c r="C8">
        <v>2</v>
      </c>
      <c r="D8" t="s">
        <v>15</v>
      </c>
      <c r="E8" s="21">
        <f>$E$5*'Res Pivot'!G6</f>
        <v>40.610917799682625</v>
      </c>
      <c r="F8" s="21">
        <f>($F$5*730*0.2)*'Solar Pivot'!F5</f>
        <v>0</v>
      </c>
      <c r="G8" s="21">
        <f t="shared" si="0"/>
        <v>0</v>
      </c>
      <c r="H8" s="13"/>
    </row>
    <row r="9" spans="1:13" x14ac:dyDescent="0.25">
      <c r="A9">
        <v>3</v>
      </c>
      <c r="B9" s="14">
        <v>2</v>
      </c>
      <c r="C9">
        <v>3</v>
      </c>
      <c r="D9" t="s">
        <v>15</v>
      </c>
      <c r="E9" s="21">
        <f>$E$5*'Res Pivot'!G7</f>
        <v>40.699458329443026</v>
      </c>
      <c r="F9" s="21">
        <f>($F$5*730*0.2)*'Solar Pivot'!F6</f>
        <v>0</v>
      </c>
      <c r="G9" s="21">
        <f t="shared" si="0"/>
        <v>0</v>
      </c>
      <c r="H9" s="13"/>
    </row>
    <row r="10" spans="1:13" x14ac:dyDescent="0.25">
      <c r="A10">
        <v>4</v>
      </c>
      <c r="B10" s="14">
        <v>3</v>
      </c>
      <c r="C10">
        <v>4</v>
      </c>
      <c r="D10" t="s">
        <v>15</v>
      </c>
      <c r="E10" s="21">
        <f>$E$5*'Res Pivot'!G8</f>
        <v>41.275704772202815</v>
      </c>
      <c r="F10" s="21">
        <f>($F$5*730*0.2)*'Solar Pivot'!F7</f>
        <v>0</v>
      </c>
      <c r="G10" s="21">
        <f t="shared" si="0"/>
        <v>0</v>
      </c>
      <c r="H10" s="13"/>
    </row>
    <row r="11" spans="1:13" x14ac:dyDescent="0.25">
      <c r="A11">
        <v>5</v>
      </c>
      <c r="B11" s="14">
        <v>4</v>
      </c>
      <c r="C11">
        <v>5</v>
      </c>
      <c r="D11" t="s">
        <v>15</v>
      </c>
      <c r="E11" s="21">
        <f>$E$5*'Res Pivot'!G9</f>
        <v>44.157015790866218</v>
      </c>
      <c r="F11" s="21">
        <f>($F$5*730*0.2)*'Solar Pivot'!F8</f>
        <v>0</v>
      </c>
      <c r="G11" s="21">
        <f t="shared" si="0"/>
        <v>0</v>
      </c>
      <c r="H11" s="13"/>
    </row>
    <row r="12" spans="1:13" x14ac:dyDescent="0.25">
      <c r="A12">
        <v>6</v>
      </c>
      <c r="B12" s="14">
        <v>5</v>
      </c>
      <c r="C12">
        <v>6</v>
      </c>
      <c r="D12" t="s">
        <v>15</v>
      </c>
      <c r="E12" s="21">
        <f>$E$5*'Res Pivot'!G10</f>
        <v>49.429367150460791</v>
      </c>
      <c r="F12" s="21">
        <f>($F$5*730*0.2)*'Solar Pivot'!F9</f>
        <v>0</v>
      </c>
      <c r="G12" s="21">
        <f t="shared" si="0"/>
        <v>0</v>
      </c>
      <c r="H12" s="13"/>
      <c r="K12" s="29"/>
    </row>
    <row r="13" spans="1:13" x14ac:dyDescent="0.25">
      <c r="A13">
        <v>7</v>
      </c>
      <c r="B13" s="14">
        <v>6</v>
      </c>
      <c r="C13">
        <v>7</v>
      </c>
      <c r="D13" t="s">
        <v>15</v>
      </c>
      <c r="E13" s="21">
        <f>$E$5*'Res Pivot'!G11</f>
        <v>48.876236785185583</v>
      </c>
      <c r="F13" s="21">
        <f>($F$5*730*0.2)*'Solar Pivot'!F10</f>
        <v>0</v>
      </c>
      <c r="G13" s="21">
        <f t="shared" si="0"/>
        <v>0</v>
      </c>
      <c r="H13" s="13"/>
      <c r="K13" s="29"/>
      <c r="L13" s="29"/>
      <c r="M13" s="29"/>
    </row>
    <row r="14" spans="1:13" x14ac:dyDescent="0.25">
      <c r="A14">
        <v>8</v>
      </c>
      <c r="B14" s="14">
        <v>7</v>
      </c>
      <c r="C14">
        <v>8</v>
      </c>
      <c r="D14" t="s">
        <v>15</v>
      </c>
      <c r="E14" s="21">
        <f>$E$5*'Res Pivot'!G12</f>
        <v>49.355221020675927</v>
      </c>
      <c r="F14" s="21">
        <f>($F$5*730*0.2)*'Solar Pivot'!F11</f>
        <v>6.3194065226740674</v>
      </c>
      <c r="G14" s="21">
        <f t="shared" si="0"/>
        <v>0</v>
      </c>
      <c r="H14" s="13"/>
      <c r="K14" s="29">
        <f>G14/F14</f>
        <v>0</v>
      </c>
      <c r="L14" s="29">
        <v>0.3611111111111111</v>
      </c>
      <c r="M14" s="29">
        <f>L14*K14</f>
        <v>0</v>
      </c>
    </row>
    <row r="15" spans="1:13" x14ac:dyDescent="0.25">
      <c r="A15">
        <v>9</v>
      </c>
      <c r="B15" s="60">
        <v>8</v>
      </c>
      <c r="C15" s="61">
        <v>9</v>
      </c>
      <c r="D15" s="61" t="s">
        <v>15</v>
      </c>
      <c r="E15" s="63">
        <f>$E$5*'Res Pivot'!G13</f>
        <v>50.686786388188935</v>
      </c>
      <c r="F15" s="63">
        <f>($F$5*730*0.2)*'Solar Pivot'!F12</f>
        <v>32.552530144534536</v>
      </c>
      <c r="G15" s="63">
        <f>IF(F15&gt;E15,F15-E15,0)</f>
        <v>0</v>
      </c>
      <c r="H15" s="13"/>
      <c r="K15" s="29">
        <f>G15/F15</f>
        <v>0</v>
      </c>
      <c r="L15" s="29">
        <v>8.3333333333333329E-2</v>
      </c>
      <c r="M15" s="29">
        <f>L15*K15</f>
        <v>0</v>
      </c>
    </row>
    <row r="16" spans="1:13" x14ac:dyDescent="0.25">
      <c r="A16">
        <v>10</v>
      </c>
      <c r="B16" s="14">
        <v>9</v>
      </c>
      <c r="C16">
        <v>10</v>
      </c>
      <c r="D16" t="s">
        <v>15</v>
      </c>
      <c r="E16" s="21">
        <f>$E$5*'Res Pivot'!G14</f>
        <v>50.085333340573293</v>
      </c>
      <c r="F16" s="21">
        <f>($F$5*730*0.2)*'Solar Pivot'!F13</f>
        <v>82.073526982618148</v>
      </c>
      <c r="G16" s="21">
        <f>IF(F16&gt;E16,F16-E16,0)</f>
        <v>31.988193642044855</v>
      </c>
      <c r="H16" s="13"/>
      <c r="K16" s="29">
        <f>G16/F16</f>
        <v>0.38975044473011911</v>
      </c>
      <c r="L16" s="29">
        <v>2.7777777777777776E-2</v>
      </c>
      <c r="M16" s="29">
        <f>L16*K16</f>
        <v>1.0826401242503308E-2</v>
      </c>
    </row>
    <row r="17" spans="1:13" x14ac:dyDescent="0.25">
      <c r="A17">
        <v>11</v>
      </c>
      <c r="B17" s="14">
        <v>10</v>
      </c>
      <c r="C17">
        <v>11</v>
      </c>
      <c r="D17" t="s">
        <v>15</v>
      </c>
      <c r="E17" s="21">
        <f>$E$5*'Res Pivot'!G15</f>
        <v>50.518100191175826</v>
      </c>
      <c r="F17" s="21">
        <f>($F$5*730*0.2)*'Solar Pivot'!F14</f>
        <v>129.70192688362999</v>
      </c>
      <c r="G17" s="21">
        <f t="shared" si="0"/>
        <v>79.183826692454176</v>
      </c>
      <c r="H17" s="13"/>
      <c r="K17" s="29"/>
      <c r="L17" s="29"/>
      <c r="M17" s="29"/>
    </row>
    <row r="18" spans="1:13" x14ac:dyDescent="0.25">
      <c r="A18">
        <v>12</v>
      </c>
      <c r="B18" s="14">
        <v>11</v>
      </c>
      <c r="C18">
        <v>12</v>
      </c>
      <c r="D18" t="s">
        <v>15</v>
      </c>
      <c r="E18" s="21">
        <f>$E$5*'Res Pivot'!G16</f>
        <v>51.526471935527127</v>
      </c>
      <c r="F18" s="21">
        <f>($F$5*730*0.2)*'Solar Pivot'!F15</f>
        <v>162.83591271653523</v>
      </c>
      <c r="G18" s="21">
        <f t="shared" si="0"/>
        <v>111.30944078100811</v>
      </c>
      <c r="H18" s="13"/>
      <c r="K18" s="29"/>
      <c r="L18" s="29"/>
      <c r="M18" s="29"/>
    </row>
    <row r="19" spans="1:13" x14ac:dyDescent="0.25">
      <c r="A19">
        <v>13</v>
      </c>
      <c r="B19">
        <v>12</v>
      </c>
      <c r="C19">
        <v>1</v>
      </c>
      <c r="D19" t="s">
        <v>16</v>
      </c>
      <c r="E19" s="21">
        <f>$E$5*'Res Pivot'!G17</f>
        <v>52.576279851827799</v>
      </c>
      <c r="F19" s="21">
        <f>($F$5*730*0.2)*'Solar Pivot'!F16</f>
        <v>177.22840963685323</v>
      </c>
      <c r="G19" s="21">
        <f t="shared" si="0"/>
        <v>124.65212978502544</v>
      </c>
      <c r="H19" s="29"/>
      <c r="I19" s="29"/>
      <c r="J19" s="29"/>
      <c r="K19" s="29"/>
      <c r="L19" s="29"/>
      <c r="M19" s="29"/>
    </row>
    <row r="20" spans="1:13" x14ac:dyDescent="0.25">
      <c r="A20">
        <v>14</v>
      </c>
      <c r="B20">
        <v>1</v>
      </c>
      <c r="C20">
        <v>2</v>
      </c>
      <c r="D20" t="s">
        <v>16</v>
      </c>
      <c r="E20" s="21">
        <f>$E$5*'Res Pivot'!G18</f>
        <v>54.950965860103608</v>
      </c>
      <c r="F20" s="21">
        <f>($F$5*730*0.2)*'Solar Pivot'!F17</f>
        <v>180.75055309436479</v>
      </c>
      <c r="G20" s="21">
        <f t="shared" si="0"/>
        <v>125.79958723426118</v>
      </c>
      <c r="H20" s="29"/>
      <c r="I20" s="29"/>
      <c r="J20" s="29"/>
      <c r="K20" s="29">
        <f t="shared" ref="K20:K26" si="1">G20/F20</f>
        <v>0.69598452165501667</v>
      </c>
      <c r="L20" s="29">
        <v>2.7777777777777776E-2</v>
      </c>
      <c r="M20" s="29">
        <f t="shared" ref="M20:M26" si="2">L20*K20</f>
        <v>1.9332903379306019E-2</v>
      </c>
    </row>
    <row r="21" spans="1:13" x14ac:dyDescent="0.25">
      <c r="A21">
        <v>15</v>
      </c>
      <c r="B21">
        <v>2</v>
      </c>
      <c r="C21">
        <v>3</v>
      </c>
      <c r="D21" t="s">
        <v>16</v>
      </c>
      <c r="E21" s="21">
        <f>$E$5*'Res Pivot'!G19</f>
        <v>57.851372401381703</v>
      </c>
      <c r="F21" s="21">
        <f>($F$5*730*0.2)*'Solar Pivot'!F18</f>
        <v>178.74443258139942</v>
      </c>
      <c r="G21" s="21">
        <f t="shared" si="0"/>
        <v>120.89306018001773</v>
      </c>
      <c r="H21" s="29">
        <f>G21/F21</f>
        <v>0.67634587793364453</v>
      </c>
      <c r="I21" s="29">
        <v>0.05</v>
      </c>
      <c r="J21" s="29">
        <f>I21*H21</f>
        <v>3.3817293896682227E-2</v>
      </c>
      <c r="K21" s="29">
        <f t="shared" si="1"/>
        <v>0.67634587793364453</v>
      </c>
      <c r="L21" s="29">
        <v>5.5555555555555552E-2</v>
      </c>
      <c r="M21" s="29">
        <f t="shared" si="2"/>
        <v>3.7574770996313581E-2</v>
      </c>
    </row>
    <row r="22" spans="1:13" x14ac:dyDescent="0.25">
      <c r="A22">
        <v>16</v>
      </c>
      <c r="B22">
        <v>3</v>
      </c>
      <c r="C22">
        <v>4</v>
      </c>
      <c r="D22" t="s">
        <v>16</v>
      </c>
      <c r="E22" s="21">
        <f>$E$5*'Res Pivot'!G20</f>
        <v>60.063718910396148</v>
      </c>
      <c r="F22" s="21">
        <f>($F$5*730*0.2)*'Solar Pivot'!F19</f>
        <v>162.33657753876514</v>
      </c>
      <c r="G22" s="21">
        <f t="shared" si="0"/>
        <v>102.27285862836899</v>
      </c>
      <c r="H22" s="29">
        <f t="shared" ref="H22:H24" si="3">G22/F22</f>
        <v>0.63000501907185247</v>
      </c>
      <c r="I22" s="29">
        <v>0.15</v>
      </c>
      <c r="J22" s="29">
        <f>I22*H22</f>
        <v>9.4500752860777873E-2</v>
      </c>
      <c r="K22" s="29">
        <f t="shared" si="1"/>
        <v>0.63000501907185247</v>
      </c>
      <c r="L22" s="29">
        <v>5.5555555555555552E-2</v>
      </c>
      <c r="M22" s="29">
        <f t="shared" si="2"/>
        <v>3.5000278837325136E-2</v>
      </c>
    </row>
    <row r="23" spans="1:13" x14ac:dyDescent="0.25">
      <c r="A23">
        <v>17</v>
      </c>
      <c r="B23">
        <v>4</v>
      </c>
      <c r="C23" s="34">
        <v>5</v>
      </c>
      <c r="D23" t="s">
        <v>16</v>
      </c>
      <c r="E23" s="21">
        <f>$E$5*'Res Pivot'!G21</f>
        <v>62.304840064586372</v>
      </c>
      <c r="F23" s="21">
        <f>($F$5*730*0.2)*'Solar Pivot'!F20</f>
        <v>128.74040575414804</v>
      </c>
      <c r="G23" s="21">
        <f t="shared" si="0"/>
        <v>66.43556568956167</v>
      </c>
      <c r="H23" s="29">
        <f t="shared" si="3"/>
        <v>0.51604284840015047</v>
      </c>
      <c r="I23" s="29">
        <v>0.7</v>
      </c>
      <c r="J23" s="29">
        <f t="shared" ref="J22:J24" si="4">I23*H23</f>
        <v>0.36122999388010529</v>
      </c>
      <c r="K23" s="29">
        <f t="shared" si="1"/>
        <v>0.51604284840015047</v>
      </c>
      <c r="L23" s="29">
        <v>0.30555555555555558</v>
      </c>
      <c r="M23" s="29">
        <f t="shared" si="2"/>
        <v>0.15767975923337932</v>
      </c>
    </row>
    <row r="24" spans="1:13" x14ac:dyDescent="0.25">
      <c r="A24">
        <v>18</v>
      </c>
      <c r="B24" s="61">
        <v>5</v>
      </c>
      <c r="C24" s="61">
        <v>6</v>
      </c>
      <c r="D24" s="61" t="s">
        <v>16</v>
      </c>
      <c r="E24" s="63">
        <f>$E$5*'Res Pivot'!G22</f>
        <v>62.318455484050617</v>
      </c>
      <c r="F24" s="63">
        <f>($F$5*730*0.2)*'Solar Pivot'!F21</f>
        <v>82.413425480853505</v>
      </c>
      <c r="G24" s="63">
        <f t="shared" si="0"/>
        <v>20.094969996802888</v>
      </c>
      <c r="H24" s="29">
        <f t="shared" si="3"/>
        <v>0.24383126753384862</v>
      </c>
      <c r="I24" s="29">
        <v>0.1</v>
      </c>
      <c r="J24" s="29">
        <f t="shared" si="4"/>
        <v>2.4383126753384863E-2</v>
      </c>
      <c r="K24" s="29">
        <f t="shared" si="1"/>
        <v>0.24383126753384862</v>
      </c>
      <c r="L24" s="29">
        <v>2.7777777777777776E-2</v>
      </c>
      <c r="M24" s="29">
        <f t="shared" si="2"/>
        <v>6.7730907648291278E-3</v>
      </c>
    </row>
    <row r="25" spans="1:13" x14ac:dyDescent="0.25">
      <c r="A25">
        <v>19</v>
      </c>
      <c r="B25">
        <v>6</v>
      </c>
      <c r="C25">
        <v>7</v>
      </c>
      <c r="D25" t="s">
        <v>16</v>
      </c>
      <c r="E25" s="21">
        <f>$E$5*'Res Pivot'!G23</f>
        <v>61.436660466211208</v>
      </c>
      <c r="F25" s="21">
        <f>($F$5*730*0.2)*'Solar Pivot'!F22</f>
        <v>34.370247211785916</v>
      </c>
      <c r="G25" s="21">
        <f t="shared" si="0"/>
        <v>0</v>
      </c>
      <c r="H25" s="13"/>
      <c r="K25" s="29">
        <f t="shared" si="1"/>
        <v>0</v>
      </c>
      <c r="L25" s="29">
        <v>2.7777777777777776E-2</v>
      </c>
      <c r="M25" s="29">
        <f t="shared" si="2"/>
        <v>0</v>
      </c>
    </row>
    <row r="26" spans="1:13" x14ac:dyDescent="0.25">
      <c r="A26">
        <v>20</v>
      </c>
      <c r="B26">
        <v>7</v>
      </c>
      <c r="C26">
        <v>8</v>
      </c>
      <c r="D26" t="s">
        <v>16</v>
      </c>
      <c r="E26" s="21">
        <f>$E$5*'Res Pivot'!G24</f>
        <v>61.411348848977305</v>
      </c>
      <c r="F26" s="21">
        <f>($F$5*730*0.2)*'Solar Pivot'!F23</f>
        <v>7.0326454518383272</v>
      </c>
      <c r="G26" s="21">
        <f t="shared" si="0"/>
        <v>0</v>
      </c>
      <c r="H26" s="13"/>
      <c r="K26" s="29">
        <f t="shared" si="1"/>
        <v>0</v>
      </c>
      <c r="L26" s="29">
        <v>2.7777777777777776E-2</v>
      </c>
      <c r="M26" s="29">
        <f t="shared" si="2"/>
        <v>0</v>
      </c>
    </row>
    <row r="27" spans="1:13" x14ac:dyDescent="0.25">
      <c r="A27">
        <v>21</v>
      </c>
      <c r="B27">
        <v>8</v>
      </c>
      <c r="C27">
        <v>9</v>
      </c>
      <c r="D27" t="s">
        <v>16</v>
      </c>
      <c r="E27" s="21">
        <f>$E$5*'Res Pivot'!G25</f>
        <v>59.604357025728405</v>
      </c>
      <c r="F27" s="21">
        <f>($F$5*730*0.2)*'Solar Pivot'!F24</f>
        <v>0</v>
      </c>
      <c r="G27" s="21">
        <f t="shared" si="0"/>
        <v>0</v>
      </c>
      <c r="H27" s="13"/>
    </row>
    <row r="28" spans="1:13" x14ac:dyDescent="0.25">
      <c r="A28">
        <v>22</v>
      </c>
      <c r="B28">
        <v>9</v>
      </c>
      <c r="C28">
        <v>10</v>
      </c>
      <c r="D28" t="s">
        <v>16</v>
      </c>
      <c r="E28" s="21">
        <f>$E$5*'Res Pivot'!G26</f>
        <v>54.669004695695925</v>
      </c>
      <c r="F28" s="21">
        <f>($F$5*730*0.2)*'Solar Pivot'!F25</f>
        <v>0</v>
      </c>
      <c r="G28" s="21">
        <f t="shared" si="0"/>
        <v>0</v>
      </c>
      <c r="H28" s="13"/>
    </row>
    <row r="29" spans="1:13" x14ac:dyDescent="0.25">
      <c r="A29">
        <v>23</v>
      </c>
      <c r="B29">
        <v>10</v>
      </c>
      <c r="C29">
        <v>11</v>
      </c>
      <c r="D29" t="s">
        <v>16</v>
      </c>
      <c r="E29" s="39">
        <f>$E$5*'Res Pivot'!G27</f>
        <v>48.669888941812964</v>
      </c>
      <c r="F29" s="39">
        <f>($F$5*730*0.2)*'Solar Pivot'!F26</f>
        <v>0</v>
      </c>
      <c r="G29" s="39">
        <f t="shared" si="0"/>
        <v>0</v>
      </c>
      <c r="H29" s="65"/>
      <c r="I29" s="38"/>
      <c r="J29" s="38"/>
      <c r="K29" s="38"/>
      <c r="L29" s="38"/>
      <c r="M29" s="38"/>
    </row>
    <row r="30" spans="1:13" x14ac:dyDescent="0.25">
      <c r="A30">
        <v>0</v>
      </c>
      <c r="B30">
        <v>11</v>
      </c>
      <c r="C30" s="28" t="s">
        <v>13</v>
      </c>
      <c r="E30" s="64">
        <f>$E$5*'Res Pivot'!G4</f>
        <v>44.662229327128308</v>
      </c>
      <c r="F30" s="64">
        <f>($F$5*730*0.2)*'Solar Pivot'!F3</f>
        <v>0</v>
      </c>
      <c r="G30" s="64">
        <f>IF(F30&gt;E30,F30-E30,0)</f>
        <v>0</v>
      </c>
      <c r="H30" s="18"/>
      <c r="I30" s="17"/>
      <c r="J30" s="17"/>
      <c r="K30" s="17"/>
      <c r="L30" s="17"/>
      <c r="M30" s="17"/>
    </row>
    <row r="31" spans="1:13" x14ac:dyDescent="0.25">
      <c r="E31" s="23">
        <f>SUM(E7:E30)</f>
        <v>1239.9999999999998</v>
      </c>
      <c r="F31" s="23">
        <f>SUM(F7:F30)</f>
        <v>1365.1000000000004</v>
      </c>
      <c r="G31" s="23">
        <f>SUM(G7:G30)</f>
        <v>782.62963262954509</v>
      </c>
      <c r="H31" s="23"/>
      <c r="I31">
        <f>SUM(I7:I29)</f>
        <v>0.99999999999999989</v>
      </c>
      <c r="J31" s="32">
        <f>SUM(J21:J24)</f>
        <v>0.51393116739095024</v>
      </c>
      <c r="K31" s="31"/>
      <c r="L31">
        <f>SUM(L7:L29)</f>
        <v>1</v>
      </c>
      <c r="M31" s="32">
        <f>SUM(M7:M29)</f>
        <v>0.26718720445365651</v>
      </c>
    </row>
    <row r="33" spans="3:8" x14ac:dyDescent="0.25">
      <c r="F33" s="28"/>
      <c r="G33" s="30"/>
      <c r="H33" s="30"/>
    </row>
    <row r="34" spans="3:8" x14ac:dyDescent="0.25">
      <c r="E34" s="62" t="s">
        <v>70</v>
      </c>
    </row>
    <row r="35" spans="3:8" x14ac:dyDescent="0.25">
      <c r="C35" t="s">
        <v>45</v>
      </c>
      <c r="E35" s="23">
        <f>SUM(E7:E14,E25:E30)-SUM(F14,F25:F26)</f>
        <v>639.39537638589013</v>
      </c>
      <c r="F35" s="23"/>
      <c r="G35" s="23"/>
    </row>
    <row r="36" spans="3:8" x14ac:dyDescent="0.25">
      <c r="C36" t="s">
        <v>34</v>
      </c>
      <c r="E36" s="23">
        <f>G31</f>
        <v>782.62963262954509</v>
      </c>
    </row>
    <row r="37" spans="3:8" x14ac:dyDescent="0.25">
      <c r="C37" t="s">
        <v>46</v>
      </c>
      <c r="E37" s="23">
        <f>E31-E35</f>
        <v>600.60462361410964</v>
      </c>
      <c r="F37" s="16"/>
    </row>
    <row r="39" spans="3:8" x14ac:dyDescent="0.25">
      <c r="E39" s="16"/>
      <c r="F39" s="16"/>
    </row>
  </sheetData>
  <mergeCells count="1">
    <mergeCell ref="B5:C5"/>
  </mergeCells>
  <pageMargins left="0.7" right="0.7" top="0.75" bottom="0.75" header="0.3" footer="0.3"/>
  <pageSetup scale="67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5"/>
  <sheetViews>
    <sheetView topLeftCell="A4" workbookViewId="0">
      <selection activeCell="K23" sqref="K23"/>
    </sheetView>
  </sheetViews>
  <sheetFormatPr defaultRowHeight="15" x14ac:dyDescent="0.25"/>
  <cols>
    <col min="1" max="1" width="13.140625" bestFit="1" customWidth="1"/>
    <col min="2" max="2" width="19.7109375" bestFit="1" customWidth="1"/>
  </cols>
  <sheetData>
    <row r="1" spans="1:7" x14ac:dyDescent="0.25">
      <c r="A1" t="s">
        <v>72</v>
      </c>
    </row>
    <row r="3" spans="1:7" x14ac:dyDescent="0.25">
      <c r="A3" s="11" t="s">
        <v>9</v>
      </c>
      <c r="B3" t="s">
        <v>71</v>
      </c>
      <c r="C3" t="s">
        <v>11</v>
      </c>
      <c r="D3" t="s">
        <v>12</v>
      </c>
    </row>
    <row r="4" spans="1:7" x14ac:dyDescent="0.25">
      <c r="A4" s="12">
        <v>0</v>
      </c>
      <c r="B4" s="16">
        <v>-4.9801000000000123E-2</v>
      </c>
      <c r="C4">
        <v>11</v>
      </c>
      <c r="D4" t="s">
        <v>13</v>
      </c>
      <c r="F4" t="s">
        <v>29</v>
      </c>
    </row>
    <row r="5" spans="1:7" x14ac:dyDescent="0.25">
      <c r="A5" s="12">
        <v>1</v>
      </c>
      <c r="B5" s="16">
        <v>-4.9801000000000123E-2</v>
      </c>
      <c r="C5" t="s">
        <v>14</v>
      </c>
      <c r="D5">
        <v>1</v>
      </c>
      <c r="E5" t="s">
        <v>15</v>
      </c>
    </row>
    <row r="6" spans="1:7" x14ac:dyDescent="0.25">
      <c r="A6" s="12">
        <v>2</v>
      </c>
      <c r="B6" s="16">
        <v>-4.9801000000000123E-2</v>
      </c>
      <c r="C6" s="14">
        <v>1</v>
      </c>
      <c r="D6">
        <v>2</v>
      </c>
      <c r="E6" t="s">
        <v>15</v>
      </c>
    </row>
    <row r="7" spans="1:7" x14ac:dyDescent="0.25">
      <c r="A7" s="12">
        <v>3</v>
      </c>
      <c r="B7" s="16">
        <v>-4.9801000000000123E-2</v>
      </c>
      <c r="C7" s="14">
        <v>2</v>
      </c>
      <c r="D7">
        <v>3</v>
      </c>
      <c r="E7" t="s">
        <v>15</v>
      </c>
    </row>
    <row r="8" spans="1:7" x14ac:dyDescent="0.25">
      <c r="A8" s="12">
        <v>4</v>
      </c>
      <c r="B8" s="16">
        <v>-4.9801000000000123E-2</v>
      </c>
      <c r="C8" s="14">
        <v>3</v>
      </c>
      <c r="D8">
        <v>4</v>
      </c>
      <c r="E8" t="s">
        <v>15</v>
      </c>
    </row>
    <row r="9" spans="1:7" x14ac:dyDescent="0.25">
      <c r="A9" s="12">
        <v>5</v>
      </c>
      <c r="B9" s="16">
        <v>-4.9801000000000123E-2</v>
      </c>
      <c r="C9" s="14">
        <v>4</v>
      </c>
      <c r="D9">
        <v>5</v>
      </c>
      <c r="E9" t="s">
        <v>15</v>
      </c>
    </row>
    <row r="10" spans="1:7" x14ac:dyDescent="0.25">
      <c r="A10" s="12">
        <v>6</v>
      </c>
      <c r="B10" s="16">
        <v>-2.5770685176646067E-2</v>
      </c>
      <c r="C10" s="14">
        <v>5</v>
      </c>
      <c r="D10">
        <v>6</v>
      </c>
      <c r="E10" t="s">
        <v>15</v>
      </c>
    </row>
    <row r="11" spans="1:7" x14ac:dyDescent="0.25">
      <c r="A11" s="12">
        <v>7</v>
      </c>
      <c r="B11" s="16">
        <v>0.49000631551011437</v>
      </c>
      <c r="C11" s="14">
        <v>6</v>
      </c>
      <c r="D11">
        <v>7</v>
      </c>
      <c r="E11" t="s">
        <v>15</v>
      </c>
      <c r="F11">
        <f>B11/$B$29</f>
        <v>4.6292627079877408E-3</v>
      </c>
    </row>
    <row r="12" spans="1:7" x14ac:dyDescent="0.25">
      <c r="A12" s="12">
        <v>8</v>
      </c>
      <c r="B12" s="16">
        <v>2.5241207856185883</v>
      </c>
      <c r="C12" s="14">
        <v>7</v>
      </c>
      <c r="D12">
        <v>8</v>
      </c>
      <c r="E12" t="s">
        <v>15</v>
      </c>
      <c r="F12">
        <f t="shared" ref="F12:F23" si="0">B12/$B$29</f>
        <v>2.3846260453105651E-2</v>
      </c>
    </row>
    <row r="13" spans="1:7" x14ac:dyDescent="0.25">
      <c r="A13" s="12">
        <v>9</v>
      </c>
      <c r="B13" s="16">
        <v>6.3639752266886882</v>
      </c>
      <c r="C13" s="72">
        <v>8</v>
      </c>
      <c r="D13" s="34">
        <v>9</v>
      </c>
      <c r="E13" t="s">
        <v>15</v>
      </c>
      <c r="F13">
        <f t="shared" si="0"/>
        <v>6.0122721399617697E-2</v>
      </c>
      <c r="G13" s="16"/>
    </row>
    <row r="14" spans="1:7" x14ac:dyDescent="0.25">
      <c r="A14" s="12">
        <v>10</v>
      </c>
      <c r="B14" s="16">
        <v>10.057077840897705</v>
      </c>
      <c r="C14" s="72">
        <v>9</v>
      </c>
      <c r="D14" s="34">
        <v>10</v>
      </c>
      <c r="E14" t="s">
        <v>15</v>
      </c>
      <c r="F14">
        <f t="shared" si="0"/>
        <v>9.5012766012475242E-2</v>
      </c>
      <c r="G14" s="16"/>
    </row>
    <row r="15" spans="1:7" x14ac:dyDescent="0.25">
      <c r="A15" s="12">
        <v>11</v>
      </c>
      <c r="B15" s="16">
        <v>12.626284657691633</v>
      </c>
      <c r="C15" s="72">
        <v>10</v>
      </c>
      <c r="D15" s="34">
        <v>11</v>
      </c>
      <c r="E15" t="s">
        <v>15</v>
      </c>
      <c r="F15">
        <f t="shared" si="0"/>
        <v>0.11928497012419249</v>
      </c>
    </row>
    <row r="16" spans="1:7" x14ac:dyDescent="0.25">
      <c r="A16" s="12">
        <v>12</v>
      </c>
      <c r="B16" s="16">
        <v>13.742277806986834</v>
      </c>
      <c r="C16" s="72">
        <v>11</v>
      </c>
      <c r="D16" s="34">
        <v>12</v>
      </c>
      <c r="E16" t="s">
        <v>15</v>
      </c>
      <c r="F16">
        <f t="shared" si="0"/>
        <v>0.12982815151772994</v>
      </c>
    </row>
    <row r="17" spans="1:6" x14ac:dyDescent="0.25">
      <c r="A17" s="12">
        <v>13</v>
      </c>
      <c r="B17" s="16">
        <v>14.015384550811728</v>
      </c>
      <c r="C17" s="34">
        <v>12</v>
      </c>
      <c r="D17" s="34">
        <v>1</v>
      </c>
      <c r="E17" t="s">
        <v>16</v>
      </c>
      <c r="F17">
        <f t="shared" si="0"/>
        <v>0.13240828737408594</v>
      </c>
    </row>
    <row r="18" spans="1:6" x14ac:dyDescent="0.25">
      <c r="A18" s="12">
        <v>14</v>
      </c>
      <c r="B18" s="16">
        <v>13.859830114251844</v>
      </c>
      <c r="C18" s="34">
        <v>1</v>
      </c>
      <c r="D18" s="34">
        <v>2</v>
      </c>
      <c r="E18" t="s">
        <v>16</v>
      </c>
      <c r="F18">
        <f t="shared" si="0"/>
        <v>0.13093870967797183</v>
      </c>
    </row>
    <row r="19" spans="1:6" x14ac:dyDescent="0.25">
      <c r="A19" s="12">
        <v>15</v>
      </c>
      <c r="B19" s="16">
        <v>12.587566244849254</v>
      </c>
      <c r="C19" s="34">
        <v>2</v>
      </c>
      <c r="D19" s="34">
        <v>3</v>
      </c>
      <c r="E19" t="s">
        <v>16</v>
      </c>
      <c r="F19">
        <f t="shared" si="0"/>
        <v>0.11891918360469202</v>
      </c>
    </row>
    <row r="20" spans="1:6" x14ac:dyDescent="0.25">
      <c r="A20" s="12">
        <v>16</v>
      </c>
      <c r="B20" s="16">
        <v>9.9825215634605602</v>
      </c>
      <c r="C20" s="34">
        <v>3</v>
      </c>
      <c r="D20" s="34">
        <v>4</v>
      </c>
      <c r="E20" t="s">
        <v>16</v>
      </c>
      <c r="F20">
        <f t="shared" si="0"/>
        <v>9.4308406530032945E-2</v>
      </c>
    </row>
    <row r="21" spans="1:6" x14ac:dyDescent="0.25">
      <c r="A21" s="12">
        <v>17</v>
      </c>
      <c r="B21" s="16">
        <v>6.3903309311634882</v>
      </c>
      <c r="C21" s="34">
        <v>4</v>
      </c>
      <c r="D21" s="34">
        <v>5</v>
      </c>
      <c r="E21" t="s">
        <v>16</v>
      </c>
      <c r="F21">
        <f t="shared" si="0"/>
        <v>6.0371713047288451E-2</v>
      </c>
    </row>
    <row r="22" spans="1:6" x14ac:dyDescent="0.25">
      <c r="A22" s="12">
        <v>18</v>
      </c>
      <c r="B22" s="16">
        <v>2.66506643289858</v>
      </c>
      <c r="C22" s="34">
        <v>5</v>
      </c>
      <c r="D22" s="34">
        <v>6</v>
      </c>
      <c r="E22" t="s">
        <v>16</v>
      </c>
      <c r="F22">
        <f t="shared" si="0"/>
        <v>2.5177823757809612E-2</v>
      </c>
    </row>
    <row r="23" spans="1:6" x14ac:dyDescent="0.25">
      <c r="A23" s="12">
        <v>19</v>
      </c>
      <c r="B23" s="16">
        <v>0.54531080945336363</v>
      </c>
      <c r="C23">
        <v>6</v>
      </c>
      <c r="D23">
        <v>7</v>
      </c>
      <c r="E23" t="s">
        <v>16</v>
      </c>
      <c r="F23">
        <f t="shared" si="0"/>
        <v>5.1517437930102732E-3</v>
      </c>
    </row>
    <row r="24" spans="1:6" x14ac:dyDescent="0.25">
      <c r="A24" s="12">
        <v>20</v>
      </c>
      <c r="B24" s="16">
        <v>-5.9105814011405624E-3</v>
      </c>
      <c r="C24">
        <v>7</v>
      </c>
      <c r="D24">
        <v>8</v>
      </c>
      <c r="E24" t="s">
        <v>16</v>
      </c>
    </row>
    <row r="25" spans="1:6" x14ac:dyDescent="0.25">
      <c r="A25" s="12">
        <v>21</v>
      </c>
      <c r="B25" s="16">
        <v>-4.9801000000000123E-2</v>
      </c>
      <c r="C25">
        <v>8</v>
      </c>
      <c r="D25">
        <v>9</v>
      </c>
      <c r="E25" t="s">
        <v>16</v>
      </c>
    </row>
    <row r="26" spans="1:6" x14ac:dyDescent="0.25">
      <c r="A26" s="12">
        <v>22</v>
      </c>
      <c r="B26" s="16">
        <v>-4.9801000000000123E-2</v>
      </c>
      <c r="C26">
        <v>9</v>
      </c>
      <c r="D26">
        <v>10</v>
      </c>
      <c r="E26" t="s">
        <v>16</v>
      </c>
    </row>
    <row r="27" spans="1:6" x14ac:dyDescent="0.25">
      <c r="A27" s="12">
        <v>23</v>
      </c>
      <c r="B27" s="16">
        <v>-4.9801000000000123E-2</v>
      </c>
      <c r="C27">
        <v>10</v>
      </c>
      <c r="D27">
        <v>11</v>
      </c>
      <c r="E27" t="s">
        <v>16</v>
      </c>
    </row>
    <row r="28" spans="1:6" x14ac:dyDescent="0.25">
      <c r="A28" s="12" t="s">
        <v>10</v>
      </c>
      <c r="B28" s="16">
        <v>4.3904109589041704</v>
      </c>
    </row>
    <row r="29" spans="1:6" x14ac:dyDescent="0.25">
      <c r="B29" s="16">
        <f>SUM(B11:B23)</f>
        <v>105.8497532802824</v>
      </c>
    </row>
    <row r="31" spans="1:6" x14ac:dyDescent="0.25">
      <c r="B31" s="15"/>
    </row>
    <row r="32" spans="1:6" x14ac:dyDescent="0.25">
      <c r="B32" s="13"/>
    </row>
    <row r="33" spans="2:2" x14ac:dyDescent="0.25">
      <c r="B33" s="13"/>
    </row>
    <row r="34" spans="2:2" x14ac:dyDescent="0.25">
      <c r="B34" s="13"/>
    </row>
    <row r="35" spans="2:2" x14ac:dyDescent="0.25">
      <c r="B35" s="13"/>
    </row>
    <row r="36" spans="2:2" x14ac:dyDescent="0.25">
      <c r="B36" s="13"/>
    </row>
    <row r="37" spans="2:2" x14ac:dyDescent="0.25">
      <c r="B37" s="13"/>
    </row>
    <row r="38" spans="2:2" x14ac:dyDescent="0.25">
      <c r="B38" s="13"/>
    </row>
    <row r="39" spans="2:2" x14ac:dyDescent="0.25">
      <c r="B39" s="13"/>
    </row>
    <row r="40" spans="2:2" x14ac:dyDescent="0.25">
      <c r="B40" s="13"/>
    </row>
    <row r="41" spans="2:2" x14ac:dyDescent="0.25">
      <c r="B41" s="13"/>
    </row>
    <row r="42" spans="2:2" x14ac:dyDescent="0.25">
      <c r="B42" s="13"/>
    </row>
    <row r="43" spans="2:2" x14ac:dyDescent="0.25">
      <c r="B43" s="13"/>
    </row>
    <row r="44" spans="2:2" x14ac:dyDescent="0.25">
      <c r="B44" s="13"/>
    </row>
    <row r="45" spans="2:2" x14ac:dyDescent="0.25">
      <c r="B45" s="13"/>
    </row>
    <row r="46" spans="2:2" x14ac:dyDescent="0.25">
      <c r="B46" s="13"/>
    </row>
    <row r="47" spans="2:2" x14ac:dyDescent="0.25">
      <c r="B47" s="13"/>
    </row>
    <row r="48" spans="2:2" x14ac:dyDescent="0.25">
      <c r="B48" s="13"/>
    </row>
    <row r="49" spans="2:2" x14ac:dyDescent="0.25">
      <c r="B49" s="13"/>
    </row>
    <row r="50" spans="2:2" x14ac:dyDescent="0.25">
      <c r="B50" s="13"/>
    </row>
    <row r="51" spans="2:2" x14ac:dyDescent="0.25">
      <c r="B51" s="13"/>
    </row>
    <row r="52" spans="2:2" x14ac:dyDescent="0.25">
      <c r="B52" s="13"/>
    </row>
    <row r="53" spans="2:2" x14ac:dyDescent="0.25">
      <c r="B53" s="13"/>
    </row>
    <row r="54" spans="2:2" x14ac:dyDescent="0.25">
      <c r="B54" s="13"/>
    </row>
    <row r="55" spans="2:2" x14ac:dyDescent="0.25">
      <c r="B55" s="13"/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3:J55"/>
  <sheetViews>
    <sheetView workbookViewId="0">
      <selection activeCell="M26" sqref="M26"/>
    </sheetView>
  </sheetViews>
  <sheetFormatPr defaultRowHeight="15" x14ac:dyDescent="0.25"/>
  <cols>
    <col min="1" max="1" width="13.140625" style="34" bestFit="1" customWidth="1"/>
    <col min="2" max="2" width="23.7109375" style="34" bestFit="1" customWidth="1"/>
    <col min="3" max="3" width="13.28515625" style="34" bestFit="1" customWidth="1"/>
    <col min="4" max="5" width="9.140625" style="34"/>
    <col min="6" max="6" width="21.7109375" style="34" bestFit="1" customWidth="1"/>
    <col min="7" max="7" width="9.140625" style="34"/>
    <col min="8" max="8" width="9.5703125" style="34" bestFit="1" customWidth="1"/>
    <col min="9" max="16384" width="9.140625" style="34"/>
  </cols>
  <sheetData>
    <row r="3" spans="1:7" x14ac:dyDescent="0.25">
      <c r="A3" s="34" t="s">
        <v>9</v>
      </c>
      <c r="B3" s="34" t="s">
        <v>23</v>
      </c>
      <c r="C3" s="34" t="s">
        <v>24</v>
      </c>
      <c r="D3" s="34" t="s">
        <v>11</v>
      </c>
      <c r="E3" s="34" t="s">
        <v>12</v>
      </c>
      <c r="G3" s="34" t="s">
        <v>29</v>
      </c>
    </row>
    <row r="4" spans="1:7" x14ac:dyDescent="0.25">
      <c r="A4" s="73">
        <v>0</v>
      </c>
      <c r="B4" s="74">
        <v>196072.08049632979</v>
      </c>
      <c r="C4" s="75">
        <f>B4/$C$31</f>
        <v>1.4676493345334425</v>
      </c>
      <c r="D4" s="34">
        <v>11</v>
      </c>
      <c r="E4" s="34" t="s">
        <v>13</v>
      </c>
      <c r="G4" s="34">
        <f>C4/$C$28</f>
        <v>3.6017926876716379E-2</v>
      </c>
    </row>
    <row r="5" spans="1:7" x14ac:dyDescent="0.25">
      <c r="A5" s="73">
        <v>1</v>
      </c>
      <c r="B5" s="74">
        <v>185527.19223459545</v>
      </c>
      <c r="C5" s="75">
        <f t="shared" ref="C5:C27" si="0">B5/$C$31</f>
        <v>1.388718166970534</v>
      </c>
      <c r="D5" s="34" t="s">
        <v>14</v>
      </c>
      <c r="E5" s="34">
        <v>1</v>
      </c>
      <c r="F5" s="34" t="s">
        <v>15</v>
      </c>
      <c r="G5" s="34">
        <f t="shared" ref="G5:G27" si="1">C5/$C$28</f>
        <v>3.4080858562997939E-2</v>
      </c>
    </row>
    <row r="6" spans="1:7" x14ac:dyDescent="0.25">
      <c r="A6" s="73">
        <v>2</v>
      </c>
      <c r="B6" s="74">
        <v>178286.37897868201</v>
      </c>
      <c r="C6" s="75">
        <f t="shared" si="0"/>
        <v>1.334518840224872</v>
      </c>
      <c r="D6" s="72">
        <v>1</v>
      </c>
      <c r="E6" s="34">
        <v>2</v>
      </c>
      <c r="F6" s="34" t="s">
        <v>15</v>
      </c>
      <c r="G6" s="34">
        <f t="shared" si="1"/>
        <v>3.2750740161034374E-2</v>
      </c>
    </row>
    <row r="7" spans="1:7" x14ac:dyDescent="0.25">
      <c r="A7" s="73">
        <v>3</v>
      </c>
      <c r="B7" s="74">
        <v>178675.08160593364</v>
      </c>
      <c r="C7" s="75">
        <f t="shared" si="0"/>
        <v>1.3374283781395673</v>
      </c>
      <c r="D7" s="72">
        <v>2</v>
      </c>
      <c r="E7" s="34">
        <v>3</v>
      </c>
      <c r="F7" s="34" t="s">
        <v>15</v>
      </c>
      <c r="G7" s="34">
        <f t="shared" si="1"/>
        <v>3.2822143814066958E-2</v>
      </c>
    </row>
    <row r="8" spans="1:7" x14ac:dyDescent="0.25">
      <c r="A8" s="73">
        <v>4</v>
      </c>
      <c r="B8" s="74">
        <v>181204.8666303881</v>
      </c>
      <c r="C8" s="75">
        <f t="shared" si="0"/>
        <v>1.3563644617382864</v>
      </c>
      <c r="D8" s="72">
        <v>3</v>
      </c>
      <c r="E8" s="34">
        <v>4</v>
      </c>
      <c r="F8" s="34" t="s">
        <v>15</v>
      </c>
      <c r="G8" s="34">
        <f t="shared" si="1"/>
        <v>3.3286858687260334E-2</v>
      </c>
    </row>
    <row r="9" spans="1:7" x14ac:dyDescent="0.25">
      <c r="A9" s="73">
        <v>5</v>
      </c>
      <c r="B9" s="74">
        <v>193854.13771465034</v>
      </c>
      <c r="C9" s="75">
        <f t="shared" si="0"/>
        <v>1.4510474693452673</v>
      </c>
      <c r="D9" s="72">
        <v>4</v>
      </c>
      <c r="E9" s="34">
        <v>5</v>
      </c>
      <c r="F9" s="34" t="s">
        <v>15</v>
      </c>
      <c r="G9" s="34">
        <f t="shared" si="1"/>
        <v>3.5610496605537272E-2</v>
      </c>
    </row>
    <row r="10" spans="1:7" x14ac:dyDescent="0.25">
      <c r="A10" s="73">
        <v>6</v>
      </c>
      <c r="B10" s="74">
        <v>217000.33788776715</v>
      </c>
      <c r="C10" s="75">
        <f t="shared" si="0"/>
        <v>1.6243026579221469</v>
      </c>
      <c r="D10" s="72">
        <v>5</v>
      </c>
      <c r="E10" s="34">
        <v>6</v>
      </c>
      <c r="F10" s="34" t="s">
        <v>15</v>
      </c>
      <c r="G10" s="34">
        <f t="shared" si="1"/>
        <v>3.986239286327483E-2</v>
      </c>
    </row>
    <row r="11" spans="1:7" x14ac:dyDescent="0.25">
      <c r="A11" s="73">
        <v>7</v>
      </c>
      <c r="B11" s="74">
        <v>214572.03497635541</v>
      </c>
      <c r="C11" s="75">
        <f t="shared" si="0"/>
        <v>1.6061261937210352</v>
      </c>
      <c r="D11" s="72">
        <v>6</v>
      </c>
      <c r="E11" s="34">
        <v>7</v>
      </c>
      <c r="F11" s="34" t="s">
        <v>15</v>
      </c>
      <c r="G11" s="34">
        <f t="shared" si="1"/>
        <v>3.9416319988052888E-2</v>
      </c>
    </row>
    <row r="12" spans="1:7" x14ac:dyDescent="0.25">
      <c r="A12" s="73">
        <v>8</v>
      </c>
      <c r="B12" s="74">
        <v>216674.82825363791</v>
      </c>
      <c r="C12" s="75">
        <f t="shared" si="0"/>
        <v>1.6218661356151225</v>
      </c>
      <c r="D12" s="72">
        <v>7</v>
      </c>
      <c r="E12" s="34">
        <v>8</v>
      </c>
      <c r="F12" s="34" t="s">
        <v>15</v>
      </c>
      <c r="G12" s="34">
        <f t="shared" si="1"/>
        <v>3.9802597597319293E-2</v>
      </c>
    </row>
    <row r="13" spans="1:7" x14ac:dyDescent="0.25">
      <c r="A13" s="73">
        <v>9</v>
      </c>
      <c r="B13" s="74">
        <v>222520.54611991002</v>
      </c>
      <c r="C13" s="75">
        <f t="shared" si="0"/>
        <v>1.6656228189460016</v>
      </c>
      <c r="D13" s="72">
        <v>8</v>
      </c>
      <c r="E13" s="34">
        <v>9</v>
      </c>
      <c r="F13" s="34" t="s">
        <v>15</v>
      </c>
      <c r="G13" s="34">
        <f t="shared" si="1"/>
        <v>4.0876440635636238E-2</v>
      </c>
    </row>
    <row r="14" spans="1:7" x14ac:dyDescent="0.25">
      <c r="A14" s="73">
        <v>10</v>
      </c>
      <c r="B14" s="74">
        <v>219880.10133818872</v>
      </c>
      <c r="C14" s="75">
        <f t="shared" si="0"/>
        <v>1.6458584189510816</v>
      </c>
      <c r="D14" s="72">
        <v>9</v>
      </c>
      <c r="E14" s="34">
        <v>10</v>
      </c>
      <c r="F14" s="34" t="s">
        <v>15</v>
      </c>
      <c r="G14" s="34">
        <f t="shared" si="1"/>
        <v>4.0391397855301041E-2</v>
      </c>
    </row>
    <row r="15" spans="1:7" x14ac:dyDescent="0.25">
      <c r="A15" s="73">
        <v>11</v>
      </c>
      <c r="B15" s="74">
        <v>221779.99523166128</v>
      </c>
      <c r="C15" s="75">
        <f t="shared" si="0"/>
        <v>1.6600796074108601</v>
      </c>
      <c r="D15" s="72">
        <v>10</v>
      </c>
      <c r="E15" s="34">
        <v>11</v>
      </c>
      <c r="F15" s="34" t="s">
        <v>15</v>
      </c>
      <c r="G15" s="34">
        <f t="shared" si="1"/>
        <v>4.0740403379980507E-2</v>
      </c>
    </row>
    <row r="16" spans="1:7" x14ac:dyDescent="0.25">
      <c r="A16" s="73">
        <v>12</v>
      </c>
      <c r="B16" s="74">
        <v>226206.85767913386</v>
      </c>
      <c r="C16" s="75">
        <f t="shared" si="0"/>
        <v>1.6932157974724831</v>
      </c>
      <c r="D16" s="72">
        <v>11</v>
      </c>
      <c r="E16" s="34">
        <v>12</v>
      </c>
      <c r="F16" s="34" t="s">
        <v>15</v>
      </c>
      <c r="G16" s="34">
        <f t="shared" si="1"/>
        <v>4.1553606399618651E-2</v>
      </c>
    </row>
    <row r="17" spans="1:10" x14ac:dyDescent="0.25">
      <c r="A17" s="73">
        <v>13</v>
      </c>
      <c r="B17" s="74">
        <v>230815.62946172734</v>
      </c>
      <c r="C17" s="75">
        <f t="shared" si="0"/>
        <v>1.7277136251214658</v>
      </c>
      <c r="D17" s="34">
        <v>12</v>
      </c>
      <c r="E17" s="34">
        <v>1</v>
      </c>
      <c r="F17" s="34" t="s">
        <v>16</v>
      </c>
      <c r="G17" s="34">
        <f t="shared" si="1"/>
        <v>4.24002256869579E-2</v>
      </c>
    </row>
    <row r="18" spans="1:10" x14ac:dyDescent="0.25">
      <c r="A18" s="73">
        <v>14</v>
      </c>
      <c r="B18" s="74">
        <v>241240.76123824049</v>
      </c>
      <c r="C18" s="75">
        <f t="shared" si="0"/>
        <v>1.8057483849684159</v>
      </c>
      <c r="D18" s="34">
        <v>1</v>
      </c>
      <c r="E18" s="34">
        <v>2</v>
      </c>
      <c r="F18" s="34" t="s">
        <v>16</v>
      </c>
      <c r="G18" s="34">
        <f t="shared" si="1"/>
        <v>4.4315295048470649E-2</v>
      </c>
    </row>
    <row r="19" spans="1:10" x14ac:dyDescent="0.25">
      <c r="A19" s="73">
        <v>15</v>
      </c>
      <c r="B19" s="74">
        <v>253973.86375912459</v>
      </c>
      <c r="C19" s="75">
        <f t="shared" si="0"/>
        <v>1.901058892175848</v>
      </c>
      <c r="D19" s="34">
        <v>2</v>
      </c>
      <c r="E19" s="34">
        <v>3</v>
      </c>
      <c r="F19" s="34" t="s">
        <v>16</v>
      </c>
      <c r="G19" s="34">
        <f t="shared" si="1"/>
        <v>4.6654332581759439E-2</v>
      </c>
    </row>
    <row r="20" spans="1:10" x14ac:dyDescent="0.25">
      <c r="A20" s="73">
        <v>16</v>
      </c>
      <c r="B20" s="74">
        <v>263686.30734594242</v>
      </c>
      <c r="C20" s="75">
        <f t="shared" si="0"/>
        <v>1.9737589998648344</v>
      </c>
      <c r="D20" s="34">
        <v>3</v>
      </c>
      <c r="E20" s="34">
        <v>4</v>
      </c>
      <c r="F20" s="34" t="s">
        <v>16</v>
      </c>
      <c r="G20" s="34">
        <f t="shared" si="1"/>
        <v>4.8438482992254957E-2</v>
      </c>
    </row>
    <row r="21" spans="1:10" x14ac:dyDescent="0.25">
      <c r="A21" s="73">
        <v>17</v>
      </c>
      <c r="B21" s="74">
        <v>273525.07477799046</v>
      </c>
      <c r="C21" s="75">
        <f t="shared" si="0"/>
        <v>2.0474046736278817</v>
      </c>
      <c r="D21" s="34">
        <v>4</v>
      </c>
      <c r="E21" s="34">
        <v>5</v>
      </c>
      <c r="F21" s="34" t="s">
        <v>16</v>
      </c>
      <c r="G21" s="34">
        <f t="shared" si="1"/>
        <v>5.0245838761763202E-2</v>
      </c>
    </row>
    <row r="22" spans="1:10" x14ac:dyDescent="0.25">
      <c r="A22" s="73">
        <v>18</v>
      </c>
      <c r="B22" s="74">
        <v>273584.8479613135</v>
      </c>
      <c r="C22" s="75">
        <f t="shared" si="0"/>
        <v>2.047852091090403</v>
      </c>
      <c r="D22" s="34">
        <v>5</v>
      </c>
      <c r="E22" s="34">
        <v>6</v>
      </c>
      <c r="F22" s="34" t="s">
        <v>16</v>
      </c>
      <c r="G22" s="34">
        <f t="shared" si="1"/>
        <v>5.0256818938750496E-2</v>
      </c>
    </row>
    <row r="23" spans="1:10" x14ac:dyDescent="0.25">
      <c r="A23" s="73">
        <v>19</v>
      </c>
      <c r="B23" s="74">
        <v>269713.67121255113</v>
      </c>
      <c r="C23" s="75">
        <f t="shared" si="0"/>
        <v>2.0188753496553127</v>
      </c>
      <c r="D23" s="34">
        <v>6</v>
      </c>
      <c r="E23" s="34">
        <v>7</v>
      </c>
      <c r="F23" s="34" t="s">
        <v>16</v>
      </c>
      <c r="G23" s="34">
        <f t="shared" si="1"/>
        <v>4.9545693924363879E-2</v>
      </c>
    </row>
    <row r="24" spans="1:10" x14ac:dyDescent="0.25">
      <c r="A24" s="73">
        <v>20</v>
      </c>
      <c r="B24" s="74">
        <v>269602.5504394382</v>
      </c>
      <c r="C24" s="75">
        <f t="shared" si="0"/>
        <v>2.0180435824383829</v>
      </c>
      <c r="D24" s="34">
        <v>7</v>
      </c>
      <c r="E24" s="34">
        <v>8</v>
      </c>
      <c r="F24" s="34" t="s">
        <v>16</v>
      </c>
      <c r="G24" s="34">
        <f t="shared" si="1"/>
        <v>4.9525281329820404E-2</v>
      </c>
    </row>
    <row r="25" spans="1:10" x14ac:dyDescent="0.25">
      <c r="A25" s="73">
        <v>21</v>
      </c>
      <c r="B25" s="74">
        <v>261669.65833884029</v>
      </c>
      <c r="C25" s="75">
        <f t="shared" si="0"/>
        <v>1.9586638697179579</v>
      </c>
      <c r="D25" s="34">
        <v>8</v>
      </c>
      <c r="E25" s="34">
        <v>9</v>
      </c>
      <c r="F25" s="34" t="s">
        <v>16</v>
      </c>
      <c r="G25" s="34">
        <f t="shared" si="1"/>
        <v>4.8068029859458392E-2</v>
      </c>
    </row>
    <row r="26" spans="1:10" x14ac:dyDescent="0.25">
      <c r="A26" s="73">
        <v>22</v>
      </c>
      <c r="B26" s="74">
        <v>240002.92083131301</v>
      </c>
      <c r="C26" s="75">
        <f t="shared" si="0"/>
        <v>1.7964828350497994</v>
      </c>
      <c r="D26" s="34">
        <v>9</v>
      </c>
      <c r="E26" s="34">
        <v>10</v>
      </c>
      <c r="F26" s="34" t="s">
        <v>16</v>
      </c>
      <c r="G26" s="34">
        <f t="shared" si="1"/>
        <v>4.4087907012658002E-2</v>
      </c>
    </row>
    <row r="27" spans="1:10" x14ac:dyDescent="0.25">
      <c r="A27" s="73">
        <v>23</v>
      </c>
      <c r="B27" s="74">
        <v>213666.14533390923</v>
      </c>
      <c r="C27" s="75">
        <f t="shared" si="0"/>
        <v>1.5993453796064945</v>
      </c>
      <c r="D27" s="34">
        <v>10</v>
      </c>
      <c r="E27" s="34">
        <v>11</v>
      </c>
      <c r="F27" s="34" t="s">
        <v>16</v>
      </c>
      <c r="G27" s="34">
        <f t="shared" si="1"/>
        <v>3.9249910436945937E-2</v>
      </c>
    </row>
    <row r="28" spans="1:10" x14ac:dyDescent="0.25">
      <c r="A28" s="73" t="s">
        <v>10</v>
      </c>
      <c r="B28" s="74">
        <v>226822.32791031807</v>
      </c>
      <c r="C28" s="75">
        <f>SUM(C4:C27)</f>
        <v>40.747745964307498</v>
      </c>
    </row>
    <row r="29" spans="1:10" x14ac:dyDescent="0.25">
      <c r="C29" s="76"/>
    </row>
    <row r="30" spans="1:10" x14ac:dyDescent="0.25">
      <c r="C30" s="76"/>
      <c r="G30" s="76"/>
      <c r="H30" s="76"/>
      <c r="I30" s="76"/>
    </row>
    <row r="31" spans="1:10" x14ac:dyDescent="0.25">
      <c r="B31" s="34" t="s">
        <v>25</v>
      </c>
      <c r="C31" s="77">
        <v>133596</v>
      </c>
      <c r="G31" s="76"/>
      <c r="I31" s="76"/>
      <c r="J31" s="76"/>
    </row>
    <row r="32" spans="1:10" x14ac:dyDescent="0.25">
      <c r="B32" s="77"/>
      <c r="C32" s="77">
        <f>C28*30.41</f>
        <v>1239.138954774591</v>
      </c>
    </row>
    <row r="33" spans="2:2" x14ac:dyDescent="0.25">
      <c r="B33" s="77"/>
    </row>
    <row r="34" spans="2:2" x14ac:dyDescent="0.25">
      <c r="B34" s="77"/>
    </row>
    <row r="35" spans="2:2" x14ac:dyDescent="0.25">
      <c r="B35" s="77"/>
    </row>
    <row r="36" spans="2:2" x14ac:dyDescent="0.25">
      <c r="B36" s="77"/>
    </row>
    <row r="37" spans="2:2" x14ac:dyDescent="0.25">
      <c r="B37" s="77"/>
    </row>
    <row r="38" spans="2:2" x14ac:dyDescent="0.25">
      <c r="B38" s="77"/>
    </row>
    <row r="39" spans="2:2" x14ac:dyDescent="0.25">
      <c r="B39" s="77"/>
    </row>
    <row r="40" spans="2:2" x14ac:dyDescent="0.25">
      <c r="B40" s="77"/>
    </row>
    <row r="41" spans="2:2" x14ac:dyDescent="0.25">
      <c r="B41" s="77"/>
    </row>
    <row r="42" spans="2:2" x14ac:dyDescent="0.25">
      <c r="B42" s="77"/>
    </row>
    <row r="43" spans="2:2" x14ac:dyDescent="0.25">
      <c r="B43" s="77"/>
    </row>
    <row r="44" spans="2:2" x14ac:dyDescent="0.25">
      <c r="B44" s="77"/>
    </row>
    <row r="45" spans="2:2" x14ac:dyDescent="0.25">
      <c r="B45" s="77"/>
    </row>
    <row r="46" spans="2:2" x14ac:dyDescent="0.25">
      <c r="B46" s="77"/>
    </row>
    <row r="47" spans="2:2" x14ac:dyDescent="0.25">
      <c r="B47" s="77"/>
    </row>
    <row r="48" spans="2:2" x14ac:dyDescent="0.25">
      <c r="B48" s="77"/>
    </row>
    <row r="49" spans="2:2" x14ac:dyDescent="0.25">
      <c r="B49" s="77"/>
    </row>
    <row r="50" spans="2:2" x14ac:dyDescent="0.25">
      <c r="B50" s="77"/>
    </row>
    <row r="51" spans="2:2" x14ac:dyDescent="0.25">
      <c r="B51" s="77"/>
    </row>
    <row r="52" spans="2:2" x14ac:dyDescent="0.25">
      <c r="B52" s="77"/>
    </row>
    <row r="53" spans="2:2" x14ac:dyDescent="0.25">
      <c r="B53" s="77"/>
    </row>
    <row r="54" spans="2:2" x14ac:dyDescent="0.25">
      <c r="B54" s="77"/>
    </row>
    <row r="55" spans="2:2" x14ac:dyDescent="0.25">
      <c r="B55" s="77"/>
    </row>
  </sheetData>
  <pageMargins left="0.7" right="0.7" top="0.75" bottom="0.75" header="0.3" footer="0.3"/>
  <legacy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8789"/>
  <sheetViews>
    <sheetView topLeftCell="A4" workbookViewId="0">
      <selection activeCell="I28" sqref="I28"/>
    </sheetView>
  </sheetViews>
  <sheetFormatPr defaultRowHeight="15" x14ac:dyDescent="0.25"/>
  <cols>
    <col min="1" max="1" width="15.85546875" bestFit="1" customWidth="1"/>
    <col min="2" max="2" width="15" bestFit="1" customWidth="1"/>
    <col min="3" max="3" width="13.42578125" style="21" bestFit="1" customWidth="1"/>
  </cols>
  <sheetData>
    <row r="1" spans="1:4" x14ac:dyDescent="0.25">
      <c r="A1" s="66" t="s">
        <v>18</v>
      </c>
      <c r="B1" s="66"/>
      <c r="C1" s="66"/>
    </row>
    <row r="2" spans="1:4" x14ac:dyDescent="0.25">
      <c r="A2" s="66" t="s">
        <v>19</v>
      </c>
      <c r="B2" s="66"/>
      <c r="C2" s="66"/>
    </row>
    <row r="5" spans="1:4" x14ac:dyDescent="0.25">
      <c r="A5" s="20" t="s">
        <v>20</v>
      </c>
      <c r="B5" t="s">
        <v>21</v>
      </c>
      <c r="C5" s="21" t="s">
        <v>22</v>
      </c>
      <c r="D5" t="s">
        <v>7</v>
      </c>
    </row>
    <row r="6" spans="1:4" x14ac:dyDescent="0.25">
      <c r="A6" s="20">
        <v>43556</v>
      </c>
      <c r="B6" s="22">
        <v>2.3580434322357178</v>
      </c>
      <c r="C6" s="21">
        <v>404796.35191523808</v>
      </c>
      <c r="D6">
        <f>HOUR(A6)</f>
        <v>0</v>
      </c>
    </row>
    <row r="7" spans="1:4" x14ac:dyDescent="0.25">
      <c r="A7" s="20">
        <v>43556.041666666664</v>
      </c>
      <c r="B7" s="22">
        <v>2.2684268951416016</v>
      </c>
      <c r="C7" s="21">
        <v>389412.22166935017</v>
      </c>
      <c r="D7">
        <f t="shared" ref="D7:D70" si="0">HOUR(A7)</f>
        <v>1</v>
      </c>
    </row>
    <row r="8" spans="1:4" x14ac:dyDescent="0.25">
      <c r="A8" s="20">
        <v>43556.083333333328</v>
      </c>
      <c r="B8" s="22">
        <v>2.2440354824066162</v>
      </c>
      <c r="C8" s="21">
        <v>385225.04056903446</v>
      </c>
      <c r="D8">
        <f t="shared" si="0"/>
        <v>2</v>
      </c>
    </row>
    <row r="9" spans="1:4" x14ac:dyDescent="0.25">
      <c r="A9" s="20">
        <v>43556.124999999993</v>
      </c>
      <c r="B9" s="22">
        <v>2.3482406139373779</v>
      </c>
      <c r="C9" s="21">
        <v>403113.53936335316</v>
      </c>
      <c r="D9">
        <f t="shared" si="0"/>
        <v>3</v>
      </c>
    </row>
    <row r="10" spans="1:4" x14ac:dyDescent="0.25">
      <c r="A10" s="20">
        <v>43556.166666666657</v>
      </c>
      <c r="B10" s="22">
        <v>2.6418120861053467</v>
      </c>
      <c r="C10" s="21">
        <v>453509.8379791542</v>
      </c>
      <c r="D10">
        <f t="shared" si="0"/>
        <v>4</v>
      </c>
    </row>
    <row r="11" spans="1:4" x14ac:dyDescent="0.25">
      <c r="A11" s="20">
        <v>43556.208333333321</v>
      </c>
      <c r="B11" s="22">
        <v>2.8390607833862305</v>
      </c>
      <c r="C11" s="21">
        <v>487370.77200089587</v>
      </c>
      <c r="D11">
        <f t="shared" si="0"/>
        <v>5</v>
      </c>
    </row>
    <row r="12" spans="1:4" x14ac:dyDescent="0.25">
      <c r="A12" s="20">
        <v>43556.249999999985</v>
      </c>
      <c r="B12" s="22">
        <v>3.0327630043029785</v>
      </c>
      <c r="C12" s="21">
        <v>520622.89590712806</v>
      </c>
      <c r="D12">
        <f t="shared" si="0"/>
        <v>6</v>
      </c>
    </row>
    <row r="13" spans="1:4" x14ac:dyDescent="0.25">
      <c r="A13" s="20">
        <v>43556.29166666665</v>
      </c>
      <c r="B13" s="22">
        <v>3.0683672428131104</v>
      </c>
      <c r="C13" s="21">
        <v>526734.94018273184</v>
      </c>
      <c r="D13">
        <f t="shared" si="0"/>
        <v>7</v>
      </c>
    </row>
    <row r="14" spans="1:4" x14ac:dyDescent="0.25">
      <c r="A14" s="20">
        <v>43556.333333333314</v>
      </c>
      <c r="B14" s="22">
        <v>3.1245088577270508</v>
      </c>
      <c r="C14" s="21">
        <v>536372.55779278849</v>
      </c>
      <c r="D14">
        <f t="shared" si="0"/>
        <v>8</v>
      </c>
    </row>
    <row r="15" spans="1:4" x14ac:dyDescent="0.25">
      <c r="A15" s="20">
        <v>43556.374999999978</v>
      </c>
      <c r="B15" s="22">
        <v>2.6620807647705078</v>
      </c>
      <c r="C15" s="21">
        <v>456989.28499426722</v>
      </c>
      <c r="D15">
        <f t="shared" si="0"/>
        <v>9</v>
      </c>
    </row>
    <row r="16" spans="1:4" x14ac:dyDescent="0.25">
      <c r="A16" s="20">
        <v>43556.416666666642</v>
      </c>
      <c r="B16" s="22">
        <v>2.2389295101165771</v>
      </c>
      <c r="C16" s="21">
        <v>384348.51771634532</v>
      </c>
      <c r="D16">
        <f t="shared" si="0"/>
        <v>10</v>
      </c>
    </row>
    <row r="17" spans="1:4" x14ac:dyDescent="0.25">
      <c r="A17" s="20">
        <v>43556.458333333307</v>
      </c>
      <c r="B17" s="22">
        <v>1.9515323638916016</v>
      </c>
      <c r="C17" s="21">
        <v>335012.1421634921</v>
      </c>
      <c r="D17">
        <f t="shared" si="0"/>
        <v>11</v>
      </c>
    </row>
    <row r="18" spans="1:4" x14ac:dyDescent="0.25">
      <c r="A18" s="20">
        <v>43556.499999999971</v>
      </c>
      <c r="B18" s="22">
        <v>1.8897539377212524</v>
      </c>
      <c r="C18" s="21">
        <v>324406.87459337281</v>
      </c>
      <c r="D18">
        <f t="shared" si="0"/>
        <v>12</v>
      </c>
    </row>
    <row r="19" spans="1:4" x14ac:dyDescent="0.25">
      <c r="A19" s="20">
        <v>43556.541666666635</v>
      </c>
      <c r="B19" s="22">
        <v>1.5947988033294678</v>
      </c>
      <c r="C19" s="21">
        <v>273773.04794359807</v>
      </c>
      <c r="D19">
        <f t="shared" si="0"/>
        <v>13</v>
      </c>
    </row>
    <row r="20" spans="1:4" x14ac:dyDescent="0.25">
      <c r="A20" s="20">
        <v>43556.583333333299</v>
      </c>
      <c r="B20" s="22">
        <v>1.4787280559539795</v>
      </c>
      <c r="C20" s="21">
        <v>253847.6239843264</v>
      </c>
      <c r="D20">
        <f t="shared" si="0"/>
        <v>14</v>
      </c>
    </row>
    <row r="21" spans="1:4" x14ac:dyDescent="0.25">
      <c r="A21" s="20">
        <v>43556.624999999964</v>
      </c>
      <c r="B21" s="22">
        <v>1.4410444498062134</v>
      </c>
      <c r="C21" s="21">
        <v>247378.62257108121</v>
      </c>
      <c r="D21">
        <f t="shared" si="0"/>
        <v>15</v>
      </c>
    </row>
    <row r="22" spans="1:4" x14ac:dyDescent="0.25">
      <c r="A22" s="20">
        <v>43556.666666666628</v>
      </c>
      <c r="B22" s="22">
        <v>1.3978612422943115</v>
      </c>
      <c r="C22" s="21">
        <v>239965.52549837675</v>
      </c>
      <c r="D22">
        <f t="shared" si="0"/>
        <v>16</v>
      </c>
    </row>
    <row r="23" spans="1:4" x14ac:dyDescent="0.25">
      <c r="A23" s="20">
        <v>43556.708333333292</v>
      </c>
      <c r="B23" s="22">
        <v>1.5429601669311523</v>
      </c>
      <c r="C23" s="21">
        <v>264874.10629755596</v>
      </c>
      <c r="D23">
        <f t="shared" si="0"/>
        <v>17</v>
      </c>
    </row>
    <row r="24" spans="1:4" x14ac:dyDescent="0.25">
      <c r="A24" s="20">
        <v>43556.749999999956</v>
      </c>
      <c r="B24" s="22">
        <v>1.4102866649627686</v>
      </c>
      <c r="C24" s="21">
        <v>242098.55057265516</v>
      </c>
      <c r="D24">
        <f t="shared" si="0"/>
        <v>18</v>
      </c>
    </row>
    <row r="25" spans="1:4" x14ac:dyDescent="0.25">
      <c r="A25" s="20">
        <v>43556.791666666621</v>
      </c>
      <c r="B25" s="22">
        <v>1.7883085012435913</v>
      </c>
      <c r="C25" s="21">
        <v>306992.12215784553</v>
      </c>
      <c r="D25">
        <f t="shared" si="0"/>
        <v>19</v>
      </c>
    </row>
    <row r="26" spans="1:4" x14ac:dyDescent="0.25">
      <c r="A26" s="20">
        <v>43556.833333333285</v>
      </c>
      <c r="B26" s="22">
        <v>1.8921248912811279</v>
      </c>
      <c r="C26" s="21">
        <v>324813.88717782218</v>
      </c>
      <c r="D26">
        <f t="shared" si="0"/>
        <v>20</v>
      </c>
    </row>
    <row r="27" spans="1:4" x14ac:dyDescent="0.25">
      <c r="A27" s="20">
        <v>43556.874999999949</v>
      </c>
      <c r="B27" s="22">
        <v>1.9348583221435547</v>
      </c>
      <c r="C27" s="21">
        <v>332149.77280293615</v>
      </c>
      <c r="D27">
        <f t="shared" si="0"/>
        <v>21</v>
      </c>
    </row>
    <row r="28" spans="1:4" x14ac:dyDescent="0.25">
      <c r="A28" s="20">
        <v>43556.916666666613</v>
      </c>
      <c r="B28" s="22">
        <v>1.9057813882827759</v>
      </c>
      <c r="C28" s="21">
        <v>327158.24610295321</v>
      </c>
      <c r="D28">
        <f t="shared" si="0"/>
        <v>22</v>
      </c>
    </row>
    <row r="29" spans="1:4" x14ac:dyDescent="0.25">
      <c r="A29" s="20">
        <v>43556.958333333278</v>
      </c>
      <c r="B29" s="22">
        <v>1.962080717086792</v>
      </c>
      <c r="C29" s="21">
        <v>336822.93785697006</v>
      </c>
      <c r="D29">
        <f t="shared" si="0"/>
        <v>23</v>
      </c>
    </row>
    <row r="30" spans="1:4" x14ac:dyDescent="0.25">
      <c r="A30" s="20">
        <v>43556.999999999942</v>
      </c>
      <c r="B30" s="22">
        <v>1.8895143270492554</v>
      </c>
      <c r="C30" s="21">
        <v>324365.74154019053</v>
      </c>
      <c r="D30">
        <f t="shared" si="0"/>
        <v>0</v>
      </c>
    </row>
    <row r="31" spans="1:4" x14ac:dyDescent="0.25">
      <c r="A31" s="20">
        <v>43557.041666666606</v>
      </c>
      <c r="B31" s="22">
        <v>2.1016688346862793</v>
      </c>
      <c r="C31" s="21">
        <v>360785.49936136708</v>
      </c>
      <c r="D31">
        <f t="shared" si="0"/>
        <v>1</v>
      </c>
    </row>
    <row r="32" spans="1:4" x14ac:dyDescent="0.25">
      <c r="A32" s="20">
        <v>43557.08333333327</v>
      </c>
      <c r="B32" s="22">
        <v>2.2232983112335205</v>
      </c>
      <c r="C32" s="21">
        <v>381665.16922605748</v>
      </c>
      <c r="D32">
        <f t="shared" si="0"/>
        <v>2</v>
      </c>
    </row>
    <row r="33" spans="1:4" x14ac:dyDescent="0.25">
      <c r="A33" s="20">
        <v>43557.124999999935</v>
      </c>
      <c r="B33" s="22">
        <v>2.1019735336303711</v>
      </c>
      <c r="C33" s="21">
        <v>360837.80587078701</v>
      </c>
      <c r="D33">
        <f t="shared" si="0"/>
        <v>3</v>
      </c>
    </row>
    <row r="34" spans="1:4" x14ac:dyDescent="0.25">
      <c r="A34" s="20">
        <v>43557.166666666599</v>
      </c>
      <c r="B34" s="22">
        <v>2.2745752334594727</v>
      </c>
      <c r="C34" s="21">
        <v>390467.68353548512</v>
      </c>
      <c r="D34">
        <f t="shared" si="0"/>
        <v>4</v>
      </c>
    </row>
    <row r="35" spans="1:4" x14ac:dyDescent="0.25">
      <c r="A35" s="20">
        <v>43557.208333333263</v>
      </c>
      <c r="B35" s="22">
        <v>2.4381539821624756</v>
      </c>
      <c r="C35" s="21">
        <v>418548.62548109383</v>
      </c>
      <c r="D35">
        <f t="shared" si="0"/>
        <v>5</v>
      </c>
    </row>
    <row r="36" spans="1:4" x14ac:dyDescent="0.25">
      <c r="A36" s="20">
        <v>43557.249999999927</v>
      </c>
      <c r="B36" s="22">
        <v>2.7145752906799316</v>
      </c>
      <c r="C36" s="21">
        <v>466000.82069931889</v>
      </c>
      <c r="D36">
        <f t="shared" si="0"/>
        <v>6</v>
      </c>
    </row>
    <row r="37" spans="1:4" x14ac:dyDescent="0.25">
      <c r="A37" s="20">
        <v>43557.291666666591</v>
      </c>
      <c r="B37" s="22">
        <v>2.6114435195922852</v>
      </c>
      <c r="C37" s="21">
        <v>448296.58161189244</v>
      </c>
      <c r="D37">
        <f t="shared" si="0"/>
        <v>7</v>
      </c>
    </row>
    <row r="38" spans="1:4" x14ac:dyDescent="0.25">
      <c r="A38" s="20">
        <v>43557.333333333256</v>
      </c>
      <c r="B38" s="22">
        <v>2.5600616931915283</v>
      </c>
      <c r="C38" s="21">
        <v>439476.05880156904</v>
      </c>
      <c r="D38">
        <f t="shared" si="0"/>
        <v>8</v>
      </c>
    </row>
    <row r="39" spans="1:4" x14ac:dyDescent="0.25">
      <c r="A39" s="20">
        <v>43557.37499999992</v>
      </c>
      <c r="B39" s="22">
        <v>2.2473509311676025</v>
      </c>
      <c r="C39" s="21">
        <v>385794.19105416216</v>
      </c>
      <c r="D39">
        <f t="shared" si="0"/>
        <v>9</v>
      </c>
    </row>
    <row r="40" spans="1:4" x14ac:dyDescent="0.25">
      <c r="A40" s="20">
        <v>43557.416666666584</v>
      </c>
      <c r="B40" s="22">
        <v>1.7853397130966187</v>
      </c>
      <c r="C40" s="21">
        <v>306482.48158249597</v>
      </c>
      <c r="D40">
        <f t="shared" si="0"/>
        <v>10</v>
      </c>
    </row>
    <row r="41" spans="1:4" x14ac:dyDescent="0.25">
      <c r="A41" s="20">
        <v>43557.458333333248</v>
      </c>
      <c r="B41" s="22">
        <v>1.66583251953125</v>
      </c>
      <c r="C41" s="21">
        <v>285967.13596944977</v>
      </c>
      <c r="D41">
        <f t="shared" si="0"/>
        <v>11</v>
      </c>
    </row>
    <row r="42" spans="1:4" x14ac:dyDescent="0.25">
      <c r="A42" s="20">
        <v>43557.499999999913</v>
      </c>
      <c r="B42" s="22">
        <v>1.5114948749542236</v>
      </c>
      <c r="C42" s="21">
        <v>259472.57923911145</v>
      </c>
      <c r="D42">
        <f t="shared" si="0"/>
        <v>12</v>
      </c>
    </row>
    <row r="43" spans="1:4" x14ac:dyDescent="0.25">
      <c r="A43" s="20">
        <v>43557.541666666577</v>
      </c>
      <c r="B43" s="22">
        <v>1.6771094799041748</v>
      </c>
      <c r="C43" s="21">
        <v>287903.00888733094</v>
      </c>
      <c r="D43">
        <f t="shared" si="0"/>
        <v>13</v>
      </c>
    </row>
    <row r="44" spans="1:4" x14ac:dyDescent="0.25">
      <c r="A44" s="20">
        <v>43557.583333333241</v>
      </c>
      <c r="B44" s="22">
        <v>1.2877446413040161</v>
      </c>
      <c r="C44" s="21">
        <v>221062.22721437734</v>
      </c>
      <c r="D44">
        <f t="shared" si="0"/>
        <v>14</v>
      </c>
    </row>
    <row r="45" spans="1:4" x14ac:dyDescent="0.25">
      <c r="A45" s="20">
        <v>43557.624999999905</v>
      </c>
      <c r="B45" s="22">
        <v>1.2967547178268433</v>
      </c>
      <c r="C45" s="21">
        <v>222608.952799266</v>
      </c>
      <c r="D45">
        <f t="shared" si="0"/>
        <v>15</v>
      </c>
    </row>
    <row r="46" spans="1:4" x14ac:dyDescent="0.25">
      <c r="A46" s="20">
        <v>43557.66666666657</v>
      </c>
      <c r="B46" s="22">
        <v>1.451915979385376</v>
      </c>
      <c r="C46" s="21">
        <v>249244.89672584145</v>
      </c>
      <c r="D46">
        <f t="shared" si="0"/>
        <v>16</v>
      </c>
    </row>
    <row r="47" spans="1:4" x14ac:dyDescent="0.25">
      <c r="A47" s="20">
        <v>43557.708333333234</v>
      </c>
      <c r="B47" s="22">
        <v>1.2866709232330322</v>
      </c>
      <c r="C47" s="21">
        <v>220877.90611486835</v>
      </c>
      <c r="D47">
        <f t="shared" si="0"/>
        <v>17</v>
      </c>
    </row>
    <row r="48" spans="1:4" x14ac:dyDescent="0.25">
      <c r="A48" s="20">
        <v>43557.749999999898</v>
      </c>
      <c r="B48" s="22">
        <v>1.3506394624710083</v>
      </c>
      <c r="C48" s="21">
        <v>231859.14206959735</v>
      </c>
      <c r="D48">
        <f t="shared" si="0"/>
        <v>18</v>
      </c>
    </row>
    <row r="49" spans="1:4" x14ac:dyDescent="0.25">
      <c r="A49" s="20">
        <v>43557.791666666562</v>
      </c>
      <c r="B49" s="22">
        <v>1.3942567110061646</v>
      </c>
      <c r="C49" s="21">
        <v>239346.74931475794</v>
      </c>
      <c r="D49">
        <f t="shared" si="0"/>
        <v>19</v>
      </c>
    </row>
    <row r="50" spans="1:4" x14ac:dyDescent="0.25">
      <c r="A50" s="20">
        <v>43557.833333333227</v>
      </c>
      <c r="B50" s="22">
        <v>1.9041464328765869</v>
      </c>
      <c r="C50" s="21">
        <v>326877.57952365198</v>
      </c>
      <c r="D50">
        <f t="shared" si="0"/>
        <v>20</v>
      </c>
    </row>
    <row r="51" spans="1:4" x14ac:dyDescent="0.25">
      <c r="A51" s="20">
        <v>43557.874999999891</v>
      </c>
      <c r="B51" s="22">
        <v>1.7830861806869507</v>
      </c>
      <c r="C51" s="21">
        <v>306095.62624052656</v>
      </c>
      <c r="D51">
        <f t="shared" si="0"/>
        <v>21</v>
      </c>
    </row>
    <row r="52" spans="1:4" x14ac:dyDescent="0.25">
      <c r="A52" s="20">
        <v>43557.916666666555</v>
      </c>
      <c r="B52" s="22">
        <v>1.6871300935745239</v>
      </c>
      <c r="C52" s="21">
        <v>289623.20954278001</v>
      </c>
      <c r="D52">
        <f t="shared" si="0"/>
        <v>22</v>
      </c>
    </row>
    <row r="53" spans="1:4" x14ac:dyDescent="0.25">
      <c r="A53" s="20">
        <v>43557.958333333219</v>
      </c>
      <c r="B53" s="22">
        <v>1.7235326766967773</v>
      </c>
      <c r="C53" s="21">
        <v>295872.30260304152</v>
      </c>
      <c r="D53">
        <f t="shared" si="0"/>
        <v>23</v>
      </c>
    </row>
    <row r="54" spans="1:4" x14ac:dyDescent="0.25">
      <c r="A54" s="20">
        <v>43557.999999999884</v>
      </c>
      <c r="B54" s="22">
        <v>1.5843603610992432</v>
      </c>
      <c r="C54" s="21">
        <v>271981.12024764949</v>
      </c>
      <c r="D54">
        <f t="shared" si="0"/>
        <v>0</v>
      </c>
    </row>
    <row r="55" spans="1:4" x14ac:dyDescent="0.25">
      <c r="A55" s="20">
        <v>43558.041666666548</v>
      </c>
      <c r="B55" s="22">
        <v>1.8025611639022827</v>
      </c>
      <c r="C55" s="21">
        <v>309438.82257499883</v>
      </c>
      <c r="D55">
        <f t="shared" si="0"/>
        <v>1</v>
      </c>
    </row>
    <row r="56" spans="1:4" x14ac:dyDescent="0.25">
      <c r="A56" s="20">
        <v>43558.083333333212</v>
      </c>
      <c r="B56" s="22">
        <v>2.00797438621521</v>
      </c>
      <c r="C56" s="21">
        <v>344701.32957156835</v>
      </c>
      <c r="D56">
        <f t="shared" si="0"/>
        <v>2</v>
      </c>
    </row>
    <row r="57" spans="1:4" x14ac:dyDescent="0.25">
      <c r="A57" s="20">
        <v>43558.124999999876</v>
      </c>
      <c r="B57" s="22">
        <v>2.0703184604644775</v>
      </c>
      <c r="C57" s="21">
        <v>355403.69979708566</v>
      </c>
      <c r="D57">
        <f t="shared" si="0"/>
        <v>3</v>
      </c>
    </row>
    <row r="58" spans="1:4" x14ac:dyDescent="0.25">
      <c r="A58" s="20">
        <v>43558.166666666541</v>
      </c>
      <c r="B58" s="22">
        <v>2.2558815479278564</v>
      </c>
      <c r="C58" s="21">
        <v>387258.60960427503</v>
      </c>
      <c r="D58">
        <f t="shared" si="0"/>
        <v>4</v>
      </c>
    </row>
    <row r="59" spans="1:4" x14ac:dyDescent="0.25">
      <c r="A59" s="20">
        <v>43558.208333333205</v>
      </c>
      <c r="B59" s="22">
        <v>2.2347447872161865</v>
      </c>
      <c r="C59" s="21">
        <v>383630.14224424976</v>
      </c>
      <c r="D59">
        <f t="shared" si="0"/>
        <v>5</v>
      </c>
    </row>
    <row r="60" spans="1:4" x14ac:dyDescent="0.25">
      <c r="A60" s="20">
        <v>43558.249999999869</v>
      </c>
      <c r="B60" s="22">
        <v>2.4521656036376953</v>
      </c>
      <c r="C60" s="21">
        <v>420953.94727459812</v>
      </c>
      <c r="D60">
        <f t="shared" si="0"/>
        <v>6</v>
      </c>
    </row>
    <row r="61" spans="1:4" x14ac:dyDescent="0.25">
      <c r="A61" s="20">
        <v>43558.291666666533</v>
      </c>
      <c r="B61" s="22">
        <v>2.5701866149902344</v>
      </c>
      <c r="C61" s="21">
        <v>441214.16563688609</v>
      </c>
      <c r="D61">
        <f t="shared" si="0"/>
        <v>7</v>
      </c>
    </row>
    <row r="62" spans="1:4" x14ac:dyDescent="0.25">
      <c r="A62" s="20">
        <v>43558.333333333198</v>
      </c>
      <c r="B62" s="22">
        <v>2.6861763000488281</v>
      </c>
      <c r="C62" s="21">
        <v>461125.67393637472</v>
      </c>
      <c r="D62">
        <f t="shared" si="0"/>
        <v>8</v>
      </c>
    </row>
    <row r="63" spans="1:4" x14ac:dyDescent="0.25">
      <c r="A63" s="20">
        <v>43558.374999999862</v>
      </c>
      <c r="B63" s="22">
        <v>2.2255949974060059</v>
      </c>
      <c r="C63" s="21">
        <v>382059.43261044088</v>
      </c>
      <c r="D63">
        <f t="shared" si="0"/>
        <v>9</v>
      </c>
    </row>
    <row r="64" spans="1:4" x14ac:dyDescent="0.25">
      <c r="A64" s="20">
        <v>43558.416666666526</v>
      </c>
      <c r="B64" s="22">
        <v>1.5610463619232178</v>
      </c>
      <c r="C64" s="21">
        <v>267978.8946372153</v>
      </c>
      <c r="D64">
        <f t="shared" si="0"/>
        <v>10</v>
      </c>
    </row>
    <row r="65" spans="1:4" x14ac:dyDescent="0.25">
      <c r="A65" s="20">
        <v>43558.45833333319</v>
      </c>
      <c r="B65" s="22">
        <v>1.2837537527084351</v>
      </c>
      <c r="C65" s="21">
        <v>220377.12654052777</v>
      </c>
      <c r="D65">
        <f t="shared" si="0"/>
        <v>11</v>
      </c>
    </row>
    <row r="66" spans="1:4" x14ac:dyDescent="0.25">
      <c r="A66" s="20">
        <v>43558.499999999854</v>
      </c>
      <c r="B66" s="22">
        <v>1.0613183975219727</v>
      </c>
      <c r="C66" s="21">
        <v>182192.49470315734</v>
      </c>
      <c r="D66">
        <f t="shared" si="0"/>
        <v>12</v>
      </c>
    </row>
    <row r="67" spans="1:4" x14ac:dyDescent="0.25">
      <c r="A67" s="20">
        <v>43558.541666666519</v>
      </c>
      <c r="B67" s="22">
        <v>1.0284956693649292</v>
      </c>
      <c r="C67" s="21">
        <v>176557.94173596305</v>
      </c>
      <c r="D67">
        <f t="shared" si="0"/>
        <v>13</v>
      </c>
    </row>
    <row r="68" spans="1:4" x14ac:dyDescent="0.25">
      <c r="A68" s="20">
        <v>43558.583333333183</v>
      </c>
      <c r="B68" s="22">
        <v>0.98197376728057861</v>
      </c>
      <c r="C68" s="21">
        <v>168571.70365804603</v>
      </c>
      <c r="D68">
        <f t="shared" si="0"/>
        <v>14</v>
      </c>
    </row>
    <row r="69" spans="1:4" x14ac:dyDescent="0.25">
      <c r="A69" s="20">
        <v>43558.624999999847</v>
      </c>
      <c r="B69" s="22">
        <v>1.1340541839599609</v>
      </c>
      <c r="C69" s="21">
        <v>194678.77065604244</v>
      </c>
      <c r="D69">
        <f t="shared" si="0"/>
        <v>15</v>
      </c>
    </row>
    <row r="70" spans="1:4" x14ac:dyDescent="0.25">
      <c r="A70" s="20">
        <v>43558.666666666511</v>
      </c>
      <c r="B70" s="22">
        <v>1.0953792333602905</v>
      </c>
      <c r="C70" s="21">
        <v>188039.58890933249</v>
      </c>
      <c r="D70">
        <f t="shared" si="0"/>
        <v>16</v>
      </c>
    </row>
    <row r="71" spans="1:4" x14ac:dyDescent="0.25">
      <c r="A71" s="20">
        <v>43558.708333333176</v>
      </c>
      <c r="B71" s="22">
        <v>1.1404199600219727</v>
      </c>
      <c r="C71" s="21">
        <v>195771.55923312498</v>
      </c>
      <c r="D71">
        <f t="shared" ref="D71:D134" si="1">HOUR(A71)</f>
        <v>17</v>
      </c>
    </row>
    <row r="72" spans="1:4" x14ac:dyDescent="0.25">
      <c r="A72" s="20">
        <v>43558.74999999984</v>
      </c>
      <c r="B72" s="22">
        <v>1.0814231634140015</v>
      </c>
      <c r="C72" s="21">
        <v>185643.80343562076</v>
      </c>
      <c r="D72">
        <f t="shared" si="1"/>
        <v>18</v>
      </c>
    </row>
    <row r="73" spans="1:4" x14ac:dyDescent="0.25">
      <c r="A73" s="20">
        <v>43558.791666666504</v>
      </c>
      <c r="B73" s="22">
        <v>1.0740666389465332</v>
      </c>
      <c r="C73" s="21">
        <v>184380.93684610131</v>
      </c>
      <c r="D73">
        <f t="shared" si="1"/>
        <v>19</v>
      </c>
    </row>
    <row r="74" spans="1:4" x14ac:dyDescent="0.25">
      <c r="A74" s="20">
        <v>43558.833333333168</v>
      </c>
      <c r="B74" s="22">
        <v>1.3188215494155884</v>
      </c>
      <c r="C74" s="21">
        <v>226397.08189109649</v>
      </c>
      <c r="D74">
        <f t="shared" si="1"/>
        <v>20</v>
      </c>
    </row>
    <row r="75" spans="1:4" x14ac:dyDescent="0.25">
      <c r="A75" s="20">
        <v>43558.874999999833</v>
      </c>
      <c r="B75" s="22">
        <v>1.3210486173629761</v>
      </c>
      <c r="C75" s="21">
        <v>226779.39417943085</v>
      </c>
      <c r="D75">
        <f t="shared" si="1"/>
        <v>21</v>
      </c>
    </row>
    <row r="76" spans="1:4" x14ac:dyDescent="0.25">
      <c r="A76" s="20">
        <v>43558.916666666497</v>
      </c>
      <c r="B76" s="22">
        <v>1.1612166166305542</v>
      </c>
      <c r="C76" s="21">
        <v>199341.64221467805</v>
      </c>
      <c r="D76">
        <f t="shared" si="1"/>
        <v>22</v>
      </c>
    </row>
    <row r="77" spans="1:4" x14ac:dyDescent="0.25">
      <c r="A77" s="20">
        <v>43558.958333333161</v>
      </c>
      <c r="B77" s="22">
        <v>1.1447263956069946</v>
      </c>
      <c r="C77" s="21">
        <v>196510.82865910078</v>
      </c>
      <c r="D77">
        <f t="shared" si="1"/>
        <v>23</v>
      </c>
    </row>
    <row r="78" spans="1:4" x14ac:dyDescent="0.25">
      <c r="A78" s="20">
        <v>43558.999999999825</v>
      </c>
      <c r="B78" s="22">
        <v>1.0960301160812378</v>
      </c>
      <c r="C78" s="21">
        <v>188151.32347170837</v>
      </c>
      <c r="D78">
        <f t="shared" si="1"/>
        <v>0</v>
      </c>
    </row>
    <row r="79" spans="1:4" x14ac:dyDescent="0.25">
      <c r="A79" s="20">
        <v>43559.04166666649</v>
      </c>
      <c r="B79" s="22">
        <v>1.1693630218505859</v>
      </c>
      <c r="C79" s="21">
        <v>200740.10463026026</v>
      </c>
      <c r="D79">
        <f t="shared" si="1"/>
        <v>1</v>
      </c>
    </row>
    <row r="80" spans="1:4" x14ac:dyDescent="0.25">
      <c r="A80" s="20">
        <v>43559.083333333154</v>
      </c>
      <c r="B80" s="22">
        <v>1.251678466796875</v>
      </c>
      <c r="C80" s="21">
        <v>214870.88414221565</v>
      </c>
      <c r="D80">
        <f t="shared" si="1"/>
        <v>2</v>
      </c>
    </row>
    <row r="81" spans="1:4" x14ac:dyDescent="0.25">
      <c r="A81" s="20">
        <v>43559.124999999818</v>
      </c>
      <c r="B81" s="22">
        <v>1.292505145072937</v>
      </c>
      <c r="C81" s="21">
        <v>221879.44479934391</v>
      </c>
      <c r="D81">
        <f t="shared" si="1"/>
        <v>3</v>
      </c>
    </row>
    <row r="82" spans="1:4" x14ac:dyDescent="0.25">
      <c r="A82" s="20">
        <v>43559.166666666482</v>
      </c>
      <c r="B82" s="22">
        <v>1.2854634523391724</v>
      </c>
      <c r="C82" s="21">
        <v>220670.62417671722</v>
      </c>
      <c r="D82">
        <f t="shared" si="1"/>
        <v>4</v>
      </c>
    </row>
    <row r="83" spans="1:4" x14ac:dyDescent="0.25">
      <c r="A83" s="20">
        <v>43559.208333333147</v>
      </c>
      <c r="B83" s="22">
        <v>1.4753233194351196</v>
      </c>
      <c r="C83" s="21">
        <v>253263.14580923173</v>
      </c>
      <c r="D83">
        <f t="shared" si="1"/>
        <v>5</v>
      </c>
    </row>
    <row r="84" spans="1:4" x14ac:dyDescent="0.25">
      <c r="A84" s="20">
        <v>43559.249999999811</v>
      </c>
      <c r="B84" s="22">
        <v>1.8488888740539551</v>
      </c>
      <c r="C84" s="21">
        <v>317391.72446205316</v>
      </c>
      <c r="D84">
        <f t="shared" si="1"/>
        <v>6</v>
      </c>
    </row>
    <row r="85" spans="1:4" x14ac:dyDescent="0.25">
      <c r="A85" s="20">
        <v>43559.291666666475</v>
      </c>
      <c r="B85" s="22">
        <v>1.9617503881454468</v>
      </c>
      <c r="C85" s="21">
        <v>336766.23154335411</v>
      </c>
      <c r="D85">
        <f t="shared" si="1"/>
        <v>7</v>
      </c>
    </row>
    <row r="86" spans="1:4" x14ac:dyDescent="0.25">
      <c r="A86" s="20">
        <v>43559.333333333139</v>
      </c>
      <c r="B86" s="22">
        <v>1.7583796977996826</v>
      </c>
      <c r="C86" s="21">
        <v>301854.35824490688</v>
      </c>
      <c r="D86">
        <f t="shared" si="1"/>
        <v>8</v>
      </c>
    </row>
    <row r="87" spans="1:4" x14ac:dyDescent="0.25">
      <c r="A87" s="20">
        <v>43559.374999999804</v>
      </c>
      <c r="B87" s="22">
        <v>1.44243323802948</v>
      </c>
      <c r="C87" s="21">
        <v>247617.03056589418</v>
      </c>
      <c r="D87">
        <f t="shared" si="1"/>
        <v>9</v>
      </c>
    </row>
    <row r="88" spans="1:4" x14ac:dyDescent="0.25">
      <c r="A88" s="20">
        <v>43559.416666666468</v>
      </c>
      <c r="B88" s="22">
        <v>1.2139867544174194</v>
      </c>
      <c r="C88" s="21">
        <v>208400.49116299217</v>
      </c>
      <c r="D88">
        <f t="shared" si="1"/>
        <v>10</v>
      </c>
    </row>
    <row r="89" spans="1:4" x14ac:dyDescent="0.25">
      <c r="A89" s="20">
        <v>43559.458333333132</v>
      </c>
      <c r="B89" s="22">
        <v>1.0790747404098511</v>
      </c>
      <c r="C89" s="21">
        <v>185240.65858602288</v>
      </c>
      <c r="D89">
        <f t="shared" si="1"/>
        <v>11</v>
      </c>
    </row>
    <row r="90" spans="1:4" x14ac:dyDescent="0.25">
      <c r="A90" s="20">
        <v>43559.499999999796</v>
      </c>
      <c r="B90" s="22">
        <v>0.93302899599075317</v>
      </c>
      <c r="C90" s="21">
        <v>160169.54083415683</v>
      </c>
      <c r="D90">
        <f t="shared" si="1"/>
        <v>12</v>
      </c>
    </row>
    <row r="91" spans="1:4" x14ac:dyDescent="0.25">
      <c r="A91" s="20">
        <v>43559.541666666461</v>
      </c>
      <c r="B91" s="22">
        <v>0.79403877258300781</v>
      </c>
      <c r="C91" s="21">
        <v>136309.61755276282</v>
      </c>
      <c r="D91">
        <f t="shared" si="1"/>
        <v>13</v>
      </c>
    </row>
    <row r="92" spans="1:4" x14ac:dyDescent="0.25">
      <c r="A92" s="20">
        <v>43559.583333333125</v>
      </c>
      <c r="B92" s="22">
        <v>0.83960908651351929</v>
      </c>
      <c r="C92" s="21">
        <v>144132.50010977045</v>
      </c>
      <c r="D92">
        <f t="shared" si="1"/>
        <v>14</v>
      </c>
    </row>
    <row r="93" spans="1:4" x14ac:dyDescent="0.25">
      <c r="A93" s="20">
        <v>43559.624999999789</v>
      </c>
      <c r="B93" s="22">
        <v>0.97334140539169312</v>
      </c>
      <c r="C93" s="21">
        <v>167089.81890848486</v>
      </c>
      <c r="D93">
        <f t="shared" si="1"/>
        <v>15</v>
      </c>
    </row>
    <row r="94" spans="1:4" x14ac:dyDescent="0.25">
      <c r="A94" s="20">
        <v>43559.666666666453</v>
      </c>
      <c r="B94" s="22">
        <v>0.86656796932220459</v>
      </c>
      <c r="C94" s="21">
        <v>148760.42903740666</v>
      </c>
      <c r="D94">
        <f t="shared" si="1"/>
        <v>16</v>
      </c>
    </row>
    <row r="95" spans="1:4" x14ac:dyDescent="0.25">
      <c r="A95" s="20">
        <v>43559.708333333117</v>
      </c>
      <c r="B95" s="22">
        <v>1.0848857164382935</v>
      </c>
      <c r="C95" s="21">
        <v>186238.20675041364</v>
      </c>
      <c r="D95">
        <f t="shared" si="1"/>
        <v>17</v>
      </c>
    </row>
    <row r="96" spans="1:4" x14ac:dyDescent="0.25">
      <c r="A96" s="20">
        <v>43559.749999999782</v>
      </c>
      <c r="B96" s="22">
        <v>1.2392829656600952</v>
      </c>
      <c r="C96" s="21">
        <v>212742.99558353363</v>
      </c>
      <c r="D96">
        <f t="shared" si="1"/>
        <v>18</v>
      </c>
    </row>
    <row r="97" spans="1:4" x14ac:dyDescent="0.25">
      <c r="A97" s="20">
        <v>43559.791666666446</v>
      </c>
      <c r="B97" s="22">
        <v>1.0761587619781494</v>
      </c>
      <c r="C97" s="21">
        <v>184740.08365373797</v>
      </c>
      <c r="D97">
        <f t="shared" si="1"/>
        <v>19</v>
      </c>
    </row>
    <row r="98" spans="1:4" x14ac:dyDescent="0.25">
      <c r="A98" s="20">
        <v>43559.83333333311</v>
      </c>
      <c r="B98" s="22">
        <v>1.1586216688156128</v>
      </c>
      <c r="C98" s="21">
        <v>198896.17738797519</v>
      </c>
      <c r="D98">
        <f t="shared" si="1"/>
        <v>20</v>
      </c>
    </row>
    <row r="99" spans="1:4" x14ac:dyDescent="0.25">
      <c r="A99" s="20">
        <v>43559.874999999774</v>
      </c>
      <c r="B99" s="22">
        <v>1.2791119813919067</v>
      </c>
      <c r="C99" s="21">
        <v>219580.29130430231</v>
      </c>
      <c r="D99">
        <f t="shared" si="1"/>
        <v>21</v>
      </c>
    </row>
    <row r="100" spans="1:4" x14ac:dyDescent="0.25">
      <c r="A100" s="20">
        <v>43559.916666666439</v>
      </c>
      <c r="B100" s="22">
        <v>1.225807785987854</v>
      </c>
      <c r="C100" s="21">
        <v>210429.76271506443</v>
      </c>
      <c r="D100">
        <f t="shared" si="1"/>
        <v>22</v>
      </c>
    </row>
    <row r="101" spans="1:4" x14ac:dyDescent="0.25">
      <c r="A101" s="20">
        <v>43559.958333333103</v>
      </c>
      <c r="B101" s="22">
        <v>0.93834882974624634</v>
      </c>
      <c r="C101" s="21">
        <v>161082.77647162662</v>
      </c>
      <c r="D101">
        <f t="shared" si="1"/>
        <v>23</v>
      </c>
    </row>
    <row r="102" spans="1:4" x14ac:dyDescent="0.25">
      <c r="A102" s="20">
        <v>43559.999999999767</v>
      </c>
      <c r="B102" s="22">
        <v>0.73382985591888428</v>
      </c>
      <c r="C102" s="21">
        <v>125973.78171309053</v>
      </c>
      <c r="D102">
        <f t="shared" si="1"/>
        <v>0</v>
      </c>
    </row>
    <row r="103" spans="1:4" x14ac:dyDescent="0.25">
      <c r="A103" s="20">
        <v>43560.041666666431</v>
      </c>
      <c r="B103" s="22">
        <v>0.71464347839355469</v>
      </c>
      <c r="C103" s="21">
        <v>122680.12922028711</v>
      </c>
      <c r="D103">
        <f t="shared" si="1"/>
        <v>1</v>
      </c>
    </row>
    <row r="104" spans="1:4" x14ac:dyDescent="0.25">
      <c r="A104" s="20">
        <v>43560.083333333096</v>
      </c>
      <c r="B104" s="22">
        <v>0.59814393520355225</v>
      </c>
      <c r="C104" s="21">
        <v>102681.09551360406</v>
      </c>
      <c r="D104">
        <f t="shared" si="1"/>
        <v>2</v>
      </c>
    </row>
    <row r="105" spans="1:4" x14ac:dyDescent="0.25">
      <c r="A105" s="20">
        <v>43560.12499999976</v>
      </c>
      <c r="B105" s="22">
        <v>0.60902774333953857</v>
      </c>
      <c r="C105" s="21">
        <v>104549.47748153731</v>
      </c>
      <c r="D105">
        <f t="shared" si="1"/>
        <v>3</v>
      </c>
    </row>
    <row r="106" spans="1:4" x14ac:dyDescent="0.25">
      <c r="A106" s="20">
        <v>43560.166666666424</v>
      </c>
      <c r="B106" s="22">
        <v>0.71121430397033691</v>
      </c>
      <c r="C106" s="21">
        <v>122091.45588305197</v>
      </c>
      <c r="D106">
        <f t="shared" si="1"/>
        <v>4</v>
      </c>
    </row>
    <row r="107" spans="1:4" x14ac:dyDescent="0.25">
      <c r="A107" s="20">
        <v>43560.208333333088</v>
      </c>
      <c r="B107" s="22">
        <v>0.77030110359191895</v>
      </c>
      <c r="C107" s="21">
        <v>132234.66215575652</v>
      </c>
      <c r="D107">
        <f t="shared" si="1"/>
        <v>5</v>
      </c>
    </row>
    <row r="108" spans="1:4" x14ac:dyDescent="0.25">
      <c r="A108" s="20">
        <v>43560.249999999753</v>
      </c>
      <c r="B108" s="22">
        <v>1.0238224267959595</v>
      </c>
      <c r="C108" s="21">
        <v>175755.70394946885</v>
      </c>
      <c r="D108">
        <f t="shared" si="1"/>
        <v>6</v>
      </c>
    </row>
    <row r="109" spans="1:4" x14ac:dyDescent="0.25">
      <c r="A109" s="20">
        <v>43560.291666666417</v>
      </c>
      <c r="B109" s="22">
        <v>1.1493216753005981</v>
      </c>
      <c r="C109" s="21">
        <v>197299.68285515651</v>
      </c>
      <c r="D109">
        <f t="shared" si="1"/>
        <v>7</v>
      </c>
    </row>
    <row r="110" spans="1:4" x14ac:dyDescent="0.25">
      <c r="A110" s="20">
        <v>43560.333333333081</v>
      </c>
      <c r="B110" s="22">
        <v>1.1706843376159668</v>
      </c>
      <c r="C110" s="21">
        <v>200966.92988472435</v>
      </c>
      <c r="D110">
        <f t="shared" si="1"/>
        <v>8</v>
      </c>
    </row>
    <row r="111" spans="1:4" x14ac:dyDescent="0.25">
      <c r="A111" s="20">
        <v>43560.374999999745</v>
      </c>
      <c r="B111" s="22">
        <v>0.95731157064437866</v>
      </c>
      <c r="C111" s="21">
        <v>164338.03811479319</v>
      </c>
      <c r="D111">
        <f t="shared" si="1"/>
        <v>9</v>
      </c>
    </row>
    <row r="112" spans="1:4" x14ac:dyDescent="0.25">
      <c r="A112" s="20">
        <v>43560.41666666641</v>
      </c>
      <c r="B112" s="22">
        <v>1.0126012563705444</v>
      </c>
      <c r="C112" s="21">
        <v>173829.40827979133</v>
      </c>
      <c r="D112">
        <f t="shared" si="1"/>
        <v>10</v>
      </c>
    </row>
    <row r="113" spans="1:4" x14ac:dyDescent="0.25">
      <c r="A113" s="20">
        <v>43560.458333333074</v>
      </c>
      <c r="B113" s="22">
        <v>0.87604129314422607</v>
      </c>
      <c r="C113" s="21">
        <v>150386.67852511443</v>
      </c>
      <c r="D113">
        <f t="shared" si="1"/>
        <v>11</v>
      </c>
    </row>
    <row r="114" spans="1:4" x14ac:dyDescent="0.25">
      <c r="A114" s="20">
        <v>43560.499999999738</v>
      </c>
      <c r="B114" s="22">
        <v>0.82762473821640015</v>
      </c>
      <c r="C114" s="21">
        <v>142075.19259607643</v>
      </c>
      <c r="D114">
        <f t="shared" si="1"/>
        <v>12</v>
      </c>
    </row>
    <row r="115" spans="1:4" x14ac:dyDescent="0.25">
      <c r="A115" s="20">
        <v>43560.541666666402</v>
      </c>
      <c r="B115" s="22">
        <v>0.8690340518951416</v>
      </c>
      <c r="C115" s="21">
        <v>149183.77205789555</v>
      </c>
      <c r="D115">
        <f t="shared" si="1"/>
        <v>13</v>
      </c>
    </row>
    <row r="116" spans="1:4" x14ac:dyDescent="0.25">
      <c r="A116" s="20">
        <v>43560.583333333067</v>
      </c>
      <c r="B116" s="22">
        <v>0.87890332937240601</v>
      </c>
      <c r="C116" s="21">
        <v>150877.99340438197</v>
      </c>
      <c r="D116">
        <f t="shared" si="1"/>
        <v>14</v>
      </c>
    </row>
    <row r="117" spans="1:4" x14ac:dyDescent="0.25">
      <c r="A117" s="20">
        <v>43560.624999999731</v>
      </c>
      <c r="B117" s="22">
        <v>0.92209845781326294</v>
      </c>
      <c r="C117" s="21">
        <v>158293.13689764278</v>
      </c>
      <c r="D117">
        <f t="shared" si="1"/>
        <v>15</v>
      </c>
    </row>
    <row r="118" spans="1:4" x14ac:dyDescent="0.25">
      <c r="A118" s="20">
        <v>43560.666666666395</v>
      </c>
      <c r="B118" s="22">
        <v>0.87630802392959595</v>
      </c>
      <c r="C118" s="21">
        <v>150432.46718506241</v>
      </c>
      <c r="D118">
        <f t="shared" si="1"/>
        <v>16</v>
      </c>
    </row>
    <row r="119" spans="1:4" x14ac:dyDescent="0.25">
      <c r="A119" s="20">
        <v>43560.708333333059</v>
      </c>
      <c r="B119" s="22">
        <v>1.0234841108322144</v>
      </c>
      <c r="C119" s="21">
        <v>175697.6265340801</v>
      </c>
      <c r="D119">
        <f t="shared" si="1"/>
        <v>17</v>
      </c>
    </row>
    <row r="120" spans="1:4" x14ac:dyDescent="0.25">
      <c r="A120" s="20">
        <v>43560.749999999724</v>
      </c>
      <c r="B120" s="22">
        <v>0.98444509506225586</v>
      </c>
      <c r="C120" s="21">
        <v>168995.9471035797</v>
      </c>
      <c r="D120">
        <f t="shared" si="1"/>
        <v>18</v>
      </c>
    </row>
    <row r="121" spans="1:4" x14ac:dyDescent="0.25">
      <c r="A121" s="20">
        <v>43560.791666666388</v>
      </c>
      <c r="B121" s="22">
        <v>0.97712326049804688</v>
      </c>
      <c r="C121" s="21">
        <v>167739.03559787915</v>
      </c>
      <c r="D121">
        <f t="shared" si="1"/>
        <v>19</v>
      </c>
    </row>
    <row r="122" spans="1:4" x14ac:dyDescent="0.25">
      <c r="A122" s="20">
        <v>43560.833333333052</v>
      </c>
      <c r="B122" s="22">
        <v>1.2164303064346313</v>
      </c>
      <c r="C122" s="21">
        <v>208819.96644862957</v>
      </c>
      <c r="D122">
        <f t="shared" si="1"/>
        <v>20</v>
      </c>
    </row>
    <row r="123" spans="1:4" x14ac:dyDescent="0.25">
      <c r="A123" s="20">
        <v>43560.874999999716</v>
      </c>
      <c r="B123" s="22">
        <v>1.350928783416748</v>
      </c>
      <c r="C123" s="21">
        <v>231908.80869649959</v>
      </c>
      <c r="D123">
        <f t="shared" si="1"/>
        <v>21</v>
      </c>
    </row>
    <row r="124" spans="1:4" x14ac:dyDescent="0.25">
      <c r="A124" s="20">
        <v>43560.91666666638</v>
      </c>
      <c r="B124" s="22">
        <v>1.1884936094284058</v>
      </c>
      <c r="C124" s="21">
        <v>204024.17987486004</v>
      </c>
      <c r="D124">
        <f t="shared" si="1"/>
        <v>22</v>
      </c>
    </row>
    <row r="125" spans="1:4" x14ac:dyDescent="0.25">
      <c r="A125" s="20">
        <v>43560.958333333045</v>
      </c>
      <c r="B125" s="22">
        <v>1.060853123664856</v>
      </c>
      <c r="C125" s="21">
        <v>182112.62290884359</v>
      </c>
      <c r="D125">
        <f t="shared" si="1"/>
        <v>23</v>
      </c>
    </row>
    <row r="126" spans="1:4" x14ac:dyDescent="0.25">
      <c r="A126" s="20">
        <v>43560.999999999709</v>
      </c>
      <c r="B126" s="22">
        <v>0.93209445476531982</v>
      </c>
      <c r="C126" s="21">
        <v>160009.11169464301</v>
      </c>
      <c r="D126">
        <f t="shared" si="1"/>
        <v>0</v>
      </c>
    </row>
    <row r="127" spans="1:4" x14ac:dyDescent="0.25">
      <c r="A127" s="20">
        <v>43561.041666666373</v>
      </c>
      <c r="B127" s="22">
        <v>0.80081456899642944</v>
      </c>
      <c r="C127" s="21">
        <v>137472.79276488049</v>
      </c>
      <c r="D127">
        <f t="shared" si="1"/>
        <v>1</v>
      </c>
    </row>
    <row r="128" spans="1:4" x14ac:dyDescent="0.25">
      <c r="A128" s="20">
        <v>43561.083333333037</v>
      </c>
      <c r="B128" s="22">
        <v>0.80437380075454712</v>
      </c>
      <c r="C128" s="21">
        <v>138083.79255038523</v>
      </c>
      <c r="D128">
        <f t="shared" si="1"/>
        <v>2</v>
      </c>
    </row>
    <row r="129" spans="1:4" x14ac:dyDescent="0.25">
      <c r="A129" s="20">
        <v>43561.124999999702</v>
      </c>
      <c r="B129" s="22">
        <v>0.72958582639694214</v>
      </c>
      <c r="C129" s="21">
        <v>125245.22529872716</v>
      </c>
      <c r="D129">
        <f t="shared" si="1"/>
        <v>3</v>
      </c>
    </row>
    <row r="130" spans="1:4" x14ac:dyDescent="0.25">
      <c r="A130" s="20">
        <v>43561.166666666366</v>
      </c>
      <c r="B130" s="22">
        <v>0.738139808177948</v>
      </c>
      <c r="C130" s="21">
        <v>126713.65483313044</v>
      </c>
      <c r="D130">
        <f t="shared" si="1"/>
        <v>4</v>
      </c>
    </row>
    <row r="131" spans="1:4" x14ac:dyDescent="0.25">
      <c r="A131" s="20">
        <v>43561.20833333303</v>
      </c>
      <c r="B131" s="22">
        <v>0.79884964227676392</v>
      </c>
      <c r="C131" s="21">
        <v>137135.4812645799</v>
      </c>
      <c r="D131">
        <f t="shared" si="1"/>
        <v>5</v>
      </c>
    </row>
    <row r="132" spans="1:4" x14ac:dyDescent="0.25">
      <c r="A132" s="20">
        <v>43561.249999999694</v>
      </c>
      <c r="B132" s="22">
        <v>0.87316560745239258</v>
      </c>
      <c r="C132" s="21">
        <v>149893.02049430989</v>
      </c>
      <c r="D132">
        <f t="shared" si="1"/>
        <v>6</v>
      </c>
    </row>
    <row r="133" spans="1:4" x14ac:dyDescent="0.25">
      <c r="A133" s="20">
        <v>43561.291666666359</v>
      </c>
      <c r="B133" s="22">
        <v>0.89652818441390991</v>
      </c>
      <c r="C133" s="21">
        <v>153903.58526851115</v>
      </c>
      <c r="D133">
        <f t="shared" si="1"/>
        <v>7</v>
      </c>
    </row>
    <row r="134" spans="1:4" x14ac:dyDescent="0.25">
      <c r="A134" s="20">
        <v>43561.333333333023</v>
      </c>
      <c r="B134" s="22">
        <v>1.0588277578353882</v>
      </c>
      <c r="C134" s="21">
        <v>181764.93605632239</v>
      </c>
      <c r="D134">
        <f t="shared" si="1"/>
        <v>8</v>
      </c>
    </row>
    <row r="135" spans="1:4" x14ac:dyDescent="0.25">
      <c r="A135" s="20">
        <v>43561.374999999687</v>
      </c>
      <c r="B135" s="22">
        <v>1.3232088088989258</v>
      </c>
      <c r="C135" s="21">
        <v>227150.22604844422</v>
      </c>
      <c r="D135">
        <f t="shared" ref="D135:D198" si="2">HOUR(A135)</f>
        <v>9</v>
      </c>
    </row>
    <row r="136" spans="1:4" x14ac:dyDescent="0.25">
      <c r="A136" s="20">
        <v>43561.416666666351</v>
      </c>
      <c r="B136" s="22">
        <v>1.0980523824691772</v>
      </c>
      <c r="C136" s="21">
        <v>188498.47825488492</v>
      </c>
      <c r="D136">
        <f t="shared" si="2"/>
        <v>10</v>
      </c>
    </row>
    <row r="137" spans="1:4" x14ac:dyDescent="0.25">
      <c r="A137" s="20">
        <v>43561.458333333016</v>
      </c>
      <c r="B137" s="22">
        <v>1.0092766284942627</v>
      </c>
      <c r="C137" s="21">
        <v>173258.68205083525</v>
      </c>
      <c r="D137">
        <f t="shared" si="2"/>
        <v>11</v>
      </c>
    </row>
    <row r="138" spans="1:4" x14ac:dyDescent="0.25">
      <c r="A138" s="20">
        <v>43561.49999999968</v>
      </c>
      <c r="B138" s="22">
        <v>1.0913875102996826</v>
      </c>
      <c r="C138" s="21">
        <v>187354.34498604396</v>
      </c>
      <c r="D138">
        <f t="shared" si="2"/>
        <v>12</v>
      </c>
    </row>
    <row r="139" spans="1:4" x14ac:dyDescent="0.25">
      <c r="A139" s="20">
        <v>43561.541666666344</v>
      </c>
      <c r="B139" s="22">
        <v>1.1368651390075684</v>
      </c>
      <c r="C139" s="21">
        <v>195161.31662322607</v>
      </c>
      <c r="D139">
        <f t="shared" si="2"/>
        <v>13</v>
      </c>
    </row>
    <row r="140" spans="1:4" x14ac:dyDescent="0.25">
      <c r="A140" s="20">
        <v>43561.583333333008</v>
      </c>
      <c r="B140" s="22">
        <v>1.1936792135238647</v>
      </c>
      <c r="C140" s="21">
        <v>204914.37281686548</v>
      </c>
      <c r="D140">
        <f t="shared" si="2"/>
        <v>14</v>
      </c>
    </row>
    <row r="141" spans="1:4" x14ac:dyDescent="0.25">
      <c r="A141" s="20">
        <v>43561.624999999673</v>
      </c>
      <c r="B141" s="22">
        <v>1.1805012226104736</v>
      </c>
      <c r="C141" s="21">
        <v>202652.15721286566</v>
      </c>
      <c r="D141">
        <f t="shared" si="2"/>
        <v>15</v>
      </c>
    </row>
    <row r="142" spans="1:4" x14ac:dyDescent="0.25">
      <c r="A142" s="20">
        <v>43561.666666666337</v>
      </c>
      <c r="B142" s="22">
        <v>1.255446195602417</v>
      </c>
      <c r="C142" s="21">
        <v>215517.67582325067</v>
      </c>
      <c r="D142">
        <f t="shared" si="2"/>
        <v>16</v>
      </c>
    </row>
    <row r="143" spans="1:4" x14ac:dyDescent="0.25">
      <c r="A143" s="20">
        <v>43561.708333333001</v>
      </c>
      <c r="B143" s="22">
        <v>1.2586559057235718</v>
      </c>
      <c r="C143" s="21">
        <v>216068.67455804371</v>
      </c>
      <c r="D143">
        <f t="shared" si="2"/>
        <v>17</v>
      </c>
    </row>
    <row r="144" spans="1:4" x14ac:dyDescent="0.25">
      <c r="A144" s="20">
        <v>43561.749999999665</v>
      </c>
      <c r="B144" s="22">
        <v>1.0889970064163208</v>
      </c>
      <c r="C144" s="21">
        <v>186943.97627188225</v>
      </c>
      <c r="D144">
        <f t="shared" si="2"/>
        <v>18</v>
      </c>
    </row>
    <row r="145" spans="1:4" x14ac:dyDescent="0.25">
      <c r="A145" s="20">
        <v>43561.79166666633</v>
      </c>
      <c r="B145" s="22">
        <v>1.214445948600769</v>
      </c>
      <c r="C145" s="21">
        <v>208479.31928282217</v>
      </c>
      <c r="D145">
        <f t="shared" si="2"/>
        <v>19</v>
      </c>
    </row>
    <row r="146" spans="1:4" x14ac:dyDescent="0.25">
      <c r="A146" s="20">
        <v>43561.833333332994</v>
      </c>
      <c r="B146" s="22">
        <v>1.1020598411560059</v>
      </c>
      <c r="C146" s="21">
        <v>189186.42345330783</v>
      </c>
      <c r="D146">
        <f t="shared" si="2"/>
        <v>20</v>
      </c>
    </row>
    <row r="147" spans="1:4" x14ac:dyDescent="0.25">
      <c r="A147" s="20">
        <v>43561.874999999658</v>
      </c>
      <c r="B147" s="22">
        <v>1.3104543685913086</v>
      </c>
      <c r="C147" s="21">
        <v>224960.71976681097</v>
      </c>
      <c r="D147">
        <f t="shared" si="2"/>
        <v>21</v>
      </c>
    </row>
    <row r="148" spans="1:4" x14ac:dyDescent="0.25">
      <c r="A148" s="20">
        <v>43561.916666666322</v>
      </c>
      <c r="B148" s="22">
        <v>1.2106611728668213</v>
      </c>
      <c r="C148" s="21">
        <v>207829.60122039157</v>
      </c>
      <c r="D148">
        <f t="shared" si="2"/>
        <v>22</v>
      </c>
    </row>
    <row r="149" spans="1:4" x14ac:dyDescent="0.25">
      <c r="A149" s="20">
        <v>43561.958333332987</v>
      </c>
      <c r="B149" s="22">
        <v>1.0182908773422241</v>
      </c>
      <c r="C149" s="21">
        <v>174806.12388291859</v>
      </c>
      <c r="D149">
        <f t="shared" si="2"/>
        <v>23</v>
      </c>
    </row>
    <row r="150" spans="1:4" x14ac:dyDescent="0.25">
      <c r="A150" s="20">
        <v>43561.999999999651</v>
      </c>
      <c r="B150" s="22">
        <v>0.87422817945480347</v>
      </c>
      <c r="C150" s="21">
        <v>150075.42819059876</v>
      </c>
      <c r="D150">
        <f t="shared" si="2"/>
        <v>0</v>
      </c>
    </row>
    <row r="151" spans="1:4" x14ac:dyDescent="0.25">
      <c r="A151" s="20">
        <v>43562.041666666315</v>
      </c>
      <c r="B151" s="22">
        <v>0.73432087898254395</v>
      </c>
      <c r="C151" s="21">
        <v>126058.07377580595</v>
      </c>
      <c r="D151">
        <f t="shared" si="2"/>
        <v>1</v>
      </c>
    </row>
    <row r="152" spans="1:4" x14ac:dyDescent="0.25">
      <c r="A152" s="20">
        <v>43562.083333332979</v>
      </c>
      <c r="B152" s="22">
        <v>0.81209564208984375</v>
      </c>
      <c r="C152" s="21">
        <v>139409.37169785358</v>
      </c>
      <c r="D152">
        <f t="shared" si="2"/>
        <v>2</v>
      </c>
    </row>
    <row r="153" spans="1:4" x14ac:dyDescent="0.25">
      <c r="A153" s="20">
        <v>43562.124999999643</v>
      </c>
      <c r="B153" s="22">
        <v>0.84382110834121704</v>
      </c>
      <c r="C153" s="21">
        <v>144855.56188494008</v>
      </c>
      <c r="D153">
        <f t="shared" si="2"/>
        <v>3</v>
      </c>
    </row>
    <row r="154" spans="1:4" x14ac:dyDescent="0.25">
      <c r="A154" s="20">
        <v>43562.166666666308</v>
      </c>
      <c r="B154" s="22">
        <v>0.84556400775909424</v>
      </c>
      <c r="C154" s="21">
        <v>145154.75880237893</v>
      </c>
      <c r="D154">
        <f t="shared" si="2"/>
        <v>4</v>
      </c>
    </row>
    <row r="155" spans="1:4" x14ac:dyDescent="0.25">
      <c r="A155" s="20">
        <v>43562.208333332972</v>
      </c>
      <c r="B155" s="22">
        <v>0.96626925468444824</v>
      </c>
      <c r="C155" s="21">
        <v>165875.76968133674</v>
      </c>
      <c r="D155">
        <f t="shared" si="2"/>
        <v>5</v>
      </c>
    </row>
    <row r="156" spans="1:4" x14ac:dyDescent="0.25">
      <c r="A156" s="20">
        <v>43562.249999999636</v>
      </c>
      <c r="B156" s="22">
        <v>0.98528951406478882</v>
      </c>
      <c r="C156" s="21">
        <v>169140.90530368767</v>
      </c>
      <c r="D156">
        <f t="shared" si="2"/>
        <v>6</v>
      </c>
    </row>
    <row r="157" spans="1:4" x14ac:dyDescent="0.25">
      <c r="A157" s="20">
        <v>43562.2916666663</v>
      </c>
      <c r="B157" s="22">
        <v>1.0720384120941162</v>
      </c>
      <c r="C157" s="21">
        <v>184032.75885264657</v>
      </c>
      <c r="D157">
        <f t="shared" si="2"/>
        <v>7</v>
      </c>
    </row>
    <row r="158" spans="1:4" x14ac:dyDescent="0.25">
      <c r="A158" s="20">
        <v>43562.333333332965</v>
      </c>
      <c r="B158" s="22">
        <v>1.2848566770553589</v>
      </c>
      <c r="C158" s="21">
        <v>220566.4613703998</v>
      </c>
      <c r="D158">
        <f t="shared" si="2"/>
        <v>8</v>
      </c>
    </row>
    <row r="159" spans="1:4" x14ac:dyDescent="0.25">
      <c r="A159" s="20">
        <v>43562.374999999629</v>
      </c>
      <c r="B159" s="22">
        <v>1.4253532886505127</v>
      </c>
      <c r="C159" s="21">
        <v>244684.98058539501</v>
      </c>
      <c r="D159">
        <f t="shared" si="2"/>
        <v>9</v>
      </c>
    </row>
    <row r="160" spans="1:4" x14ac:dyDescent="0.25">
      <c r="A160" s="20">
        <v>43562.416666666293</v>
      </c>
      <c r="B160" s="22">
        <v>1.3120609521865845</v>
      </c>
      <c r="C160" s="21">
        <v>225236.51586518815</v>
      </c>
      <c r="D160">
        <f t="shared" si="2"/>
        <v>10</v>
      </c>
    </row>
    <row r="161" spans="1:4" x14ac:dyDescent="0.25">
      <c r="A161" s="20">
        <v>43562.458333332957</v>
      </c>
      <c r="B161" s="22">
        <v>1.1335808038711548</v>
      </c>
      <c r="C161" s="21">
        <v>194597.50729575043</v>
      </c>
      <c r="D161">
        <f t="shared" si="2"/>
        <v>11</v>
      </c>
    </row>
    <row r="162" spans="1:4" x14ac:dyDescent="0.25">
      <c r="A162" s="20">
        <v>43562.499999999622</v>
      </c>
      <c r="B162" s="22">
        <v>0.94366711378097534</v>
      </c>
      <c r="C162" s="21">
        <v>161995.74607442407</v>
      </c>
      <c r="D162">
        <f t="shared" si="2"/>
        <v>12</v>
      </c>
    </row>
    <row r="163" spans="1:4" x14ac:dyDescent="0.25">
      <c r="A163" s="20">
        <v>43562.541666666286</v>
      </c>
      <c r="B163" s="22">
        <v>0.96227633953094482</v>
      </c>
      <c r="C163" s="21">
        <v>165190.32111599253</v>
      </c>
      <c r="D163">
        <f t="shared" si="2"/>
        <v>13</v>
      </c>
    </row>
    <row r="164" spans="1:4" x14ac:dyDescent="0.25">
      <c r="A164" s="20">
        <v>43562.58333333295</v>
      </c>
      <c r="B164" s="22">
        <v>1.1866674423217773</v>
      </c>
      <c r="C164" s="21">
        <v>203710.6887098352</v>
      </c>
      <c r="D164">
        <f t="shared" si="2"/>
        <v>14</v>
      </c>
    </row>
    <row r="165" spans="1:4" x14ac:dyDescent="0.25">
      <c r="A165" s="20">
        <v>43562.624999999614</v>
      </c>
      <c r="B165" s="22">
        <v>1.105088472366333</v>
      </c>
      <c r="C165" s="21">
        <v>189706.33705985014</v>
      </c>
      <c r="D165">
        <f t="shared" si="2"/>
        <v>15</v>
      </c>
    </row>
    <row r="166" spans="1:4" x14ac:dyDescent="0.25">
      <c r="A166" s="20">
        <v>43562.666666666279</v>
      </c>
      <c r="B166" s="22">
        <v>1.0222502946853638</v>
      </c>
      <c r="C166" s="21">
        <v>175485.82200649948</v>
      </c>
      <c r="D166">
        <f t="shared" si="2"/>
        <v>16</v>
      </c>
    </row>
    <row r="167" spans="1:4" x14ac:dyDescent="0.25">
      <c r="A167" s="20">
        <v>43562.708333332943</v>
      </c>
      <c r="B167" s="22">
        <v>1.15413498878479</v>
      </c>
      <c r="C167" s="21">
        <v>198125.96608318764</v>
      </c>
      <c r="D167">
        <f t="shared" si="2"/>
        <v>17</v>
      </c>
    </row>
    <row r="168" spans="1:4" x14ac:dyDescent="0.25">
      <c r="A168" s="20">
        <v>43562.749999999607</v>
      </c>
      <c r="B168" s="22">
        <v>1.2496908903121948</v>
      </c>
      <c r="C168" s="21">
        <v>214529.68444285804</v>
      </c>
      <c r="D168">
        <f t="shared" si="2"/>
        <v>18</v>
      </c>
    </row>
    <row r="169" spans="1:4" x14ac:dyDescent="0.25">
      <c r="A169" s="20">
        <v>43562.791666666271</v>
      </c>
      <c r="B169" s="22">
        <v>1.1691743135452271</v>
      </c>
      <c r="C169" s="21">
        <v>200707.70979285348</v>
      </c>
      <c r="D169">
        <f t="shared" si="2"/>
        <v>19</v>
      </c>
    </row>
    <row r="170" spans="1:4" x14ac:dyDescent="0.25">
      <c r="A170" s="20">
        <v>43562.833333332936</v>
      </c>
      <c r="B170" s="22">
        <v>1.2003127336502075</v>
      </c>
      <c r="C170" s="21">
        <v>206053.12399964329</v>
      </c>
      <c r="D170">
        <f t="shared" si="2"/>
        <v>20</v>
      </c>
    </row>
    <row r="171" spans="1:4" x14ac:dyDescent="0.25">
      <c r="A171" s="20">
        <v>43562.8749999996</v>
      </c>
      <c r="B171" s="22">
        <v>1.0900139808654785</v>
      </c>
      <c r="C171" s="21">
        <v>187118.55640954312</v>
      </c>
      <c r="D171">
        <f t="shared" si="2"/>
        <v>21</v>
      </c>
    </row>
    <row r="172" spans="1:4" x14ac:dyDescent="0.25">
      <c r="A172" s="20">
        <v>43562.916666666264</v>
      </c>
      <c r="B172" s="22">
        <v>1.0181432962417603</v>
      </c>
      <c r="C172" s="21">
        <v>174780.78919643117</v>
      </c>
      <c r="D172">
        <f t="shared" si="2"/>
        <v>22</v>
      </c>
    </row>
    <row r="173" spans="1:4" x14ac:dyDescent="0.25">
      <c r="A173" s="20">
        <v>43562.958333332928</v>
      </c>
      <c r="B173" s="22">
        <v>0.75928252935409546</v>
      </c>
      <c r="C173" s="21">
        <v>130343.1454034339</v>
      </c>
      <c r="D173">
        <f t="shared" si="2"/>
        <v>23</v>
      </c>
    </row>
    <row r="174" spans="1:4" x14ac:dyDescent="0.25">
      <c r="A174" s="20">
        <v>43562.999999999593</v>
      </c>
      <c r="B174" s="22">
        <v>0.68448442220687866</v>
      </c>
      <c r="C174" s="21">
        <v>117502.83869430296</v>
      </c>
      <c r="D174">
        <f t="shared" si="2"/>
        <v>0</v>
      </c>
    </row>
    <row r="175" spans="1:4" x14ac:dyDescent="0.25">
      <c r="A175" s="20">
        <v>43563.041666666257</v>
      </c>
      <c r="B175" s="22">
        <v>0.66313314437866211</v>
      </c>
      <c r="C175" s="21">
        <v>113837.54599636642</v>
      </c>
      <c r="D175">
        <f t="shared" si="2"/>
        <v>1</v>
      </c>
    </row>
    <row r="176" spans="1:4" x14ac:dyDescent="0.25">
      <c r="A176" s="20">
        <v>43563.083333332921</v>
      </c>
      <c r="B176" s="22">
        <v>0.68195426464080811</v>
      </c>
      <c r="C176" s="21">
        <v>117068.49616332377</v>
      </c>
      <c r="D176">
        <f t="shared" si="2"/>
        <v>2</v>
      </c>
    </row>
    <row r="177" spans="1:4" x14ac:dyDescent="0.25">
      <c r="A177" s="20">
        <v>43563.124999999585</v>
      </c>
      <c r="B177" s="22">
        <v>0.68080657720565796</v>
      </c>
      <c r="C177" s="21">
        <v>116871.47702426268</v>
      </c>
      <c r="D177">
        <f t="shared" si="2"/>
        <v>3</v>
      </c>
    </row>
    <row r="178" spans="1:4" x14ac:dyDescent="0.25">
      <c r="A178" s="20">
        <v>43563.16666666625</v>
      </c>
      <c r="B178" s="22">
        <v>0.67982500791549683</v>
      </c>
      <c r="C178" s="21">
        <v>116702.97475565411</v>
      </c>
      <c r="D178">
        <f t="shared" si="2"/>
        <v>4</v>
      </c>
    </row>
    <row r="179" spans="1:4" x14ac:dyDescent="0.25">
      <c r="A179" s="20">
        <v>43563.208333332914</v>
      </c>
      <c r="B179" s="22">
        <v>0.73061245679855347</v>
      </c>
      <c r="C179" s="21">
        <v>125421.46303703867</v>
      </c>
      <c r="D179">
        <f t="shared" si="2"/>
        <v>5</v>
      </c>
    </row>
    <row r="180" spans="1:4" x14ac:dyDescent="0.25">
      <c r="A180" s="20">
        <v>43563.249999999578</v>
      </c>
      <c r="B180" s="22">
        <v>0.9394257664680481</v>
      </c>
      <c r="C180" s="21">
        <v>161267.65010468586</v>
      </c>
      <c r="D180">
        <f t="shared" si="2"/>
        <v>6</v>
      </c>
    </row>
    <row r="181" spans="1:4" x14ac:dyDescent="0.25">
      <c r="A181" s="20">
        <v>43563.291666666242</v>
      </c>
      <c r="B181" s="22">
        <v>0.97989434003829956</v>
      </c>
      <c r="C181" s="21">
        <v>168214.73628830188</v>
      </c>
      <c r="D181">
        <f t="shared" si="2"/>
        <v>7</v>
      </c>
    </row>
    <row r="182" spans="1:4" x14ac:dyDescent="0.25">
      <c r="A182" s="20">
        <v>43563.333333332906</v>
      </c>
      <c r="B182" s="22">
        <v>1.0323027372360229</v>
      </c>
      <c r="C182" s="21">
        <v>177211.486604834</v>
      </c>
      <c r="D182">
        <f t="shared" si="2"/>
        <v>8</v>
      </c>
    </row>
    <row r="183" spans="1:4" x14ac:dyDescent="0.25">
      <c r="A183" s="20">
        <v>43563.374999999571</v>
      </c>
      <c r="B183" s="22">
        <v>1.0076531171798706</v>
      </c>
      <c r="C183" s="21">
        <v>172979.98003526812</v>
      </c>
      <c r="D183">
        <f t="shared" si="2"/>
        <v>9</v>
      </c>
    </row>
    <row r="184" spans="1:4" x14ac:dyDescent="0.25">
      <c r="A184" s="20">
        <v>43563.416666666235</v>
      </c>
      <c r="B184" s="22">
        <v>0.94506579637527466</v>
      </c>
      <c r="C184" s="21">
        <v>162235.85259829875</v>
      </c>
      <c r="D184">
        <f t="shared" si="2"/>
        <v>10</v>
      </c>
    </row>
    <row r="185" spans="1:4" x14ac:dyDescent="0.25">
      <c r="A185" s="20">
        <v>43563.458333332899</v>
      </c>
      <c r="B185" s="22">
        <v>1.1700757741928101</v>
      </c>
      <c r="C185" s="21">
        <v>200862.46011532348</v>
      </c>
      <c r="D185">
        <f t="shared" si="2"/>
        <v>11</v>
      </c>
    </row>
    <row r="186" spans="1:4" x14ac:dyDescent="0.25">
      <c r="A186" s="20">
        <v>43563.499999999563</v>
      </c>
      <c r="B186" s="22">
        <v>1.1210345029830933</v>
      </c>
      <c r="C186" s="21">
        <v>192443.73151703077</v>
      </c>
      <c r="D186">
        <f t="shared" si="2"/>
        <v>12</v>
      </c>
    </row>
    <row r="187" spans="1:4" x14ac:dyDescent="0.25">
      <c r="A187" s="20">
        <v>43563.541666666228</v>
      </c>
      <c r="B187" s="22">
        <v>1.0778040885925293</v>
      </c>
      <c r="C187" s="21">
        <v>185022.53061892322</v>
      </c>
      <c r="D187">
        <f t="shared" si="2"/>
        <v>13</v>
      </c>
    </row>
    <row r="188" spans="1:4" x14ac:dyDescent="0.25">
      <c r="A188" s="20">
        <v>43563.583333332892</v>
      </c>
      <c r="B188" s="22">
        <v>0.95304489135742188</v>
      </c>
      <c r="C188" s="21">
        <v>163605.59350137279</v>
      </c>
      <c r="D188">
        <f t="shared" si="2"/>
        <v>14</v>
      </c>
    </row>
    <row r="189" spans="1:4" x14ac:dyDescent="0.25">
      <c r="A189" s="20">
        <v>43563.624999999556</v>
      </c>
      <c r="B189" s="22">
        <v>1.0132031440734863</v>
      </c>
      <c r="C189" s="21">
        <v>173932.73205368067</v>
      </c>
      <c r="D189">
        <f t="shared" si="2"/>
        <v>15</v>
      </c>
    </row>
    <row r="190" spans="1:4" x14ac:dyDescent="0.25">
      <c r="A190" s="20">
        <v>43563.66666666622</v>
      </c>
      <c r="B190" s="22">
        <v>0.99251657724380493</v>
      </c>
      <c r="C190" s="21">
        <v>170381.54776596537</v>
      </c>
      <c r="D190">
        <f t="shared" si="2"/>
        <v>16</v>
      </c>
    </row>
    <row r="191" spans="1:4" x14ac:dyDescent="0.25">
      <c r="A191" s="20">
        <v>43563.708333332885</v>
      </c>
      <c r="B191" s="22">
        <v>1.1086236238479614</v>
      </c>
      <c r="C191" s="21">
        <v>190313.20307583109</v>
      </c>
      <c r="D191">
        <f t="shared" si="2"/>
        <v>17</v>
      </c>
    </row>
    <row r="192" spans="1:4" x14ac:dyDescent="0.25">
      <c r="A192" s="20">
        <v>43563.749999999549</v>
      </c>
      <c r="B192" s="22">
        <v>1.1710332632064819</v>
      </c>
      <c r="C192" s="21">
        <v>201026.82861440827</v>
      </c>
      <c r="D192">
        <f t="shared" si="2"/>
        <v>18</v>
      </c>
    </row>
    <row r="193" spans="1:4" x14ac:dyDescent="0.25">
      <c r="A193" s="20">
        <v>43563.791666666213</v>
      </c>
      <c r="B193" s="22">
        <v>1.0656734704971313</v>
      </c>
      <c r="C193" s="21">
        <v>182940.11352500296</v>
      </c>
      <c r="D193">
        <f t="shared" si="2"/>
        <v>19</v>
      </c>
    </row>
    <row r="194" spans="1:4" x14ac:dyDescent="0.25">
      <c r="A194" s="20">
        <v>43563.833333332877</v>
      </c>
      <c r="B194" s="22">
        <v>1.2392547130584717</v>
      </c>
      <c r="C194" s="21">
        <v>212738.1455668151</v>
      </c>
      <c r="D194">
        <f t="shared" si="2"/>
        <v>20</v>
      </c>
    </row>
    <row r="195" spans="1:4" x14ac:dyDescent="0.25">
      <c r="A195" s="20">
        <v>43563.874999999542</v>
      </c>
      <c r="B195" s="22">
        <v>1.2548490762710571</v>
      </c>
      <c r="C195" s="21">
        <v>215415.17061758388</v>
      </c>
      <c r="D195">
        <f t="shared" si="2"/>
        <v>21</v>
      </c>
    </row>
    <row r="196" spans="1:4" x14ac:dyDescent="0.25">
      <c r="A196" s="20">
        <v>43563.916666666206</v>
      </c>
      <c r="B196" s="22">
        <v>1.0211442708969116</v>
      </c>
      <c r="C196" s="21">
        <v>175295.95510728279</v>
      </c>
      <c r="D196">
        <f t="shared" si="2"/>
        <v>22</v>
      </c>
    </row>
    <row r="197" spans="1:4" x14ac:dyDescent="0.25">
      <c r="A197" s="20">
        <v>43563.95833333287</v>
      </c>
      <c r="B197" s="22">
        <v>0.84883004426956177</v>
      </c>
      <c r="C197" s="21">
        <v>145715.42687430064</v>
      </c>
      <c r="D197">
        <f t="shared" si="2"/>
        <v>23</v>
      </c>
    </row>
    <row r="198" spans="1:4" x14ac:dyDescent="0.25">
      <c r="A198" s="20">
        <v>43563.999999999534</v>
      </c>
      <c r="B198" s="22">
        <v>0.67795312404632568</v>
      </c>
      <c r="C198" s="21">
        <v>116381.63556779572</v>
      </c>
      <c r="D198">
        <f t="shared" si="2"/>
        <v>0</v>
      </c>
    </row>
    <row r="199" spans="1:4" x14ac:dyDescent="0.25">
      <c r="A199" s="20">
        <v>43564.041666666199</v>
      </c>
      <c r="B199" s="22">
        <v>0.73129338026046753</v>
      </c>
      <c r="C199" s="21">
        <v>125538.35457921651</v>
      </c>
      <c r="D199">
        <f t="shared" ref="D199:D262" si="3">HOUR(A199)</f>
        <v>1</v>
      </c>
    </row>
    <row r="200" spans="1:4" x14ac:dyDescent="0.25">
      <c r="A200" s="20">
        <v>43564.083333332863</v>
      </c>
      <c r="B200" s="22">
        <v>0.7346642017364502</v>
      </c>
      <c r="C200" s="21">
        <v>126117.01068782837</v>
      </c>
      <c r="D200">
        <f t="shared" si="3"/>
        <v>2</v>
      </c>
    </row>
    <row r="201" spans="1:4" x14ac:dyDescent="0.25">
      <c r="A201" s="20">
        <v>43564.124999999527</v>
      </c>
      <c r="B201" s="22">
        <v>0.67500460147857666</v>
      </c>
      <c r="C201" s="21">
        <v>115875.47390739198</v>
      </c>
      <c r="D201">
        <f t="shared" si="3"/>
        <v>3</v>
      </c>
    </row>
    <row r="202" spans="1:4" x14ac:dyDescent="0.25">
      <c r="A202" s="20">
        <v>43564.166666666191</v>
      </c>
      <c r="B202" s="22">
        <v>0.75572574138641357</v>
      </c>
      <c r="C202" s="21">
        <v>129732.56513414319</v>
      </c>
      <c r="D202">
        <f t="shared" si="3"/>
        <v>4</v>
      </c>
    </row>
    <row r="203" spans="1:4" x14ac:dyDescent="0.25">
      <c r="A203" s="20">
        <v>43564.208333332856</v>
      </c>
      <c r="B203" s="22">
        <v>0.83783566951751709</v>
      </c>
      <c r="C203" s="21">
        <v>143828.06435570738</v>
      </c>
      <c r="D203">
        <f t="shared" si="3"/>
        <v>5</v>
      </c>
    </row>
    <row r="204" spans="1:4" x14ac:dyDescent="0.25">
      <c r="A204" s="20">
        <v>43564.24999999952</v>
      </c>
      <c r="B204" s="22">
        <v>1.1151913404464722</v>
      </c>
      <c r="C204" s="21">
        <v>191440.65801713793</v>
      </c>
      <c r="D204">
        <f t="shared" si="3"/>
        <v>6</v>
      </c>
    </row>
    <row r="205" spans="1:4" x14ac:dyDescent="0.25">
      <c r="A205" s="20">
        <v>43564.291666666184</v>
      </c>
      <c r="B205" s="22">
        <v>1.127827525138855</v>
      </c>
      <c r="C205" s="21">
        <v>193609.86380685234</v>
      </c>
      <c r="D205">
        <f t="shared" si="3"/>
        <v>7</v>
      </c>
    </row>
    <row r="206" spans="1:4" x14ac:dyDescent="0.25">
      <c r="A206" s="20">
        <v>43564.333333332848</v>
      </c>
      <c r="B206" s="22">
        <v>1.1422873735427856</v>
      </c>
      <c r="C206" s="21">
        <v>196092.13101327475</v>
      </c>
      <c r="D206">
        <f t="shared" si="3"/>
        <v>8</v>
      </c>
    </row>
    <row r="207" spans="1:4" x14ac:dyDescent="0.25">
      <c r="A207" s="20">
        <v>43564.374999999513</v>
      </c>
      <c r="B207" s="22">
        <v>0.9926217794418335</v>
      </c>
      <c r="C207" s="21">
        <v>170399.60742737501</v>
      </c>
      <c r="D207">
        <f t="shared" si="3"/>
        <v>9</v>
      </c>
    </row>
    <row r="208" spans="1:4" x14ac:dyDescent="0.25">
      <c r="A208" s="20">
        <v>43564.416666666177</v>
      </c>
      <c r="B208" s="22">
        <v>0.94204986095428467</v>
      </c>
      <c r="C208" s="21">
        <v>161718.11842964892</v>
      </c>
      <c r="D208">
        <f t="shared" si="3"/>
        <v>10</v>
      </c>
    </row>
    <row r="209" spans="1:4" x14ac:dyDescent="0.25">
      <c r="A209" s="20">
        <v>43564.458333332841</v>
      </c>
      <c r="B209" s="22">
        <v>0.85770583152770996</v>
      </c>
      <c r="C209" s="21">
        <v>147239.09953162214</v>
      </c>
      <c r="D209">
        <f t="shared" si="3"/>
        <v>11</v>
      </c>
    </row>
    <row r="210" spans="1:4" x14ac:dyDescent="0.25">
      <c r="A210" s="20">
        <v>43564.499999999505</v>
      </c>
      <c r="B210" s="22">
        <v>0.87141323089599609</v>
      </c>
      <c r="C210" s="21">
        <v>149592.19667252875</v>
      </c>
      <c r="D210">
        <f t="shared" si="3"/>
        <v>12</v>
      </c>
    </row>
    <row r="211" spans="1:4" x14ac:dyDescent="0.25">
      <c r="A211" s="20">
        <v>43564.541666666169</v>
      </c>
      <c r="B211" s="22">
        <v>0.85158741474151611</v>
      </c>
      <c r="C211" s="21">
        <v>146188.77418108354</v>
      </c>
      <c r="D211">
        <f t="shared" si="3"/>
        <v>13</v>
      </c>
    </row>
    <row r="212" spans="1:4" x14ac:dyDescent="0.25">
      <c r="A212" s="20">
        <v>43564.583333332834</v>
      </c>
      <c r="B212" s="22">
        <v>0.92878270149230957</v>
      </c>
      <c r="C212" s="21">
        <v>159440.59559988778</v>
      </c>
      <c r="D212">
        <f t="shared" si="3"/>
        <v>14</v>
      </c>
    </row>
    <row r="213" spans="1:4" x14ac:dyDescent="0.25">
      <c r="A213" s="20">
        <v>43564.624999999498</v>
      </c>
      <c r="B213" s="22">
        <v>0.88742190599441528</v>
      </c>
      <c r="C213" s="21">
        <v>152340.34506973292</v>
      </c>
      <c r="D213">
        <f t="shared" si="3"/>
        <v>15</v>
      </c>
    </row>
    <row r="214" spans="1:4" x14ac:dyDescent="0.25">
      <c r="A214" s="20">
        <v>43564.666666666162</v>
      </c>
      <c r="B214" s="22">
        <v>1.1732202768325806</v>
      </c>
      <c r="C214" s="21">
        <v>201402.26492967337</v>
      </c>
      <c r="D214">
        <f t="shared" si="3"/>
        <v>16</v>
      </c>
    </row>
    <row r="215" spans="1:4" x14ac:dyDescent="0.25">
      <c r="A215" s="20">
        <v>43564.708333332826</v>
      </c>
      <c r="B215" s="22">
        <v>1.1514866352081299</v>
      </c>
      <c r="C215" s="21">
        <v>197671.33329239243</v>
      </c>
      <c r="D215">
        <f t="shared" si="3"/>
        <v>17</v>
      </c>
    </row>
    <row r="216" spans="1:4" x14ac:dyDescent="0.25">
      <c r="A216" s="20">
        <v>43564.749999999491</v>
      </c>
      <c r="B216" s="22">
        <v>1.119809627532959</v>
      </c>
      <c r="C216" s="21">
        <v>192233.46180486743</v>
      </c>
      <c r="D216">
        <f t="shared" si="3"/>
        <v>18</v>
      </c>
    </row>
    <row r="217" spans="1:4" x14ac:dyDescent="0.25">
      <c r="A217" s="20">
        <v>43564.791666666155</v>
      </c>
      <c r="B217" s="22">
        <v>1.1460633277893066</v>
      </c>
      <c r="C217" s="21">
        <v>196740.33472449364</v>
      </c>
      <c r="D217">
        <f t="shared" si="3"/>
        <v>19</v>
      </c>
    </row>
    <row r="218" spans="1:4" x14ac:dyDescent="0.25">
      <c r="A218" s="20">
        <v>43564.833333332819</v>
      </c>
      <c r="B218" s="22">
        <v>1.3659627437591553</v>
      </c>
      <c r="C218" s="21">
        <v>234489.63151691508</v>
      </c>
      <c r="D218">
        <f t="shared" si="3"/>
        <v>20</v>
      </c>
    </row>
    <row r="219" spans="1:4" x14ac:dyDescent="0.25">
      <c r="A219" s="20">
        <v>43564.874999999483</v>
      </c>
      <c r="B219" s="22">
        <v>1.3084110021591187</v>
      </c>
      <c r="C219" s="21">
        <v>224609.9428192497</v>
      </c>
      <c r="D219">
        <f t="shared" si="3"/>
        <v>21</v>
      </c>
    </row>
    <row r="220" spans="1:4" x14ac:dyDescent="0.25">
      <c r="A220" s="20">
        <v>43564.916666666148</v>
      </c>
      <c r="B220" s="22">
        <v>1.0660934448242188</v>
      </c>
      <c r="C220" s="21">
        <v>183012.20892120263</v>
      </c>
      <c r="D220">
        <f t="shared" si="3"/>
        <v>22</v>
      </c>
    </row>
    <row r="221" spans="1:4" x14ac:dyDescent="0.25">
      <c r="A221" s="20">
        <v>43564.958333332812</v>
      </c>
      <c r="B221" s="22">
        <v>0.89495956897735596</v>
      </c>
      <c r="C221" s="21">
        <v>153634.30701960591</v>
      </c>
      <c r="D221">
        <f t="shared" si="3"/>
        <v>23</v>
      </c>
    </row>
    <row r="222" spans="1:4" x14ac:dyDescent="0.25">
      <c r="A222" s="20">
        <v>43564.999999999476</v>
      </c>
      <c r="B222" s="22">
        <v>0.74519002437591553</v>
      </c>
      <c r="C222" s="21">
        <v>127923.93864645492</v>
      </c>
      <c r="D222">
        <f t="shared" si="3"/>
        <v>0</v>
      </c>
    </row>
    <row r="223" spans="1:4" x14ac:dyDescent="0.25">
      <c r="A223" s="20">
        <v>43565.04166666614</v>
      </c>
      <c r="B223" s="22">
        <v>0.72443950176239014</v>
      </c>
      <c r="C223" s="21">
        <v>124361.77531245486</v>
      </c>
      <c r="D223">
        <f t="shared" si="3"/>
        <v>1</v>
      </c>
    </row>
    <row r="224" spans="1:4" x14ac:dyDescent="0.25">
      <c r="A224" s="20">
        <v>43565.083333332805</v>
      </c>
      <c r="B224" s="22">
        <v>0.75222951173782349</v>
      </c>
      <c r="C224" s="21">
        <v>129132.38068127869</v>
      </c>
      <c r="D224">
        <f t="shared" si="3"/>
        <v>2</v>
      </c>
    </row>
    <row r="225" spans="1:4" x14ac:dyDescent="0.25">
      <c r="A225" s="20">
        <v>43565.124999999469</v>
      </c>
      <c r="B225" s="22">
        <v>0.83362215757369995</v>
      </c>
      <c r="C225" s="21">
        <v>143104.74677796822</v>
      </c>
      <c r="D225">
        <f t="shared" si="3"/>
        <v>3</v>
      </c>
    </row>
    <row r="226" spans="1:4" x14ac:dyDescent="0.25">
      <c r="A226" s="20">
        <v>43565.166666666133</v>
      </c>
      <c r="B226" s="22">
        <v>0.83094608783721924</v>
      </c>
      <c r="C226" s="21">
        <v>142645.35605937953</v>
      </c>
      <c r="D226">
        <f t="shared" si="3"/>
        <v>4</v>
      </c>
    </row>
    <row r="227" spans="1:4" x14ac:dyDescent="0.25">
      <c r="A227" s="20">
        <v>43565.208333332797</v>
      </c>
      <c r="B227" s="22">
        <v>1.2286292314529419</v>
      </c>
      <c r="C227" s="21">
        <v>210914.10953233764</v>
      </c>
      <c r="D227">
        <f t="shared" si="3"/>
        <v>5</v>
      </c>
    </row>
    <row r="228" spans="1:4" x14ac:dyDescent="0.25">
      <c r="A228" s="20">
        <v>43565.249999999462</v>
      </c>
      <c r="B228" s="22">
        <v>1.8026766777038574</v>
      </c>
      <c r="C228" s="21">
        <v>309458.6523901897</v>
      </c>
      <c r="D228">
        <f t="shared" si="3"/>
        <v>6</v>
      </c>
    </row>
    <row r="229" spans="1:4" x14ac:dyDescent="0.25">
      <c r="A229" s="20">
        <v>43565.291666666126</v>
      </c>
      <c r="B229" s="22">
        <v>1.7552114725112915</v>
      </c>
      <c r="C229" s="21">
        <v>301310.48105364997</v>
      </c>
      <c r="D229">
        <f t="shared" si="3"/>
        <v>7</v>
      </c>
    </row>
    <row r="230" spans="1:4" x14ac:dyDescent="0.25">
      <c r="A230" s="20">
        <v>43565.33333333279</v>
      </c>
      <c r="B230" s="22">
        <v>1.3892505168914795</v>
      </c>
      <c r="C230" s="21">
        <v>238487.35500212535</v>
      </c>
      <c r="D230">
        <f t="shared" si="3"/>
        <v>8</v>
      </c>
    </row>
    <row r="231" spans="1:4" x14ac:dyDescent="0.25">
      <c r="A231" s="20">
        <v>43565.374999999454</v>
      </c>
      <c r="B231" s="22">
        <v>1.3718134164810181</v>
      </c>
      <c r="C231" s="21">
        <v>235493.9942617584</v>
      </c>
      <c r="D231">
        <f t="shared" si="3"/>
        <v>9</v>
      </c>
    </row>
    <row r="232" spans="1:4" x14ac:dyDescent="0.25">
      <c r="A232" s="20">
        <v>43565.416666666119</v>
      </c>
      <c r="B232" s="22">
        <v>1.1758614778518677</v>
      </c>
      <c r="C232" s="21">
        <v>201855.66986813481</v>
      </c>
      <c r="D232">
        <f t="shared" si="3"/>
        <v>10</v>
      </c>
    </row>
    <row r="233" spans="1:4" x14ac:dyDescent="0.25">
      <c r="A233" s="20">
        <v>43565.458333332783</v>
      </c>
      <c r="B233" s="22">
        <v>0.87165230512619019</v>
      </c>
      <c r="C233" s="21">
        <v>149633.23763678604</v>
      </c>
      <c r="D233">
        <f t="shared" si="3"/>
        <v>11</v>
      </c>
    </row>
    <row r="234" spans="1:4" x14ac:dyDescent="0.25">
      <c r="A234" s="20">
        <v>43565.499999999447</v>
      </c>
      <c r="B234" s="22">
        <v>0.83943521976470947</v>
      </c>
      <c r="C234" s="21">
        <v>144102.65306595631</v>
      </c>
      <c r="D234">
        <f t="shared" si="3"/>
        <v>12</v>
      </c>
    </row>
    <row r="235" spans="1:4" x14ac:dyDescent="0.25">
      <c r="A235" s="20">
        <v>43565.541666666111</v>
      </c>
      <c r="B235" s="22">
        <v>0.90113228559494019</v>
      </c>
      <c r="C235" s="21">
        <v>154693.9538157786</v>
      </c>
      <c r="D235">
        <f t="shared" si="3"/>
        <v>13</v>
      </c>
    </row>
    <row r="236" spans="1:4" x14ac:dyDescent="0.25">
      <c r="A236" s="20">
        <v>43565.583333332776</v>
      </c>
      <c r="B236" s="22">
        <v>0.98173147439956665</v>
      </c>
      <c r="C236" s="21">
        <v>168530.11016023855</v>
      </c>
      <c r="D236">
        <f t="shared" si="3"/>
        <v>14</v>
      </c>
    </row>
    <row r="237" spans="1:4" x14ac:dyDescent="0.25">
      <c r="A237" s="20">
        <v>43565.62499999944</v>
      </c>
      <c r="B237" s="22">
        <v>1.0167932510375977</v>
      </c>
      <c r="C237" s="21">
        <v>174549.03206842631</v>
      </c>
      <c r="D237">
        <f t="shared" si="3"/>
        <v>15</v>
      </c>
    </row>
    <row r="238" spans="1:4" x14ac:dyDescent="0.25">
      <c r="A238" s="20">
        <v>43565.666666666104</v>
      </c>
      <c r="B238" s="22">
        <v>1.0801728963851929</v>
      </c>
      <c r="C238" s="21">
        <v>185429.17484767243</v>
      </c>
      <c r="D238">
        <f t="shared" si="3"/>
        <v>16</v>
      </c>
    </row>
    <row r="239" spans="1:4" x14ac:dyDescent="0.25">
      <c r="A239" s="20">
        <v>43565.708333332768</v>
      </c>
      <c r="B239" s="22">
        <v>1.2497951984405518</v>
      </c>
      <c r="C239" s="21">
        <v>214547.59062272593</v>
      </c>
      <c r="D239">
        <f t="shared" si="3"/>
        <v>17</v>
      </c>
    </row>
    <row r="240" spans="1:4" x14ac:dyDescent="0.25">
      <c r="A240" s="20">
        <v>43565.749999999432</v>
      </c>
      <c r="B240" s="22">
        <v>1.2376300096511841</v>
      </c>
      <c r="C240" s="21">
        <v>212459.2389091923</v>
      </c>
      <c r="D240">
        <f t="shared" si="3"/>
        <v>18</v>
      </c>
    </row>
    <row r="241" spans="1:4" x14ac:dyDescent="0.25">
      <c r="A241" s="20">
        <v>43565.791666666097</v>
      </c>
      <c r="B241" s="22">
        <v>1.1972213983535767</v>
      </c>
      <c r="C241" s="21">
        <v>205522.44622097467</v>
      </c>
      <c r="D241">
        <f t="shared" si="3"/>
        <v>19</v>
      </c>
    </row>
    <row r="242" spans="1:4" x14ac:dyDescent="0.25">
      <c r="A242" s="20">
        <v>43565.833333332761</v>
      </c>
      <c r="B242" s="22">
        <v>1.211857795715332</v>
      </c>
      <c r="C242" s="21">
        <v>208035.02091583642</v>
      </c>
      <c r="D242">
        <f t="shared" si="3"/>
        <v>20</v>
      </c>
    </row>
    <row r="243" spans="1:4" x14ac:dyDescent="0.25">
      <c r="A243" s="20">
        <v>43565.874999999425</v>
      </c>
      <c r="B243" s="22">
        <v>1.3167492151260376</v>
      </c>
      <c r="C243" s="21">
        <v>226041.33214158332</v>
      </c>
      <c r="D243">
        <f t="shared" si="3"/>
        <v>21</v>
      </c>
    </row>
    <row r="244" spans="1:4" x14ac:dyDescent="0.25">
      <c r="A244" s="20">
        <v>43565.916666666089</v>
      </c>
      <c r="B244" s="22">
        <v>1.1255844831466675</v>
      </c>
      <c r="C244" s="21">
        <v>193224.80931497246</v>
      </c>
      <c r="D244">
        <f t="shared" si="3"/>
        <v>22</v>
      </c>
    </row>
    <row r="245" spans="1:4" x14ac:dyDescent="0.25">
      <c r="A245" s="20">
        <v>43565.958333332754</v>
      </c>
      <c r="B245" s="22">
        <v>1.0152779817581177</v>
      </c>
      <c r="C245" s="21">
        <v>174288.91155151065</v>
      </c>
      <c r="D245">
        <f t="shared" si="3"/>
        <v>23</v>
      </c>
    </row>
    <row r="246" spans="1:4" x14ac:dyDescent="0.25">
      <c r="A246" s="20">
        <v>43565.999999999418</v>
      </c>
      <c r="B246" s="22">
        <v>0.83060359954833984</v>
      </c>
      <c r="C246" s="21">
        <v>142586.56239679601</v>
      </c>
      <c r="D246">
        <f t="shared" si="3"/>
        <v>0</v>
      </c>
    </row>
    <row r="247" spans="1:4" x14ac:dyDescent="0.25">
      <c r="A247" s="20">
        <v>43566.041666666082</v>
      </c>
      <c r="B247" s="22">
        <v>0.66899204254150391</v>
      </c>
      <c r="C247" s="21">
        <v>114843.32077139363</v>
      </c>
      <c r="D247">
        <f t="shared" si="3"/>
        <v>1</v>
      </c>
    </row>
    <row r="248" spans="1:4" x14ac:dyDescent="0.25">
      <c r="A248" s="20">
        <v>43566.083333332746</v>
      </c>
      <c r="B248" s="22">
        <v>0.74123668670654297</v>
      </c>
      <c r="C248" s="21">
        <v>127245.28419735776</v>
      </c>
      <c r="D248">
        <f t="shared" si="3"/>
        <v>2</v>
      </c>
    </row>
    <row r="249" spans="1:4" x14ac:dyDescent="0.25">
      <c r="A249" s="20">
        <v>43566.124999999411</v>
      </c>
      <c r="B249" s="22">
        <v>0.712909996509552</v>
      </c>
      <c r="C249" s="21">
        <v>122382.54897508776</v>
      </c>
      <c r="D249">
        <f t="shared" si="3"/>
        <v>3</v>
      </c>
    </row>
    <row r="250" spans="1:4" x14ac:dyDescent="0.25">
      <c r="A250" s="20">
        <v>43566.166666666075</v>
      </c>
      <c r="B250" s="22">
        <v>0.80046957731246948</v>
      </c>
      <c r="C250" s="21">
        <v>137413.56935398016</v>
      </c>
      <c r="D250">
        <f t="shared" si="3"/>
        <v>4</v>
      </c>
    </row>
    <row r="251" spans="1:4" x14ac:dyDescent="0.25">
      <c r="A251" s="20">
        <v>43566.208333332739</v>
      </c>
      <c r="B251" s="22">
        <v>0.89038509130477905</v>
      </c>
      <c r="C251" s="21">
        <v>152849.02382742096</v>
      </c>
      <c r="D251">
        <f t="shared" si="3"/>
        <v>5</v>
      </c>
    </row>
    <row r="252" spans="1:4" x14ac:dyDescent="0.25">
      <c r="A252" s="20">
        <v>43566.249999999403</v>
      </c>
      <c r="B252" s="22">
        <v>1.1460769176483154</v>
      </c>
      <c r="C252" s="21">
        <v>196742.66764392788</v>
      </c>
      <c r="D252">
        <f t="shared" si="3"/>
        <v>6</v>
      </c>
    </row>
    <row r="253" spans="1:4" x14ac:dyDescent="0.25">
      <c r="A253" s="20">
        <v>43566.291666666068</v>
      </c>
      <c r="B253" s="22">
        <v>1.2784277200698853</v>
      </c>
      <c r="C253" s="21">
        <v>219462.82676436868</v>
      </c>
      <c r="D253">
        <f t="shared" si="3"/>
        <v>7</v>
      </c>
    </row>
    <row r="254" spans="1:4" x14ac:dyDescent="0.25">
      <c r="A254" s="20">
        <v>43566.333333332732</v>
      </c>
      <c r="B254" s="22">
        <v>1.1858484745025635</v>
      </c>
      <c r="C254" s="21">
        <v>203570.09961761502</v>
      </c>
      <c r="D254">
        <f t="shared" si="3"/>
        <v>8</v>
      </c>
    </row>
    <row r="255" spans="1:4" x14ac:dyDescent="0.25">
      <c r="A255" s="20">
        <v>43566.374999999396</v>
      </c>
      <c r="B255" s="22">
        <v>0.93858194351196289</v>
      </c>
      <c r="C255" s="21">
        <v>161122.79422560573</v>
      </c>
      <c r="D255">
        <f t="shared" si="3"/>
        <v>9</v>
      </c>
    </row>
    <row r="256" spans="1:4" x14ac:dyDescent="0.25">
      <c r="A256" s="20">
        <v>43566.41666666606</v>
      </c>
      <c r="B256" s="22">
        <v>0.74662691354751587</v>
      </c>
      <c r="C256" s="21">
        <v>128170.60394821267</v>
      </c>
      <c r="D256">
        <f t="shared" si="3"/>
        <v>10</v>
      </c>
    </row>
    <row r="257" spans="1:4" x14ac:dyDescent="0.25">
      <c r="A257" s="20">
        <v>43566.458333332725</v>
      </c>
      <c r="B257" s="22">
        <v>0.7910197377204895</v>
      </c>
      <c r="C257" s="21">
        <v>135791.35131476837</v>
      </c>
      <c r="D257">
        <f t="shared" si="3"/>
        <v>11</v>
      </c>
    </row>
    <row r="258" spans="1:4" x14ac:dyDescent="0.25">
      <c r="A258" s="20">
        <v>43566.499999999389</v>
      </c>
      <c r="B258" s="22">
        <v>0.77386558055877686</v>
      </c>
      <c r="C258" s="21">
        <v>132846.56236630605</v>
      </c>
      <c r="D258">
        <f t="shared" si="3"/>
        <v>12</v>
      </c>
    </row>
    <row r="259" spans="1:4" x14ac:dyDescent="0.25">
      <c r="A259" s="20">
        <v>43566.541666666053</v>
      </c>
      <c r="B259" s="22">
        <v>1.1263221502304077</v>
      </c>
      <c r="C259" s="21">
        <v>193351.44181899843</v>
      </c>
      <c r="D259">
        <f t="shared" si="3"/>
        <v>13</v>
      </c>
    </row>
    <row r="260" spans="1:4" x14ac:dyDescent="0.25">
      <c r="A260" s="20">
        <v>43566.583333332717</v>
      </c>
      <c r="B260" s="22">
        <v>1.1823983192443848</v>
      </c>
      <c r="C260" s="21">
        <v>202977.82458020074</v>
      </c>
      <c r="D260">
        <f t="shared" si="3"/>
        <v>14</v>
      </c>
    </row>
    <row r="261" spans="1:4" x14ac:dyDescent="0.25">
      <c r="A261" s="20">
        <v>43566.624999999382</v>
      </c>
      <c r="B261" s="22">
        <v>1.2515705823898315</v>
      </c>
      <c r="C261" s="21">
        <v>214852.36403618081</v>
      </c>
      <c r="D261">
        <f t="shared" si="3"/>
        <v>15</v>
      </c>
    </row>
    <row r="262" spans="1:4" x14ac:dyDescent="0.25">
      <c r="A262" s="20">
        <v>43566.666666666046</v>
      </c>
      <c r="B262" s="22">
        <v>1.2749825716018677</v>
      </c>
      <c r="C262" s="21">
        <v>218871.41122358807</v>
      </c>
      <c r="D262">
        <f t="shared" si="3"/>
        <v>16</v>
      </c>
    </row>
    <row r="263" spans="1:4" x14ac:dyDescent="0.25">
      <c r="A263" s="20">
        <v>43566.70833333271</v>
      </c>
      <c r="B263" s="22">
        <v>1.3202559947967529</v>
      </c>
      <c r="C263" s="21">
        <v>226643.32767664021</v>
      </c>
      <c r="D263">
        <f t="shared" ref="D263:D326" si="4">HOUR(A263)</f>
        <v>17</v>
      </c>
    </row>
    <row r="264" spans="1:4" x14ac:dyDescent="0.25">
      <c r="A264" s="20">
        <v>43566.749999999374</v>
      </c>
      <c r="B264" s="22">
        <v>1.4884312152862549</v>
      </c>
      <c r="C264" s="21">
        <v>255513.3284603603</v>
      </c>
      <c r="D264">
        <f t="shared" si="4"/>
        <v>18</v>
      </c>
    </row>
    <row r="265" spans="1:4" x14ac:dyDescent="0.25">
      <c r="A265" s="20">
        <v>43566.791666666039</v>
      </c>
      <c r="B265" s="22">
        <v>1.5369579792022705</v>
      </c>
      <c r="C265" s="21">
        <v>263843.7335474416</v>
      </c>
      <c r="D265">
        <f t="shared" si="4"/>
        <v>19</v>
      </c>
    </row>
    <row r="266" spans="1:4" x14ac:dyDescent="0.25">
      <c r="A266" s="20">
        <v>43566.833333332703</v>
      </c>
      <c r="B266" s="22">
        <v>1.4963533878326416</v>
      </c>
      <c r="C266" s="21">
        <v>256873.29770527783</v>
      </c>
      <c r="D266">
        <f t="shared" si="4"/>
        <v>20</v>
      </c>
    </row>
    <row r="267" spans="1:4" x14ac:dyDescent="0.25">
      <c r="A267" s="20">
        <v>43566.874999999367</v>
      </c>
      <c r="B267" s="22">
        <v>1.5576757192611694</v>
      </c>
      <c r="C267" s="21">
        <v>267400.26922491175</v>
      </c>
      <c r="D267">
        <f t="shared" si="4"/>
        <v>21</v>
      </c>
    </row>
    <row r="268" spans="1:4" x14ac:dyDescent="0.25">
      <c r="A268" s="20">
        <v>43566.916666666031</v>
      </c>
      <c r="B268" s="22">
        <v>1.3236817121505737</v>
      </c>
      <c r="C268" s="21">
        <v>227231.40755191399</v>
      </c>
      <c r="D268">
        <f t="shared" si="4"/>
        <v>22</v>
      </c>
    </row>
    <row r="269" spans="1:4" x14ac:dyDescent="0.25">
      <c r="A269" s="20">
        <v>43566.958333332695</v>
      </c>
      <c r="B269" s="22">
        <v>1.0419464111328125</v>
      </c>
      <c r="C269" s="21">
        <v>178866.97944229178</v>
      </c>
      <c r="D269">
        <f t="shared" si="4"/>
        <v>23</v>
      </c>
    </row>
    <row r="270" spans="1:4" x14ac:dyDescent="0.25">
      <c r="A270" s="20">
        <v>43566.99999999936</v>
      </c>
      <c r="B270" s="22">
        <v>0.86852669715881348</v>
      </c>
      <c r="C270" s="21">
        <v>149096.67639901798</v>
      </c>
      <c r="D270">
        <f t="shared" si="4"/>
        <v>0</v>
      </c>
    </row>
    <row r="271" spans="1:4" x14ac:dyDescent="0.25">
      <c r="A271" s="20">
        <v>43567.041666666024</v>
      </c>
      <c r="B271" s="22">
        <v>0.73993176221847534</v>
      </c>
      <c r="C271" s="21">
        <v>127021.2727711586</v>
      </c>
      <c r="D271">
        <f t="shared" si="4"/>
        <v>1</v>
      </c>
    </row>
    <row r="272" spans="1:4" x14ac:dyDescent="0.25">
      <c r="A272" s="20">
        <v>43567.083333332688</v>
      </c>
      <c r="B272" s="22">
        <v>0.66889804601669312</v>
      </c>
      <c r="C272" s="21">
        <v>114827.18474530693</v>
      </c>
      <c r="D272">
        <f t="shared" si="4"/>
        <v>2</v>
      </c>
    </row>
    <row r="273" spans="1:4" x14ac:dyDescent="0.25">
      <c r="A273" s="20">
        <v>43567.124999999352</v>
      </c>
      <c r="B273" s="22">
        <v>0.56651753187179565</v>
      </c>
      <c r="C273" s="21">
        <v>97251.911081340717</v>
      </c>
      <c r="D273">
        <f t="shared" si="4"/>
        <v>3</v>
      </c>
    </row>
    <row r="274" spans="1:4" x14ac:dyDescent="0.25">
      <c r="A274" s="20">
        <v>43567.166666666017</v>
      </c>
      <c r="B274" s="22">
        <v>0.59594631195068359</v>
      </c>
      <c r="C274" s="21">
        <v>102303.83788404382</v>
      </c>
      <c r="D274">
        <f t="shared" si="4"/>
        <v>4</v>
      </c>
    </row>
    <row r="275" spans="1:4" x14ac:dyDescent="0.25">
      <c r="A275" s="20">
        <v>43567.208333332681</v>
      </c>
      <c r="B275" s="22">
        <v>0.73495405912399292</v>
      </c>
      <c r="C275" s="21">
        <v>126166.76940365565</v>
      </c>
      <c r="D275">
        <f t="shared" si="4"/>
        <v>5</v>
      </c>
    </row>
    <row r="276" spans="1:4" x14ac:dyDescent="0.25">
      <c r="A276" s="20">
        <v>43567.249999999345</v>
      </c>
      <c r="B276" s="22">
        <v>0.87107312679290771</v>
      </c>
      <c r="C276" s="21">
        <v>149533.81229405652</v>
      </c>
      <c r="D276">
        <f t="shared" si="4"/>
        <v>6</v>
      </c>
    </row>
    <row r="277" spans="1:4" x14ac:dyDescent="0.25">
      <c r="A277" s="20">
        <v>43567.291666666009</v>
      </c>
      <c r="B277" s="22">
        <v>0.9574090838432312</v>
      </c>
      <c r="C277" s="21">
        <v>164354.77783494402</v>
      </c>
      <c r="D277">
        <f t="shared" si="4"/>
        <v>7</v>
      </c>
    </row>
    <row r="278" spans="1:4" x14ac:dyDescent="0.25">
      <c r="A278" s="20">
        <v>43567.333333332674</v>
      </c>
      <c r="B278" s="22">
        <v>0.89313411712646484</v>
      </c>
      <c r="C278" s="21">
        <v>153320.93863981444</v>
      </c>
      <c r="D278">
        <f t="shared" si="4"/>
        <v>8</v>
      </c>
    </row>
    <row r="279" spans="1:4" x14ac:dyDescent="0.25">
      <c r="A279" s="20">
        <v>43567.374999999338</v>
      </c>
      <c r="B279" s="22">
        <v>0.96859663724899292</v>
      </c>
      <c r="C279" s="21">
        <v>166275.30259865266</v>
      </c>
      <c r="D279">
        <f t="shared" si="4"/>
        <v>9</v>
      </c>
    </row>
    <row r="280" spans="1:4" x14ac:dyDescent="0.25">
      <c r="A280" s="20">
        <v>43567.416666666002</v>
      </c>
      <c r="B280" s="22">
        <v>0.93688732385635376</v>
      </c>
      <c r="C280" s="21">
        <v>160831.88531142002</v>
      </c>
      <c r="D280">
        <f t="shared" si="4"/>
        <v>10</v>
      </c>
    </row>
    <row r="281" spans="1:4" x14ac:dyDescent="0.25">
      <c r="A281" s="20">
        <v>43567.458333332666</v>
      </c>
      <c r="B281" s="22">
        <v>1.0261865854263306</v>
      </c>
      <c r="C281" s="21">
        <v>176161.55007420111</v>
      </c>
      <c r="D281">
        <f t="shared" si="4"/>
        <v>11</v>
      </c>
    </row>
    <row r="282" spans="1:4" x14ac:dyDescent="0.25">
      <c r="A282" s="20">
        <v>43567.499999999331</v>
      </c>
      <c r="B282" s="22">
        <v>1.0817134380340576</v>
      </c>
      <c r="C282" s="21">
        <v>185693.63377616752</v>
      </c>
      <c r="D282">
        <f t="shared" si="4"/>
        <v>12</v>
      </c>
    </row>
    <row r="283" spans="1:4" x14ac:dyDescent="0.25">
      <c r="A283" s="20">
        <v>43567.541666665995</v>
      </c>
      <c r="B283" s="22">
        <v>1.150510311126709</v>
      </c>
      <c r="C283" s="21">
        <v>197503.73144882862</v>
      </c>
      <c r="D283">
        <f t="shared" si="4"/>
        <v>13</v>
      </c>
    </row>
    <row r="284" spans="1:4" x14ac:dyDescent="0.25">
      <c r="A284" s="20">
        <v>43567.583333332659</v>
      </c>
      <c r="B284" s="22">
        <v>1.1540510654449463</v>
      </c>
      <c r="C284" s="21">
        <v>198111.55928247105</v>
      </c>
      <c r="D284">
        <f t="shared" si="4"/>
        <v>14</v>
      </c>
    </row>
    <row r="285" spans="1:4" x14ac:dyDescent="0.25">
      <c r="A285" s="20">
        <v>43567.624999999323</v>
      </c>
      <c r="B285" s="22">
        <v>1.1026537418365479</v>
      </c>
      <c r="C285" s="21">
        <v>189288.3761254244</v>
      </c>
      <c r="D285">
        <f t="shared" si="4"/>
        <v>15</v>
      </c>
    </row>
    <row r="286" spans="1:4" x14ac:dyDescent="0.25">
      <c r="A286" s="20">
        <v>43567.666666665988</v>
      </c>
      <c r="B286" s="22">
        <v>1.2153548002243042</v>
      </c>
      <c r="C286" s="21">
        <v>208635.33838603707</v>
      </c>
      <c r="D286">
        <f t="shared" si="4"/>
        <v>16</v>
      </c>
    </row>
    <row r="287" spans="1:4" x14ac:dyDescent="0.25">
      <c r="A287" s="20">
        <v>43567.708333332652</v>
      </c>
      <c r="B287" s="22">
        <v>1.2199341058731079</v>
      </c>
      <c r="C287" s="21">
        <v>209421.45037854736</v>
      </c>
      <c r="D287">
        <f t="shared" si="4"/>
        <v>17</v>
      </c>
    </row>
    <row r="288" spans="1:4" x14ac:dyDescent="0.25">
      <c r="A288" s="20">
        <v>43567.749999999316</v>
      </c>
      <c r="B288" s="22">
        <v>1.3838701248168945</v>
      </c>
      <c r="C288" s="21">
        <v>237563.72354822941</v>
      </c>
      <c r="D288">
        <f t="shared" si="4"/>
        <v>18</v>
      </c>
    </row>
    <row r="289" spans="1:4" x14ac:dyDescent="0.25">
      <c r="A289" s="20">
        <v>43567.79166666598</v>
      </c>
      <c r="B289" s="22">
        <v>1.2790559530258179</v>
      </c>
      <c r="C289" s="21">
        <v>219570.67312768754</v>
      </c>
      <c r="D289">
        <f t="shared" si="4"/>
        <v>19</v>
      </c>
    </row>
    <row r="290" spans="1:4" x14ac:dyDescent="0.25">
      <c r="A290" s="20">
        <v>43567.833333332645</v>
      </c>
      <c r="B290" s="22">
        <v>1.3060234785079956</v>
      </c>
      <c r="C290" s="21">
        <v>224200.08571022705</v>
      </c>
      <c r="D290">
        <f t="shared" si="4"/>
        <v>20</v>
      </c>
    </row>
    <row r="291" spans="1:4" x14ac:dyDescent="0.25">
      <c r="A291" s="20">
        <v>43567.874999999309</v>
      </c>
      <c r="B291" s="22">
        <v>1.3005609512329102</v>
      </c>
      <c r="C291" s="21">
        <v>223262.35441869797</v>
      </c>
      <c r="D291">
        <f t="shared" si="4"/>
        <v>21</v>
      </c>
    </row>
    <row r="292" spans="1:4" x14ac:dyDescent="0.25">
      <c r="A292" s="20">
        <v>43567.916666665973</v>
      </c>
      <c r="B292" s="22">
        <v>1.0551625490188599</v>
      </c>
      <c r="C292" s="21">
        <v>181135.74359207184</v>
      </c>
      <c r="D292">
        <f t="shared" si="4"/>
        <v>22</v>
      </c>
    </row>
    <row r="293" spans="1:4" x14ac:dyDescent="0.25">
      <c r="A293" s="20">
        <v>43567.958333332637</v>
      </c>
      <c r="B293" s="22">
        <v>0.88375610113143921</v>
      </c>
      <c r="C293" s="21">
        <v>151711.05028445454</v>
      </c>
      <c r="D293">
        <f t="shared" si="4"/>
        <v>23</v>
      </c>
    </row>
    <row r="294" spans="1:4" x14ac:dyDescent="0.25">
      <c r="A294" s="20">
        <v>43567.999999999302</v>
      </c>
      <c r="B294" s="22">
        <v>0.73128151893615723</v>
      </c>
      <c r="C294" s="21">
        <v>125536.31839076296</v>
      </c>
      <c r="D294">
        <f t="shared" si="4"/>
        <v>0</v>
      </c>
    </row>
    <row r="295" spans="1:4" x14ac:dyDescent="0.25">
      <c r="A295" s="20">
        <v>43568.041666665966</v>
      </c>
      <c r="B295" s="22">
        <v>0.68778014183044434</v>
      </c>
      <c r="C295" s="21">
        <v>118068.60235340992</v>
      </c>
      <c r="D295">
        <f t="shared" si="4"/>
        <v>1</v>
      </c>
    </row>
    <row r="296" spans="1:4" x14ac:dyDescent="0.25">
      <c r="A296" s="20">
        <v>43568.08333333263</v>
      </c>
      <c r="B296" s="22">
        <v>0.68892395496368408</v>
      </c>
      <c r="C296" s="21">
        <v>118264.95640579022</v>
      </c>
      <c r="D296">
        <f t="shared" si="4"/>
        <v>2</v>
      </c>
    </row>
    <row r="297" spans="1:4" x14ac:dyDescent="0.25">
      <c r="A297" s="20">
        <v>43568.124999999294</v>
      </c>
      <c r="B297" s="22">
        <v>0.60785329341888428</v>
      </c>
      <c r="C297" s="21">
        <v>104347.86412832724</v>
      </c>
      <c r="D297">
        <f t="shared" si="4"/>
        <v>3</v>
      </c>
    </row>
    <row r="298" spans="1:4" x14ac:dyDescent="0.25">
      <c r="A298" s="20">
        <v>43568.166666665958</v>
      </c>
      <c r="B298" s="22">
        <v>0.60622376203536987</v>
      </c>
      <c r="C298" s="21">
        <v>104068.12867037913</v>
      </c>
      <c r="D298">
        <f t="shared" si="4"/>
        <v>4</v>
      </c>
    </row>
    <row r="299" spans="1:4" x14ac:dyDescent="0.25">
      <c r="A299" s="20">
        <v>43568.208333332623</v>
      </c>
      <c r="B299" s="22">
        <v>0.61546117067337036</v>
      </c>
      <c r="C299" s="21">
        <v>105653.87949527705</v>
      </c>
      <c r="D299">
        <f t="shared" si="4"/>
        <v>5</v>
      </c>
    </row>
    <row r="300" spans="1:4" x14ac:dyDescent="0.25">
      <c r="A300" s="20">
        <v>43568.249999999287</v>
      </c>
      <c r="B300" s="22">
        <v>0.76612067222595215</v>
      </c>
      <c r="C300" s="21">
        <v>131517.02339506117</v>
      </c>
      <c r="D300">
        <f t="shared" si="4"/>
        <v>6</v>
      </c>
    </row>
    <row r="301" spans="1:4" x14ac:dyDescent="0.25">
      <c r="A301" s="20">
        <v>43568.291666665951</v>
      </c>
      <c r="B301" s="22">
        <v>0.87757164239883423</v>
      </c>
      <c r="C301" s="21">
        <v>150649.38776403386</v>
      </c>
      <c r="D301">
        <f t="shared" si="4"/>
        <v>7</v>
      </c>
    </row>
    <row r="302" spans="1:4" x14ac:dyDescent="0.25">
      <c r="A302" s="20">
        <v>43568.333333332615</v>
      </c>
      <c r="B302" s="22">
        <v>1.0136104822158813</v>
      </c>
      <c r="C302" s="21">
        <v>174002.65824409062</v>
      </c>
      <c r="D302">
        <f t="shared" si="4"/>
        <v>8</v>
      </c>
    </row>
    <row r="303" spans="1:4" x14ac:dyDescent="0.25">
      <c r="A303" s="20">
        <v>43568.37499999928</v>
      </c>
      <c r="B303" s="22">
        <v>1.3205738067626953</v>
      </c>
      <c r="C303" s="21">
        <v>226697.88524867207</v>
      </c>
      <c r="D303">
        <f t="shared" si="4"/>
        <v>9</v>
      </c>
    </row>
    <row r="304" spans="1:4" x14ac:dyDescent="0.25">
      <c r="A304" s="20">
        <v>43568.416666665944</v>
      </c>
      <c r="B304" s="22">
        <v>1.3435126543045044</v>
      </c>
      <c r="C304" s="21">
        <v>230635.71000419842</v>
      </c>
      <c r="D304">
        <f t="shared" si="4"/>
        <v>10</v>
      </c>
    </row>
    <row r="305" spans="1:4" x14ac:dyDescent="0.25">
      <c r="A305" s="20">
        <v>43568.458333332608</v>
      </c>
      <c r="B305" s="22">
        <v>1.1200976371765137</v>
      </c>
      <c r="C305" s="21">
        <v>192282.90332550844</v>
      </c>
      <c r="D305">
        <f t="shared" si="4"/>
        <v>11</v>
      </c>
    </row>
    <row r="306" spans="1:4" x14ac:dyDescent="0.25">
      <c r="A306" s="20">
        <v>43568.499999999272</v>
      </c>
      <c r="B306" s="22">
        <v>1.2073882818222046</v>
      </c>
      <c r="C306" s="21">
        <v>207267.75645664998</v>
      </c>
      <c r="D306">
        <f t="shared" si="4"/>
        <v>12</v>
      </c>
    </row>
    <row r="307" spans="1:4" x14ac:dyDescent="0.25">
      <c r="A307" s="20">
        <v>43568.541666665937</v>
      </c>
      <c r="B307" s="22">
        <v>1.0647326707839966</v>
      </c>
      <c r="C307" s="21">
        <v>182778.61001469704</v>
      </c>
      <c r="D307">
        <f t="shared" si="4"/>
        <v>13</v>
      </c>
    </row>
    <row r="308" spans="1:4" x14ac:dyDescent="0.25">
      <c r="A308" s="20">
        <v>43568.583333332601</v>
      </c>
      <c r="B308" s="22">
        <v>1.1743667125701904</v>
      </c>
      <c r="C308" s="21">
        <v>201599.06919457603</v>
      </c>
      <c r="D308">
        <f t="shared" si="4"/>
        <v>14</v>
      </c>
    </row>
    <row r="309" spans="1:4" x14ac:dyDescent="0.25">
      <c r="A309" s="20">
        <v>43568.624999999265</v>
      </c>
      <c r="B309" s="22">
        <v>1.1418118476867676</v>
      </c>
      <c r="C309" s="21">
        <v>196010.4992972826</v>
      </c>
      <c r="D309">
        <f t="shared" si="4"/>
        <v>15</v>
      </c>
    </row>
    <row r="310" spans="1:4" x14ac:dyDescent="0.25">
      <c r="A310" s="20">
        <v>43568.666666665929</v>
      </c>
      <c r="B310" s="22">
        <v>1.2211266756057739</v>
      </c>
      <c r="C310" s="21">
        <v>209626.17429100303</v>
      </c>
      <c r="D310">
        <f t="shared" si="4"/>
        <v>16</v>
      </c>
    </row>
    <row r="311" spans="1:4" x14ac:dyDescent="0.25">
      <c r="A311" s="20">
        <v>43568.708333332594</v>
      </c>
      <c r="B311" s="22">
        <v>1.2706543207168579</v>
      </c>
      <c r="C311" s="21">
        <v>218128.39684799421</v>
      </c>
      <c r="D311">
        <f t="shared" si="4"/>
        <v>17</v>
      </c>
    </row>
    <row r="312" spans="1:4" x14ac:dyDescent="0.25">
      <c r="A312" s="20">
        <v>43568.749999999258</v>
      </c>
      <c r="B312" s="22">
        <v>1.1566005945205688</v>
      </c>
      <c r="C312" s="21">
        <v>198549.22724685428</v>
      </c>
      <c r="D312">
        <f t="shared" si="4"/>
        <v>18</v>
      </c>
    </row>
    <row r="313" spans="1:4" x14ac:dyDescent="0.25">
      <c r="A313" s="20">
        <v>43568.791666665922</v>
      </c>
      <c r="B313" s="22">
        <v>1.0710537433624268</v>
      </c>
      <c r="C313" s="21">
        <v>183863.72451469334</v>
      </c>
      <c r="D313">
        <f t="shared" si="4"/>
        <v>19</v>
      </c>
    </row>
    <row r="314" spans="1:4" x14ac:dyDescent="0.25">
      <c r="A314" s="20">
        <v>43568.833333332586</v>
      </c>
      <c r="B314" s="22">
        <v>1.2324131727218628</v>
      </c>
      <c r="C314" s="21">
        <v>211563.68434532927</v>
      </c>
      <c r="D314">
        <f t="shared" si="4"/>
        <v>20</v>
      </c>
    </row>
    <row r="315" spans="1:4" x14ac:dyDescent="0.25">
      <c r="A315" s="20">
        <v>43568.874999999251</v>
      </c>
      <c r="B315" s="22">
        <v>1.2235711812973022</v>
      </c>
      <c r="C315" s="21">
        <v>210045.81329028495</v>
      </c>
      <c r="D315">
        <f t="shared" si="4"/>
        <v>21</v>
      </c>
    </row>
    <row r="316" spans="1:4" x14ac:dyDescent="0.25">
      <c r="A316" s="20">
        <v>43568.916666665915</v>
      </c>
      <c r="B316" s="22">
        <v>1.122362494468689</v>
      </c>
      <c r="C316" s="21">
        <v>192671.70276700641</v>
      </c>
      <c r="D316">
        <f t="shared" si="4"/>
        <v>22</v>
      </c>
    </row>
    <row r="317" spans="1:4" x14ac:dyDescent="0.25">
      <c r="A317" s="20">
        <v>43568.958333332579</v>
      </c>
      <c r="B317" s="22">
        <v>0.80388683080673218</v>
      </c>
      <c r="C317" s="21">
        <v>138000.19627065898</v>
      </c>
      <c r="D317">
        <f t="shared" si="4"/>
        <v>23</v>
      </c>
    </row>
    <row r="318" spans="1:4" x14ac:dyDescent="0.25">
      <c r="A318" s="20">
        <v>43568.999999999243</v>
      </c>
      <c r="B318" s="22">
        <v>0.655842125415802</v>
      </c>
      <c r="C318" s="21">
        <v>112585.924487804</v>
      </c>
      <c r="D318">
        <f t="shared" si="4"/>
        <v>0</v>
      </c>
    </row>
    <row r="319" spans="1:4" x14ac:dyDescent="0.25">
      <c r="A319" s="20">
        <v>43569.041666665908</v>
      </c>
      <c r="B319" s="22">
        <v>0.64193302392959595</v>
      </c>
      <c r="C319" s="21">
        <v>110198.20191108421</v>
      </c>
      <c r="D319">
        <f t="shared" si="4"/>
        <v>1</v>
      </c>
    </row>
    <row r="320" spans="1:4" x14ac:dyDescent="0.25">
      <c r="A320" s="20">
        <v>43569.083333332572</v>
      </c>
      <c r="B320" s="22">
        <v>0.65083009004592896</v>
      </c>
      <c r="C320" s="21">
        <v>111725.52742909879</v>
      </c>
      <c r="D320">
        <f t="shared" si="4"/>
        <v>2</v>
      </c>
    </row>
    <row r="321" spans="1:4" x14ac:dyDescent="0.25">
      <c r="A321" s="20">
        <v>43569.124999999236</v>
      </c>
      <c r="B321" s="22">
        <v>0.5964389443397522</v>
      </c>
      <c r="C321" s="21">
        <v>102388.40621353434</v>
      </c>
      <c r="D321">
        <f t="shared" si="4"/>
        <v>3</v>
      </c>
    </row>
    <row r="322" spans="1:4" x14ac:dyDescent="0.25">
      <c r="A322" s="20">
        <v>43569.1666666659</v>
      </c>
      <c r="B322" s="22">
        <v>0.56148457527160645</v>
      </c>
      <c r="C322" s="21">
        <v>96387.922554559133</v>
      </c>
      <c r="D322">
        <f t="shared" si="4"/>
        <v>4</v>
      </c>
    </row>
    <row r="323" spans="1:4" x14ac:dyDescent="0.25">
      <c r="A323" s="20">
        <v>43569.208333332565</v>
      </c>
      <c r="B323" s="22">
        <v>0.64084911346435547</v>
      </c>
      <c r="C323" s="21">
        <v>110012.13112199951</v>
      </c>
      <c r="D323">
        <f t="shared" si="4"/>
        <v>5</v>
      </c>
    </row>
    <row r="324" spans="1:4" x14ac:dyDescent="0.25">
      <c r="A324" s="20">
        <v>43569.249999999229</v>
      </c>
      <c r="B324" s="22">
        <v>0.69251871109008789</v>
      </c>
      <c r="C324" s="21">
        <v>118882.05452455283</v>
      </c>
      <c r="D324">
        <f t="shared" si="4"/>
        <v>6</v>
      </c>
    </row>
    <row r="325" spans="1:4" x14ac:dyDescent="0.25">
      <c r="A325" s="20">
        <v>43569.291666665893</v>
      </c>
      <c r="B325" s="22">
        <v>0.7741396427154541</v>
      </c>
      <c r="C325" s="21">
        <v>132893.60957489617</v>
      </c>
      <c r="D325">
        <f t="shared" si="4"/>
        <v>7</v>
      </c>
    </row>
    <row r="326" spans="1:4" x14ac:dyDescent="0.25">
      <c r="A326" s="20">
        <v>43569.333333332557</v>
      </c>
      <c r="B326" s="22">
        <v>0.92043912410736084</v>
      </c>
      <c r="C326" s="21">
        <v>158008.2853883038</v>
      </c>
      <c r="D326">
        <f t="shared" si="4"/>
        <v>8</v>
      </c>
    </row>
    <row r="327" spans="1:4" x14ac:dyDescent="0.25">
      <c r="A327" s="20">
        <v>43569.374999999221</v>
      </c>
      <c r="B327" s="22">
        <v>1.1248147487640381</v>
      </c>
      <c r="C327" s="21">
        <v>193092.67193964994</v>
      </c>
      <c r="D327">
        <f t="shared" ref="D327:D390" si="5">HOUR(A327)</f>
        <v>9</v>
      </c>
    </row>
    <row r="328" spans="1:4" x14ac:dyDescent="0.25">
      <c r="A328" s="20">
        <v>43569.416666665886</v>
      </c>
      <c r="B328" s="22">
        <v>1.0764957666397095</v>
      </c>
      <c r="C328" s="21">
        <v>184797.93596286551</v>
      </c>
      <c r="D328">
        <f t="shared" si="5"/>
        <v>10</v>
      </c>
    </row>
    <row r="329" spans="1:4" x14ac:dyDescent="0.25">
      <c r="A329" s="20">
        <v>43569.45833333255</v>
      </c>
      <c r="B329" s="22">
        <v>1.0067824125289917</v>
      </c>
      <c r="C329" s="21">
        <v>172830.50947783343</v>
      </c>
      <c r="D329">
        <f t="shared" si="5"/>
        <v>11</v>
      </c>
    </row>
    <row r="330" spans="1:4" x14ac:dyDescent="0.25">
      <c r="A330" s="20">
        <v>43569.499999999214</v>
      </c>
      <c r="B330" s="22">
        <v>1.1309144496917725</v>
      </c>
      <c r="C330" s="21">
        <v>194139.78440991513</v>
      </c>
      <c r="D330">
        <f t="shared" si="5"/>
        <v>12</v>
      </c>
    </row>
    <row r="331" spans="1:4" x14ac:dyDescent="0.25">
      <c r="A331" s="20">
        <v>43569.541666665878</v>
      </c>
      <c r="B331" s="22">
        <v>1.3422892093658447</v>
      </c>
      <c r="C331" s="21">
        <v>230425.68586250185</v>
      </c>
      <c r="D331">
        <f t="shared" si="5"/>
        <v>13</v>
      </c>
    </row>
    <row r="332" spans="1:4" x14ac:dyDescent="0.25">
      <c r="A332" s="20">
        <v>43569.583333332543</v>
      </c>
      <c r="B332" s="22">
        <v>1.3795710802078247</v>
      </c>
      <c r="C332" s="21">
        <v>236825.72290299853</v>
      </c>
      <c r="D332">
        <f t="shared" si="5"/>
        <v>14</v>
      </c>
    </row>
    <row r="333" spans="1:4" x14ac:dyDescent="0.25">
      <c r="A333" s="20">
        <v>43569.624999999207</v>
      </c>
      <c r="B333" s="22">
        <v>1.5006324052810669</v>
      </c>
      <c r="C333" s="21">
        <v>257607.86036397403</v>
      </c>
      <c r="D333">
        <f t="shared" si="5"/>
        <v>15</v>
      </c>
    </row>
    <row r="334" spans="1:4" x14ac:dyDescent="0.25">
      <c r="A334" s="20">
        <v>43569.666666665871</v>
      </c>
      <c r="B334" s="22">
        <v>1.4669966697692871</v>
      </c>
      <c r="C334" s="21">
        <v>251833.74151483778</v>
      </c>
      <c r="D334">
        <f t="shared" si="5"/>
        <v>16</v>
      </c>
    </row>
    <row r="335" spans="1:4" x14ac:dyDescent="0.25">
      <c r="A335" s="20">
        <v>43569.708333332535</v>
      </c>
      <c r="B335" s="22">
        <v>1.5359963178634644</v>
      </c>
      <c r="C335" s="21">
        <v>263678.64880116214</v>
      </c>
      <c r="D335">
        <f t="shared" si="5"/>
        <v>17</v>
      </c>
    </row>
    <row r="336" spans="1:4" x14ac:dyDescent="0.25">
      <c r="A336" s="20">
        <v>43569.7499999992</v>
      </c>
      <c r="B336" s="22">
        <v>1.6142185926437378</v>
      </c>
      <c r="C336" s="21">
        <v>277106.76935089455</v>
      </c>
      <c r="D336">
        <f t="shared" si="5"/>
        <v>18</v>
      </c>
    </row>
    <row r="337" spans="1:4" x14ac:dyDescent="0.25">
      <c r="A337" s="20">
        <v>43569.791666665864</v>
      </c>
      <c r="B337" s="22">
        <v>1.6325317621231079</v>
      </c>
      <c r="C337" s="21">
        <v>280250.52153794648</v>
      </c>
      <c r="D337">
        <f t="shared" si="5"/>
        <v>19</v>
      </c>
    </row>
    <row r="338" spans="1:4" x14ac:dyDescent="0.25">
      <c r="A338" s="20">
        <v>43569.833333332528</v>
      </c>
      <c r="B338" s="22">
        <v>1.5784674882888794</v>
      </c>
      <c r="C338" s="21">
        <v>270969.51317403675</v>
      </c>
      <c r="D338">
        <f t="shared" si="5"/>
        <v>20</v>
      </c>
    </row>
    <row r="339" spans="1:4" x14ac:dyDescent="0.25">
      <c r="A339" s="20">
        <v>43569.874999999192</v>
      </c>
      <c r="B339" s="22">
        <v>1.4893897771835327</v>
      </c>
      <c r="C339" s="21">
        <v>255677.88113729516</v>
      </c>
      <c r="D339">
        <f t="shared" si="5"/>
        <v>21</v>
      </c>
    </row>
    <row r="340" spans="1:4" x14ac:dyDescent="0.25">
      <c r="A340" s="20">
        <v>43569.916666665857</v>
      </c>
      <c r="B340" s="22">
        <v>1.3876172304153442</v>
      </c>
      <c r="C340" s="21">
        <v>238206.97492170197</v>
      </c>
      <c r="D340">
        <f t="shared" si="5"/>
        <v>22</v>
      </c>
    </row>
    <row r="341" spans="1:4" x14ac:dyDescent="0.25">
      <c r="A341" s="20">
        <v>43569.958333332521</v>
      </c>
      <c r="B341" s="22">
        <v>0.95303970575332642</v>
      </c>
      <c r="C341" s="21">
        <v>163604.70330843079</v>
      </c>
      <c r="D341">
        <f t="shared" si="5"/>
        <v>23</v>
      </c>
    </row>
    <row r="342" spans="1:4" x14ac:dyDescent="0.25">
      <c r="A342" s="20">
        <v>43569.999999999185</v>
      </c>
      <c r="B342" s="22">
        <v>0.87500053644180298</v>
      </c>
      <c r="C342" s="21">
        <v>150208.01577844366</v>
      </c>
      <c r="D342">
        <f t="shared" si="5"/>
        <v>0</v>
      </c>
    </row>
    <row r="343" spans="1:4" x14ac:dyDescent="0.25">
      <c r="A343" s="20">
        <v>43570.041666665849</v>
      </c>
      <c r="B343" s="22">
        <v>0.76195526123046875</v>
      </c>
      <c r="C343" s="21">
        <v>130801.96312426683</v>
      </c>
      <c r="D343">
        <f t="shared" si="5"/>
        <v>1</v>
      </c>
    </row>
    <row r="344" spans="1:4" x14ac:dyDescent="0.25">
      <c r="A344" s="20">
        <v>43570.083333332514</v>
      </c>
      <c r="B344" s="22">
        <v>0.78035277128219604</v>
      </c>
      <c r="C344" s="21">
        <v>133960.19373675485</v>
      </c>
      <c r="D344">
        <f t="shared" si="5"/>
        <v>2</v>
      </c>
    </row>
    <row r="345" spans="1:4" x14ac:dyDescent="0.25">
      <c r="A345" s="20">
        <v>43570.124999999178</v>
      </c>
      <c r="B345" s="22">
        <v>0.76175403594970703</v>
      </c>
      <c r="C345" s="21">
        <v>130767.41954527592</v>
      </c>
      <c r="D345">
        <f t="shared" si="5"/>
        <v>3</v>
      </c>
    </row>
    <row r="346" spans="1:4" x14ac:dyDescent="0.25">
      <c r="A346" s="20">
        <v>43570.166666665842</v>
      </c>
      <c r="B346" s="22">
        <v>0.82863634824752808</v>
      </c>
      <c r="C346" s="21">
        <v>142248.85184448696</v>
      </c>
      <c r="D346">
        <f t="shared" si="5"/>
        <v>4</v>
      </c>
    </row>
    <row r="347" spans="1:4" x14ac:dyDescent="0.25">
      <c r="A347" s="20">
        <v>43570.208333332506</v>
      </c>
      <c r="B347" s="22">
        <v>1.0824110507965088</v>
      </c>
      <c r="C347" s="21">
        <v>185813.39030712418</v>
      </c>
      <c r="D347">
        <f t="shared" si="5"/>
        <v>5</v>
      </c>
    </row>
    <row r="348" spans="1:4" x14ac:dyDescent="0.25">
      <c r="A348" s="20">
        <v>43570.249999999171</v>
      </c>
      <c r="B348" s="22">
        <v>1.5066606998443604</v>
      </c>
      <c r="C348" s="21">
        <v>258642.71477510675</v>
      </c>
      <c r="D348">
        <f t="shared" si="5"/>
        <v>6</v>
      </c>
    </row>
    <row r="349" spans="1:4" x14ac:dyDescent="0.25">
      <c r="A349" s="20">
        <v>43570.291666665835</v>
      </c>
      <c r="B349" s="22">
        <v>1.3723551034927368</v>
      </c>
      <c r="C349" s="21">
        <v>235586.98361183822</v>
      </c>
      <c r="D349">
        <f t="shared" si="5"/>
        <v>7</v>
      </c>
    </row>
    <row r="350" spans="1:4" x14ac:dyDescent="0.25">
      <c r="A350" s="20">
        <v>43570.333333332499</v>
      </c>
      <c r="B350" s="22">
        <v>1.2715853452682495</v>
      </c>
      <c r="C350" s="21">
        <v>218288.22229344392</v>
      </c>
      <c r="D350">
        <f t="shared" si="5"/>
        <v>8</v>
      </c>
    </row>
    <row r="351" spans="1:4" x14ac:dyDescent="0.25">
      <c r="A351" s="20">
        <v>43570.374999999163</v>
      </c>
      <c r="B351" s="22">
        <v>1.6615396738052368</v>
      </c>
      <c r="C351" s="21">
        <v>285230.1994629082</v>
      </c>
      <c r="D351">
        <f t="shared" si="5"/>
        <v>9</v>
      </c>
    </row>
    <row r="352" spans="1:4" x14ac:dyDescent="0.25">
      <c r="A352" s="20">
        <v>43570.416666665828</v>
      </c>
      <c r="B352" s="22">
        <v>1.7621256113052368</v>
      </c>
      <c r="C352" s="21">
        <v>302497.40497632389</v>
      </c>
      <c r="D352">
        <f t="shared" si="5"/>
        <v>10</v>
      </c>
    </row>
    <row r="353" spans="1:4" x14ac:dyDescent="0.25">
      <c r="A353" s="20">
        <v>43570.458333332492</v>
      </c>
      <c r="B353" s="22">
        <v>1.6433635950088501</v>
      </c>
      <c r="C353" s="21">
        <v>282109.98111225414</v>
      </c>
      <c r="D353">
        <f t="shared" si="5"/>
        <v>11</v>
      </c>
    </row>
    <row r="354" spans="1:4" x14ac:dyDescent="0.25">
      <c r="A354" s="20">
        <v>43570.499999999156</v>
      </c>
      <c r="B354" s="22">
        <v>1.5147155523300171</v>
      </c>
      <c r="C354" s="21">
        <v>260025.46068081632</v>
      </c>
      <c r="D354">
        <f t="shared" si="5"/>
        <v>12</v>
      </c>
    </row>
    <row r="355" spans="1:4" x14ac:dyDescent="0.25">
      <c r="A355" s="20">
        <v>43570.54166666582</v>
      </c>
      <c r="B355" s="22">
        <v>1.559752345085144</v>
      </c>
      <c r="C355" s="21">
        <v>267756.75568582519</v>
      </c>
      <c r="D355">
        <f t="shared" si="5"/>
        <v>13</v>
      </c>
    </row>
    <row r="356" spans="1:4" x14ac:dyDescent="0.25">
      <c r="A356" s="20">
        <v>43570.583333332484</v>
      </c>
      <c r="B356" s="22">
        <v>1.9048724174499512</v>
      </c>
      <c r="C356" s="21">
        <v>327002.20653553278</v>
      </c>
      <c r="D356">
        <f t="shared" si="5"/>
        <v>14</v>
      </c>
    </row>
    <row r="357" spans="1:4" x14ac:dyDescent="0.25">
      <c r="A357" s="20">
        <v>43570.624999999149</v>
      </c>
      <c r="B357" s="22">
        <v>1.8835355043411255</v>
      </c>
      <c r="C357" s="21">
        <v>323339.37977436656</v>
      </c>
      <c r="D357">
        <f t="shared" si="5"/>
        <v>15</v>
      </c>
    </row>
    <row r="358" spans="1:4" x14ac:dyDescent="0.25">
      <c r="A358" s="20">
        <v>43570.666666665813</v>
      </c>
      <c r="B358" s="22">
        <v>1.850727915763855</v>
      </c>
      <c r="C358" s="21">
        <v>317707.42576127884</v>
      </c>
      <c r="D358">
        <f t="shared" si="5"/>
        <v>16</v>
      </c>
    </row>
    <row r="359" spans="1:4" x14ac:dyDescent="0.25">
      <c r="A359" s="20">
        <v>43570.708333332477</v>
      </c>
      <c r="B359" s="22">
        <v>1.9714761972427368</v>
      </c>
      <c r="C359" s="21">
        <v>338435.82421844499</v>
      </c>
      <c r="D359">
        <f t="shared" si="5"/>
        <v>17</v>
      </c>
    </row>
    <row r="360" spans="1:4" x14ac:dyDescent="0.25">
      <c r="A360" s="20">
        <v>43570.749999999141</v>
      </c>
      <c r="B360" s="22">
        <v>1.7894519567489624</v>
      </c>
      <c r="C360" s="21">
        <v>307188.41481760907</v>
      </c>
      <c r="D360">
        <f t="shared" si="5"/>
        <v>18</v>
      </c>
    </row>
    <row r="361" spans="1:4" x14ac:dyDescent="0.25">
      <c r="A361" s="20">
        <v>43570.791666665806</v>
      </c>
      <c r="B361" s="22">
        <v>1.6299278736114502</v>
      </c>
      <c r="C361" s="21">
        <v>279803.52189582639</v>
      </c>
      <c r="D361">
        <f t="shared" si="5"/>
        <v>19</v>
      </c>
    </row>
    <row r="362" spans="1:4" x14ac:dyDescent="0.25">
      <c r="A362" s="20">
        <v>43570.83333333247</v>
      </c>
      <c r="B362" s="22">
        <v>1.7485353946685791</v>
      </c>
      <c r="C362" s="21">
        <v>300164.424149486</v>
      </c>
      <c r="D362">
        <f t="shared" si="5"/>
        <v>20</v>
      </c>
    </row>
    <row r="363" spans="1:4" x14ac:dyDescent="0.25">
      <c r="A363" s="20">
        <v>43570.874999999134</v>
      </c>
      <c r="B363" s="22">
        <v>1.924576997756958</v>
      </c>
      <c r="C363" s="21">
        <v>330384.81692991999</v>
      </c>
      <c r="D363">
        <f t="shared" si="5"/>
        <v>21</v>
      </c>
    </row>
    <row r="364" spans="1:4" x14ac:dyDescent="0.25">
      <c r="A364" s="20">
        <v>43570.916666665798</v>
      </c>
      <c r="B364" s="22">
        <v>2.0053474903106689</v>
      </c>
      <c r="C364" s="21">
        <v>344250.38033777452</v>
      </c>
      <c r="D364">
        <f t="shared" si="5"/>
        <v>22</v>
      </c>
    </row>
    <row r="365" spans="1:4" x14ac:dyDescent="0.25">
      <c r="A365" s="20">
        <v>43570.958333332463</v>
      </c>
      <c r="B365" s="22">
        <v>1.782677173614502</v>
      </c>
      <c r="C365" s="21">
        <v>306025.41355123871</v>
      </c>
      <c r="D365">
        <f t="shared" si="5"/>
        <v>23</v>
      </c>
    </row>
    <row r="366" spans="1:4" x14ac:dyDescent="0.25">
      <c r="A366" s="20">
        <v>43570.999999999127</v>
      </c>
      <c r="B366" s="22">
        <v>1.8949158191680908</v>
      </c>
      <c r="C366" s="21">
        <v>325292.99515847117</v>
      </c>
      <c r="D366">
        <f t="shared" si="5"/>
        <v>0</v>
      </c>
    </row>
    <row r="367" spans="1:4" x14ac:dyDescent="0.25">
      <c r="A367" s="20">
        <v>43571.041666665791</v>
      </c>
      <c r="B367" s="22">
        <v>1.8397095203399658</v>
      </c>
      <c r="C367" s="21">
        <v>315815.93970526458</v>
      </c>
      <c r="D367">
        <f t="shared" si="5"/>
        <v>1</v>
      </c>
    </row>
    <row r="368" spans="1:4" x14ac:dyDescent="0.25">
      <c r="A368" s="20">
        <v>43571.083333332455</v>
      </c>
      <c r="B368" s="22">
        <v>1.9942117929458618</v>
      </c>
      <c r="C368" s="21">
        <v>342338.75750348589</v>
      </c>
      <c r="D368">
        <f t="shared" si="5"/>
        <v>2</v>
      </c>
    </row>
    <row r="369" spans="1:4" x14ac:dyDescent="0.25">
      <c r="A369" s="20">
        <v>43571.12499999912</v>
      </c>
      <c r="B369" s="22">
        <v>1.9702411890029907</v>
      </c>
      <c r="C369" s="21">
        <v>338223.81504880876</v>
      </c>
      <c r="D369">
        <f t="shared" si="5"/>
        <v>3</v>
      </c>
    </row>
    <row r="370" spans="1:4" x14ac:dyDescent="0.25">
      <c r="A370" s="20">
        <v>43571.166666665784</v>
      </c>
      <c r="B370" s="22">
        <v>2.1257290840148926</v>
      </c>
      <c r="C370" s="21">
        <v>364915.83089862781</v>
      </c>
      <c r="D370">
        <f t="shared" si="5"/>
        <v>4</v>
      </c>
    </row>
    <row r="371" spans="1:4" x14ac:dyDescent="0.25">
      <c r="A371" s="20">
        <v>43571.208333332448</v>
      </c>
      <c r="B371" s="22">
        <v>2.1656053066253662</v>
      </c>
      <c r="C371" s="21">
        <v>371761.23044479953</v>
      </c>
      <c r="D371">
        <f t="shared" si="5"/>
        <v>5</v>
      </c>
    </row>
    <row r="372" spans="1:4" x14ac:dyDescent="0.25">
      <c r="A372" s="20">
        <v>43571.249999999112</v>
      </c>
      <c r="B372" s="22">
        <v>2.5351955890655518</v>
      </c>
      <c r="C372" s="21">
        <v>435207.38923470018</v>
      </c>
      <c r="D372">
        <f t="shared" si="5"/>
        <v>6</v>
      </c>
    </row>
    <row r="373" spans="1:4" x14ac:dyDescent="0.25">
      <c r="A373" s="20">
        <v>43571.291666665777</v>
      </c>
      <c r="B373" s="22">
        <v>2.5496101379394531</v>
      </c>
      <c r="C373" s="21">
        <v>437681.88004300854</v>
      </c>
      <c r="D373">
        <f t="shared" si="5"/>
        <v>7</v>
      </c>
    </row>
    <row r="374" spans="1:4" x14ac:dyDescent="0.25">
      <c r="A374" s="20">
        <v>43571.333333332441</v>
      </c>
      <c r="B374" s="22">
        <v>2.3121371269226074</v>
      </c>
      <c r="C374" s="21">
        <v>396915.79099485016</v>
      </c>
      <c r="D374">
        <f t="shared" si="5"/>
        <v>8</v>
      </c>
    </row>
    <row r="375" spans="1:4" x14ac:dyDescent="0.25">
      <c r="A375" s="20">
        <v>43571.374999999105</v>
      </c>
      <c r="B375" s="22">
        <v>1.9557266235351563</v>
      </c>
      <c r="C375" s="21">
        <v>335732.15477203275</v>
      </c>
      <c r="D375">
        <f t="shared" si="5"/>
        <v>9</v>
      </c>
    </row>
    <row r="376" spans="1:4" x14ac:dyDescent="0.25">
      <c r="A376" s="20">
        <v>43571.416666665769</v>
      </c>
      <c r="B376" s="22">
        <v>1.4721660614013672</v>
      </c>
      <c r="C376" s="21">
        <v>252721.15132488657</v>
      </c>
      <c r="D376">
        <f t="shared" si="5"/>
        <v>10</v>
      </c>
    </row>
    <row r="377" spans="1:4" x14ac:dyDescent="0.25">
      <c r="A377" s="20">
        <v>43571.458333332434</v>
      </c>
      <c r="B377" s="22">
        <v>1.1976749897003174</v>
      </c>
      <c r="C377" s="21">
        <v>205600.31252314319</v>
      </c>
      <c r="D377">
        <f t="shared" si="5"/>
        <v>11</v>
      </c>
    </row>
    <row r="378" spans="1:4" x14ac:dyDescent="0.25">
      <c r="A378" s="20">
        <v>43571.499999999098</v>
      </c>
      <c r="B378" s="22">
        <v>1.0450668334960938</v>
      </c>
      <c r="C378" s="21">
        <v>179402.65048711785</v>
      </c>
      <c r="D378">
        <f t="shared" si="5"/>
        <v>12</v>
      </c>
    </row>
    <row r="379" spans="1:4" x14ac:dyDescent="0.25">
      <c r="A379" s="20">
        <v>43571.541666665762</v>
      </c>
      <c r="B379" s="22">
        <v>0.97819483280181885</v>
      </c>
      <c r="C379" s="21">
        <v>167922.98834168803</v>
      </c>
      <c r="D379">
        <f t="shared" si="5"/>
        <v>13</v>
      </c>
    </row>
    <row r="380" spans="1:4" x14ac:dyDescent="0.25">
      <c r="A380" s="20">
        <v>43571.583333332426</v>
      </c>
      <c r="B380" s="22">
        <v>0.94574958086013794</v>
      </c>
      <c r="C380" s="21">
        <v>162353.2352814101</v>
      </c>
      <c r="D380">
        <f t="shared" si="5"/>
        <v>14</v>
      </c>
    </row>
    <row r="381" spans="1:4" x14ac:dyDescent="0.25">
      <c r="A381" s="20">
        <v>43571.624999999091</v>
      </c>
      <c r="B381" s="22">
        <v>1.0858418941497803</v>
      </c>
      <c r="C381" s="21">
        <v>186402.35014323721</v>
      </c>
      <c r="D381">
        <f t="shared" si="5"/>
        <v>15</v>
      </c>
    </row>
    <row r="382" spans="1:4" x14ac:dyDescent="0.25">
      <c r="A382" s="20">
        <v>43571.666666665755</v>
      </c>
      <c r="B382" s="22">
        <v>1.1273807287216187</v>
      </c>
      <c r="C382" s="21">
        <v>193533.16396440091</v>
      </c>
      <c r="D382">
        <f t="shared" si="5"/>
        <v>16</v>
      </c>
    </row>
    <row r="383" spans="1:4" x14ac:dyDescent="0.25">
      <c r="A383" s="20">
        <v>43571.708333332419</v>
      </c>
      <c r="B383" s="22">
        <v>1.2003277540206909</v>
      </c>
      <c r="C383" s="21">
        <v>206055.70248954426</v>
      </c>
      <c r="D383">
        <f t="shared" si="5"/>
        <v>17</v>
      </c>
    </row>
    <row r="384" spans="1:4" x14ac:dyDescent="0.25">
      <c r="A384" s="20">
        <v>43571.749999999083</v>
      </c>
      <c r="B384" s="22">
        <v>1.035241961479187</v>
      </c>
      <c r="C384" s="21">
        <v>177716.05205720378</v>
      </c>
      <c r="D384">
        <f t="shared" si="5"/>
        <v>18</v>
      </c>
    </row>
    <row r="385" spans="1:4" x14ac:dyDescent="0.25">
      <c r="A385" s="20">
        <v>43571.791666665747</v>
      </c>
      <c r="B385" s="22">
        <v>1.1110180616378784</v>
      </c>
      <c r="C385" s="21">
        <v>190724.24710877641</v>
      </c>
      <c r="D385">
        <f t="shared" si="5"/>
        <v>19</v>
      </c>
    </row>
    <row r="386" spans="1:4" x14ac:dyDescent="0.25">
      <c r="A386" s="20">
        <v>43571.833333332412</v>
      </c>
      <c r="B386" s="22">
        <v>1.2375248670578003</v>
      </c>
      <c r="C386" s="21">
        <v>212441.18947988542</v>
      </c>
      <c r="D386">
        <f t="shared" si="5"/>
        <v>20</v>
      </c>
    </row>
    <row r="387" spans="1:4" x14ac:dyDescent="0.25">
      <c r="A387" s="20">
        <v>43571.874999999076</v>
      </c>
      <c r="B387" s="22">
        <v>1.2841475009918213</v>
      </c>
      <c r="C387" s="21">
        <v>220444.71981150348</v>
      </c>
      <c r="D387">
        <f t="shared" si="5"/>
        <v>21</v>
      </c>
    </row>
    <row r="388" spans="1:4" x14ac:dyDescent="0.25">
      <c r="A388" s="20">
        <v>43571.91666666574</v>
      </c>
      <c r="B388" s="22">
        <v>1.111549973487854</v>
      </c>
      <c r="C388" s="21">
        <v>190815.55839400005</v>
      </c>
      <c r="D388">
        <f t="shared" si="5"/>
        <v>22</v>
      </c>
    </row>
    <row r="389" spans="1:4" x14ac:dyDescent="0.25">
      <c r="A389" s="20">
        <v>43571.958333332404</v>
      </c>
      <c r="B389" s="22">
        <v>0.84227508306503296</v>
      </c>
      <c r="C389" s="21">
        <v>144590.16160298907</v>
      </c>
      <c r="D389">
        <f t="shared" si="5"/>
        <v>23</v>
      </c>
    </row>
    <row r="390" spans="1:4" x14ac:dyDescent="0.25">
      <c r="A390" s="20">
        <v>43571.999999999069</v>
      </c>
      <c r="B390" s="22">
        <v>0.66726034879684448</v>
      </c>
      <c r="C390" s="21">
        <v>114546.04748927771</v>
      </c>
      <c r="D390">
        <f t="shared" si="5"/>
        <v>0</v>
      </c>
    </row>
    <row r="391" spans="1:4" x14ac:dyDescent="0.25">
      <c r="A391" s="20">
        <v>43572.041666665733</v>
      </c>
      <c r="B391" s="22">
        <v>0.67006731033325195</v>
      </c>
      <c r="C391" s="21">
        <v>115027.90790557498</v>
      </c>
      <c r="D391">
        <f t="shared" ref="D391:D454" si="6">HOUR(A391)</f>
        <v>1</v>
      </c>
    </row>
    <row r="392" spans="1:4" x14ac:dyDescent="0.25">
      <c r="A392" s="20">
        <v>43572.083333332397</v>
      </c>
      <c r="B392" s="22">
        <v>0.63108533620834351</v>
      </c>
      <c r="C392" s="21">
        <v>108336.02059743665</v>
      </c>
      <c r="D392">
        <f t="shared" si="6"/>
        <v>2</v>
      </c>
    </row>
    <row r="393" spans="1:4" x14ac:dyDescent="0.25">
      <c r="A393" s="20">
        <v>43572.124999999061</v>
      </c>
      <c r="B393" s="22">
        <v>0.70449519157409668</v>
      </c>
      <c r="C393" s="21">
        <v>120938.01140067969</v>
      </c>
      <c r="D393">
        <f t="shared" si="6"/>
        <v>3</v>
      </c>
    </row>
    <row r="394" spans="1:4" x14ac:dyDescent="0.25">
      <c r="A394" s="20">
        <v>43572.166666665726</v>
      </c>
      <c r="B394" s="22">
        <v>0.82668775320053101</v>
      </c>
      <c r="C394" s="21">
        <v>141914.34394034854</v>
      </c>
      <c r="D394">
        <f t="shared" si="6"/>
        <v>4</v>
      </c>
    </row>
    <row r="395" spans="1:4" x14ac:dyDescent="0.25">
      <c r="A395" s="20">
        <v>43572.20833333239</v>
      </c>
      <c r="B395" s="22">
        <v>0.97663527727127075</v>
      </c>
      <c r="C395" s="21">
        <v>167655.26537240561</v>
      </c>
      <c r="D395">
        <f t="shared" si="6"/>
        <v>5</v>
      </c>
    </row>
    <row r="396" spans="1:4" x14ac:dyDescent="0.25">
      <c r="A396" s="20">
        <v>43572.249999999054</v>
      </c>
      <c r="B396" s="22">
        <v>1.3245217800140381</v>
      </c>
      <c r="C396" s="21">
        <v>227375.61880851886</v>
      </c>
      <c r="D396">
        <f t="shared" si="6"/>
        <v>6</v>
      </c>
    </row>
    <row r="397" spans="1:4" x14ac:dyDescent="0.25">
      <c r="A397" s="20">
        <v>43572.291666665718</v>
      </c>
      <c r="B397" s="22">
        <v>1.4140183925628662</v>
      </c>
      <c r="C397" s="21">
        <v>242739.16206361007</v>
      </c>
      <c r="D397">
        <f t="shared" si="6"/>
        <v>7</v>
      </c>
    </row>
    <row r="398" spans="1:4" x14ac:dyDescent="0.25">
      <c r="A398" s="20">
        <v>43572.333333332383</v>
      </c>
      <c r="B398" s="22">
        <v>1.224083423614502</v>
      </c>
      <c r="C398" s="21">
        <v>210133.74798159066</v>
      </c>
      <c r="D398">
        <f t="shared" si="6"/>
        <v>8</v>
      </c>
    </row>
    <row r="399" spans="1:4" x14ac:dyDescent="0.25">
      <c r="A399" s="20">
        <v>43572.374999999047</v>
      </c>
      <c r="B399" s="22">
        <v>1.0524898767471313</v>
      </c>
      <c r="C399" s="21">
        <v>180676.93610334166</v>
      </c>
      <c r="D399">
        <f t="shared" si="6"/>
        <v>9</v>
      </c>
    </row>
    <row r="400" spans="1:4" x14ac:dyDescent="0.25">
      <c r="A400" s="20">
        <v>43572.416666665711</v>
      </c>
      <c r="B400" s="22">
        <v>0.83762663602828979</v>
      </c>
      <c r="C400" s="21">
        <v>143792.18037125206</v>
      </c>
      <c r="D400">
        <f t="shared" si="6"/>
        <v>10</v>
      </c>
    </row>
    <row r="401" spans="1:4" x14ac:dyDescent="0.25">
      <c r="A401" s="20">
        <v>43572.458333332375</v>
      </c>
      <c r="B401" s="22">
        <v>0.72410792112350464</v>
      </c>
      <c r="C401" s="21">
        <v>124304.85412468042</v>
      </c>
      <c r="D401">
        <f t="shared" si="6"/>
        <v>11</v>
      </c>
    </row>
    <row r="402" spans="1:4" x14ac:dyDescent="0.25">
      <c r="A402" s="20">
        <v>43572.49999999904</v>
      </c>
      <c r="B402" s="22">
        <v>0.76441818475723267</v>
      </c>
      <c r="C402" s="21">
        <v>131224.76384330829</v>
      </c>
      <c r="D402">
        <f t="shared" si="6"/>
        <v>12</v>
      </c>
    </row>
    <row r="403" spans="1:4" x14ac:dyDescent="0.25">
      <c r="A403" s="20">
        <v>43572.541666665704</v>
      </c>
      <c r="B403" s="22">
        <v>0.95794135332107544</v>
      </c>
      <c r="C403" s="21">
        <v>164446.15051278434</v>
      </c>
      <c r="D403">
        <f t="shared" si="6"/>
        <v>13</v>
      </c>
    </row>
    <row r="404" spans="1:4" x14ac:dyDescent="0.25">
      <c r="A404" s="20">
        <v>43572.583333332368</v>
      </c>
      <c r="B404" s="22">
        <v>1.1460148096084595</v>
      </c>
      <c r="C404" s="21">
        <v>196732.00579282935</v>
      </c>
      <c r="D404">
        <f t="shared" si="6"/>
        <v>14</v>
      </c>
    </row>
    <row r="405" spans="1:4" x14ac:dyDescent="0.25">
      <c r="A405" s="20">
        <v>43572.624999999032</v>
      </c>
      <c r="B405" s="22">
        <v>1.1555989980697632</v>
      </c>
      <c r="C405" s="21">
        <v>198377.28699171107</v>
      </c>
      <c r="D405">
        <f t="shared" si="6"/>
        <v>15</v>
      </c>
    </row>
    <row r="406" spans="1:4" x14ac:dyDescent="0.25">
      <c r="A406" s="20">
        <v>43572.666666665697</v>
      </c>
      <c r="B406" s="22">
        <v>1.1532355546951294</v>
      </c>
      <c r="C406" s="21">
        <v>197971.56365221221</v>
      </c>
      <c r="D406">
        <f t="shared" si="6"/>
        <v>16</v>
      </c>
    </row>
    <row r="407" spans="1:4" x14ac:dyDescent="0.25">
      <c r="A407" s="20">
        <v>43572.708333332361</v>
      </c>
      <c r="B407" s="22">
        <v>1.3084729909896851</v>
      </c>
      <c r="C407" s="21">
        <v>224620.58420614264</v>
      </c>
      <c r="D407">
        <f t="shared" si="6"/>
        <v>17</v>
      </c>
    </row>
    <row r="408" spans="1:4" x14ac:dyDescent="0.25">
      <c r="A408" s="20">
        <v>43572.749999999025</v>
      </c>
      <c r="B408" s="22">
        <v>1.2248160839080811</v>
      </c>
      <c r="C408" s="21">
        <v>210259.52098898296</v>
      </c>
      <c r="D408">
        <f t="shared" si="6"/>
        <v>18</v>
      </c>
    </row>
    <row r="409" spans="1:4" x14ac:dyDescent="0.25">
      <c r="A409" s="20">
        <v>43572.791666665689</v>
      </c>
      <c r="B409" s="22">
        <v>1.2375959157943726</v>
      </c>
      <c r="C409" s="21">
        <v>212453.38614640117</v>
      </c>
      <c r="D409">
        <f t="shared" si="6"/>
        <v>19</v>
      </c>
    </row>
    <row r="410" spans="1:4" x14ac:dyDescent="0.25">
      <c r="A410" s="20">
        <v>43572.833333332354</v>
      </c>
      <c r="B410" s="22">
        <v>1.2718104124069214</v>
      </c>
      <c r="C410" s="21">
        <v>218326.8587135475</v>
      </c>
      <c r="D410">
        <f t="shared" si="6"/>
        <v>20</v>
      </c>
    </row>
    <row r="411" spans="1:4" x14ac:dyDescent="0.25">
      <c r="A411" s="20">
        <v>43572.874999999018</v>
      </c>
      <c r="B411" s="22">
        <v>1.4258639812469482</v>
      </c>
      <c r="C411" s="21">
        <v>244772.64924202839</v>
      </c>
      <c r="D411">
        <f t="shared" si="6"/>
        <v>21</v>
      </c>
    </row>
    <row r="412" spans="1:4" x14ac:dyDescent="0.25">
      <c r="A412" s="20">
        <v>43572.916666665682</v>
      </c>
      <c r="B412" s="22">
        <v>1.1835595369338989</v>
      </c>
      <c r="C412" s="21">
        <v>203177.16640659326</v>
      </c>
      <c r="D412">
        <f t="shared" si="6"/>
        <v>22</v>
      </c>
    </row>
    <row r="413" spans="1:4" x14ac:dyDescent="0.25">
      <c r="A413" s="20">
        <v>43572.958333332346</v>
      </c>
      <c r="B413" s="22">
        <v>0.95060300827026367</v>
      </c>
      <c r="C413" s="21">
        <v>163186.40471461325</v>
      </c>
      <c r="D413">
        <f t="shared" si="6"/>
        <v>23</v>
      </c>
    </row>
    <row r="414" spans="1:4" x14ac:dyDescent="0.25">
      <c r="A414" s="20">
        <v>43572.99999999901</v>
      </c>
      <c r="B414" s="22">
        <v>0.76408034563064575</v>
      </c>
      <c r="C414" s="21">
        <v>131166.76828474179</v>
      </c>
      <c r="D414">
        <f t="shared" si="6"/>
        <v>0</v>
      </c>
    </row>
    <row r="415" spans="1:4" x14ac:dyDescent="0.25">
      <c r="A415" s="20">
        <v>43573.041666665675</v>
      </c>
      <c r="B415" s="22">
        <v>0.70107030868530273</v>
      </c>
      <c r="C415" s="21">
        <v>120350.07477484483</v>
      </c>
      <c r="D415">
        <f t="shared" si="6"/>
        <v>1</v>
      </c>
    </row>
    <row r="416" spans="1:4" x14ac:dyDescent="0.25">
      <c r="A416" s="20">
        <v>43573.083333332339</v>
      </c>
      <c r="B416" s="22">
        <v>0.6768193244934082</v>
      </c>
      <c r="C416" s="21">
        <v>116187.00050868274</v>
      </c>
      <c r="D416">
        <f t="shared" si="6"/>
        <v>2</v>
      </c>
    </row>
    <row r="417" spans="1:4" x14ac:dyDescent="0.25">
      <c r="A417" s="20">
        <v>43573.124999999003</v>
      </c>
      <c r="B417" s="22">
        <v>0.67383098602294922</v>
      </c>
      <c r="C417" s="21">
        <v>115674.00380362086</v>
      </c>
      <c r="D417">
        <f t="shared" si="6"/>
        <v>3</v>
      </c>
    </row>
    <row r="418" spans="1:4" x14ac:dyDescent="0.25">
      <c r="A418" s="20">
        <v>43573.166666665667</v>
      </c>
      <c r="B418" s="22">
        <v>0.70035827159881592</v>
      </c>
      <c r="C418" s="21">
        <v>120227.84207501497</v>
      </c>
      <c r="D418">
        <f t="shared" si="6"/>
        <v>4</v>
      </c>
    </row>
    <row r="419" spans="1:4" x14ac:dyDescent="0.25">
      <c r="A419" s="20">
        <v>43573.208333332332</v>
      </c>
      <c r="B419" s="22">
        <v>0.73071932792663574</v>
      </c>
      <c r="C419" s="21">
        <v>125439.80919732622</v>
      </c>
      <c r="D419">
        <f t="shared" si="6"/>
        <v>5</v>
      </c>
    </row>
    <row r="420" spans="1:4" x14ac:dyDescent="0.25">
      <c r="A420" s="20">
        <v>43573.249999998996</v>
      </c>
      <c r="B420" s="22">
        <v>1.1465787887573242</v>
      </c>
      <c r="C420" s="21">
        <v>196828.82194934957</v>
      </c>
      <c r="D420">
        <f t="shared" si="6"/>
        <v>6</v>
      </c>
    </row>
    <row r="421" spans="1:4" x14ac:dyDescent="0.25">
      <c r="A421" s="20">
        <v>43573.29166666566</v>
      </c>
      <c r="B421" s="22">
        <v>0.99858856201171875</v>
      </c>
      <c r="C421" s="21">
        <v>171423.90230843704</v>
      </c>
      <c r="D421">
        <f t="shared" si="6"/>
        <v>7</v>
      </c>
    </row>
    <row r="422" spans="1:4" x14ac:dyDescent="0.25">
      <c r="A422" s="20">
        <v>43573.333333332324</v>
      </c>
      <c r="B422" s="22">
        <v>0.94634824991226196</v>
      </c>
      <c r="C422" s="21">
        <v>162456.00652174919</v>
      </c>
      <c r="D422">
        <f t="shared" si="6"/>
        <v>8</v>
      </c>
    </row>
    <row r="423" spans="1:4" x14ac:dyDescent="0.25">
      <c r="A423" s="20">
        <v>43573.374999998989</v>
      </c>
      <c r="B423" s="22">
        <v>0.98812246322631836</v>
      </c>
      <c r="C423" s="21">
        <v>169627.22691679772</v>
      </c>
      <c r="D423">
        <f t="shared" si="6"/>
        <v>9</v>
      </c>
    </row>
    <row r="424" spans="1:4" x14ac:dyDescent="0.25">
      <c r="A424" s="20">
        <v>43573.416666665653</v>
      </c>
      <c r="B424" s="22">
        <v>0.90325701236724854</v>
      </c>
      <c r="C424" s="21">
        <v>155058.69758363685</v>
      </c>
      <c r="D424">
        <f t="shared" si="6"/>
        <v>10</v>
      </c>
    </row>
    <row r="425" spans="1:4" x14ac:dyDescent="0.25">
      <c r="A425" s="20">
        <v>43573.458333332317</v>
      </c>
      <c r="B425" s="22">
        <v>0.97951006889343262</v>
      </c>
      <c r="C425" s="21">
        <v>168148.76992166843</v>
      </c>
      <c r="D425">
        <f t="shared" si="6"/>
        <v>11</v>
      </c>
    </row>
    <row r="426" spans="1:4" x14ac:dyDescent="0.25">
      <c r="A426" s="20">
        <v>43573.499999998981</v>
      </c>
      <c r="B426" s="22">
        <v>1.0024490356445313</v>
      </c>
      <c r="C426" s="21">
        <v>172086.61514140034</v>
      </c>
      <c r="D426">
        <f t="shared" si="6"/>
        <v>12</v>
      </c>
    </row>
    <row r="427" spans="1:4" x14ac:dyDescent="0.25">
      <c r="A427" s="20">
        <v>43573.541666665646</v>
      </c>
      <c r="B427" s="22">
        <v>1.1369520425796509</v>
      </c>
      <c r="C427" s="21">
        <v>195176.23502908176</v>
      </c>
      <c r="D427">
        <f t="shared" si="6"/>
        <v>13</v>
      </c>
    </row>
    <row r="428" spans="1:4" x14ac:dyDescent="0.25">
      <c r="A428" s="20">
        <v>43573.58333333231</v>
      </c>
      <c r="B428" s="22">
        <v>1.3094854354858398</v>
      </c>
      <c r="C428" s="21">
        <v>224794.38670399212</v>
      </c>
      <c r="D428">
        <f t="shared" si="6"/>
        <v>14</v>
      </c>
    </row>
    <row r="429" spans="1:4" x14ac:dyDescent="0.25">
      <c r="A429" s="20">
        <v>43573.624999998974</v>
      </c>
      <c r="B429" s="22">
        <v>1.4611172676086426</v>
      </c>
      <c r="C429" s="21">
        <v>250824.44689645368</v>
      </c>
      <c r="D429">
        <f t="shared" si="6"/>
        <v>15</v>
      </c>
    </row>
    <row r="430" spans="1:4" x14ac:dyDescent="0.25">
      <c r="A430" s="20">
        <v>43573.666666665638</v>
      </c>
      <c r="B430" s="22">
        <v>1.633594274520874</v>
      </c>
      <c r="C430" s="21">
        <v>280432.91900213255</v>
      </c>
      <c r="D430">
        <f t="shared" si="6"/>
        <v>16</v>
      </c>
    </row>
    <row r="431" spans="1:4" x14ac:dyDescent="0.25">
      <c r="A431" s="20">
        <v>43573.708333332303</v>
      </c>
      <c r="B431" s="22">
        <v>1.7606426477432251</v>
      </c>
      <c r="C431" s="21">
        <v>302242.8302591159</v>
      </c>
      <c r="D431">
        <f t="shared" si="6"/>
        <v>17</v>
      </c>
    </row>
    <row r="432" spans="1:4" x14ac:dyDescent="0.25">
      <c r="A432" s="20">
        <v>43573.749999998967</v>
      </c>
      <c r="B432" s="22">
        <v>1.5749602317810059</v>
      </c>
      <c r="C432" s="21">
        <v>270367.43578215758</v>
      </c>
      <c r="D432">
        <f t="shared" si="6"/>
        <v>18</v>
      </c>
    </row>
    <row r="433" spans="1:4" x14ac:dyDescent="0.25">
      <c r="A433" s="20">
        <v>43573.791666665631</v>
      </c>
      <c r="B433" s="22">
        <v>1.5192515850067139</v>
      </c>
      <c r="C433" s="21">
        <v>260804.14416670709</v>
      </c>
      <c r="D433">
        <f t="shared" si="6"/>
        <v>19</v>
      </c>
    </row>
    <row r="434" spans="1:4" x14ac:dyDescent="0.25">
      <c r="A434" s="20">
        <v>43573.833333332295</v>
      </c>
      <c r="B434" s="22">
        <v>1.7476637363433838</v>
      </c>
      <c r="C434" s="21">
        <v>300014.78987840685</v>
      </c>
      <c r="D434">
        <f t="shared" si="6"/>
        <v>20</v>
      </c>
    </row>
    <row r="435" spans="1:4" x14ac:dyDescent="0.25">
      <c r="A435" s="20">
        <v>43573.87499999896</v>
      </c>
      <c r="B435" s="22">
        <v>1.4916917085647583</v>
      </c>
      <c r="C435" s="21">
        <v>256073.0449467233</v>
      </c>
      <c r="D435">
        <f t="shared" si="6"/>
        <v>21</v>
      </c>
    </row>
    <row r="436" spans="1:4" x14ac:dyDescent="0.25">
      <c r="A436" s="20">
        <v>43573.916666665624</v>
      </c>
      <c r="B436" s="22">
        <v>1.3571065664291382</v>
      </c>
      <c r="C436" s="21">
        <v>232969.32522140871</v>
      </c>
      <c r="D436">
        <f t="shared" si="6"/>
        <v>22</v>
      </c>
    </row>
    <row r="437" spans="1:4" x14ac:dyDescent="0.25">
      <c r="A437" s="20">
        <v>43573.958333332288</v>
      </c>
      <c r="B437" s="22">
        <v>1.0392298698425293</v>
      </c>
      <c r="C437" s="21">
        <v>178400.64112591429</v>
      </c>
      <c r="D437">
        <f t="shared" si="6"/>
        <v>23</v>
      </c>
    </row>
    <row r="438" spans="1:4" x14ac:dyDescent="0.25">
      <c r="A438" s="20">
        <v>43573.999999998952</v>
      </c>
      <c r="B438" s="22">
        <v>0.80187135934829712</v>
      </c>
      <c r="C438" s="21">
        <v>137654.20794719952</v>
      </c>
      <c r="D438">
        <f t="shared" si="6"/>
        <v>0</v>
      </c>
    </row>
    <row r="439" spans="1:4" x14ac:dyDescent="0.25">
      <c r="A439" s="20">
        <v>43574.041666665617</v>
      </c>
      <c r="B439" s="22">
        <v>0.74453550577163696</v>
      </c>
      <c r="C439" s="21">
        <v>127811.57992580938</v>
      </c>
      <c r="D439">
        <f t="shared" si="6"/>
        <v>1</v>
      </c>
    </row>
    <row r="440" spans="1:4" x14ac:dyDescent="0.25">
      <c r="A440" s="20">
        <v>43574.083333332281</v>
      </c>
      <c r="B440" s="22">
        <v>0.67264735698699951</v>
      </c>
      <c r="C440" s="21">
        <v>115470.81470658243</v>
      </c>
      <c r="D440">
        <f t="shared" si="6"/>
        <v>2</v>
      </c>
    </row>
    <row r="441" spans="1:4" x14ac:dyDescent="0.25">
      <c r="A441" s="20">
        <v>43574.124999998945</v>
      </c>
      <c r="B441" s="22">
        <v>0.68843644857406616</v>
      </c>
      <c r="C441" s="21">
        <v>118181.2680371389</v>
      </c>
      <c r="D441">
        <f t="shared" si="6"/>
        <v>3</v>
      </c>
    </row>
    <row r="442" spans="1:4" x14ac:dyDescent="0.25">
      <c r="A442" s="20">
        <v>43574.166666665609</v>
      </c>
      <c r="B442" s="22">
        <v>0.66260874271392822</v>
      </c>
      <c r="C442" s="21">
        <v>113747.52395609327</v>
      </c>
      <c r="D442">
        <f t="shared" si="6"/>
        <v>4</v>
      </c>
    </row>
    <row r="443" spans="1:4" x14ac:dyDescent="0.25">
      <c r="A443" s="20">
        <v>43574.208333332273</v>
      </c>
      <c r="B443" s="22">
        <v>0.68292254209518433</v>
      </c>
      <c r="C443" s="21">
        <v>117234.71667301202</v>
      </c>
      <c r="D443">
        <f t="shared" si="6"/>
        <v>5</v>
      </c>
    </row>
    <row r="444" spans="1:4" x14ac:dyDescent="0.25">
      <c r="A444" s="20">
        <v>43574.249999998938</v>
      </c>
      <c r="B444" s="22">
        <v>0.99094289541244507</v>
      </c>
      <c r="C444" s="21">
        <v>170111.39978832364</v>
      </c>
      <c r="D444">
        <f t="shared" si="6"/>
        <v>6</v>
      </c>
    </row>
    <row r="445" spans="1:4" x14ac:dyDescent="0.25">
      <c r="A445" s="20">
        <v>43574.291666665602</v>
      </c>
      <c r="B445" s="22">
        <v>1.0137839317321777</v>
      </c>
      <c r="C445" s="21">
        <v>174032.43366318531</v>
      </c>
      <c r="D445">
        <f t="shared" si="6"/>
        <v>7</v>
      </c>
    </row>
    <row r="446" spans="1:4" x14ac:dyDescent="0.25">
      <c r="A446" s="20">
        <v>43574.333333332266</v>
      </c>
      <c r="B446" s="22">
        <v>1.0977343320846558</v>
      </c>
      <c r="C446" s="21">
        <v>188443.87975444191</v>
      </c>
      <c r="D446">
        <f t="shared" si="6"/>
        <v>8</v>
      </c>
    </row>
    <row r="447" spans="1:4" x14ac:dyDescent="0.25">
      <c r="A447" s="20">
        <v>43574.37499999893</v>
      </c>
      <c r="B447" s="22">
        <v>0.85552984476089478</v>
      </c>
      <c r="C447" s="21">
        <v>146865.55615537165</v>
      </c>
      <c r="D447">
        <f t="shared" si="6"/>
        <v>9</v>
      </c>
    </row>
    <row r="448" spans="1:4" x14ac:dyDescent="0.25">
      <c r="A448" s="20">
        <v>43574.416666665595</v>
      </c>
      <c r="B448" s="22">
        <v>0.86641687154769897</v>
      </c>
      <c r="C448" s="21">
        <v>148734.49065685511</v>
      </c>
      <c r="D448">
        <f t="shared" si="6"/>
        <v>10</v>
      </c>
    </row>
    <row r="449" spans="1:4" x14ac:dyDescent="0.25">
      <c r="A449" s="20">
        <v>43574.458333332259</v>
      </c>
      <c r="B449" s="22">
        <v>0.87367832660675049</v>
      </c>
      <c r="C449" s="21">
        <v>149981.03704243782</v>
      </c>
      <c r="D449">
        <f t="shared" si="6"/>
        <v>11</v>
      </c>
    </row>
    <row r="450" spans="1:4" x14ac:dyDescent="0.25">
      <c r="A450" s="20">
        <v>43574.499999998923</v>
      </c>
      <c r="B450" s="22">
        <v>0.94434452056884766</v>
      </c>
      <c r="C450" s="21">
        <v>162112.03392253775</v>
      </c>
      <c r="D450">
        <f t="shared" si="6"/>
        <v>12</v>
      </c>
    </row>
    <row r="451" spans="1:4" x14ac:dyDescent="0.25">
      <c r="A451" s="20">
        <v>43574.541666665587</v>
      </c>
      <c r="B451" s="22">
        <v>1.0017434358596802</v>
      </c>
      <c r="C451" s="21">
        <v>171965.48750867092</v>
      </c>
      <c r="D451">
        <f t="shared" si="6"/>
        <v>13</v>
      </c>
    </row>
    <row r="452" spans="1:4" x14ac:dyDescent="0.25">
      <c r="A452" s="20">
        <v>43574.583333332252</v>
      </c>
      <c r="B452" s="22">
        <v>1.0336899757385254</v>
      </c>
      <c r="C452" s="21">
        <v>177449.62856497461</v>
      </c>
      <c r="D452">
        <f t="shared" si="6"/>
        <v>14</v>
      </c>
    </row>
    <row r="453" spans="1:4" x14ac:dyDescent="0.25">
      <c r="A453" s="20">
        <v>43574.624999998916</v>
      </c>
      <c r="B453" s="22">
        <v>1.0824804306030273</v>
      </c>
      <c r="C453" s="21">
        <v>185825.30047476204</v>
      </c>
      <c r="D453">
        <f t="shared" si="6"/>
        <v>15</v>
      </c>
    </row>
    <row r="454" spans="1:4" x14ac:dyDescent="0.25">
      <c r="A454" s="20">
        <v>43574.66666666558</v>
      </c>
      <c r="B454" s="22">
        <v>1.1794095039367676</v>
      </c>
      <c r="C454" s="21">
        <v>202464.74601831657</v>
      </c>
      <c r="D454">
        <f t="shared" si="6"/>
        <v>16</v>
      </c>
    </row>
    <row r="455" spans="1:4" x14ac:dyDescent="0.25">
      <c r="A455" s="20">
        <v>43574.708333332244</v>
      </c>
      <c r="B455" s="22">
        <v>1.1860990524291992</v>
      </c>
      <c r="C455" s="21">
        <v>203613.11537770915</v>
      </c>
      <c r="D455">
        <f t="shared" ref="D455:D518" si="7">HOUR(A455)</f>
        <v>17</v>
      </c>
    </row>
    <row r="456" spans="1:4" x14ac:dyDescent="0.25">
      <c r="A456" s="20">
        <v>43574.749999998909</v>
      </c>
      <c r="B456" s="22">
        <v>1.1238415241241455</v>
      </c>
      <c r="C456" s="21">
        <v>192925.60216543081</v>
      </c>
      <c r="D456">
        <f t="shared" si="7"/>
        <v>18</v>
      </c>
    </row>
    <row r="457" spans="1:4" x14ac:dyDescent="0.25">
      <c r="A457" s="20">
        <v>43574.791666665573</v>
      </c>
      <c r="B457" s="22">
        <v>0.92932635545730591</v>
      </c>
      <c r="C457" s="21">
        <v>159533.9226093594</v>
      </c>
      <c r="D457">
        <f t="shared" si="7"/>
        <v>19</v>
      </c>
    </row>
    <row r="458" spans="1:4" x14ac:dyDescent="0.25">
      <c r="A458" s="20">
        <v>43574.833333332237</v>
      </c>
      <c r="B458" s="22">
        <v>1.1990548372268677</v>
      </c>
      <c r="C458" s="21">
        <v>205837.18570253887</v>
      </c>
      <c r="D458">
        <f t="shared" si="7"/>
        <v>20</v>
      </c>
    </row>
    <row r="459" spans="1:4" x14ac:dyDescent="0.25">
      <c r="A459" s="20">
        <v>43574.874999998901</v>
      </c>
      <c r="B459" s="22">
        <v>1.1384598016738892</v>
      </c>
      <c r="C459" s="21">
        <v>195435.06630104693</v>
      </c>
      <c r="D459">
        <f t="shared" si="7"/>
        <v>21</v>
      </c>
    </row>
    <row r="460" spans="1:4" x14ac:dyDescent="0.25">
      <c r="A460" s="20">
        <v>43574.916666665566</v>
      </c>
      <c r="B460" s="22">
        <v>1.0958329439163208</v>
      </c>
      <c r="C460" s="21">
        <v>188117.47567570661</v>
      </c>
      <c r="D460">
        <f t="shared" si="7"/>
        <v>22</v>
      </c>
    </row>
    <row r="461" spans="1:4" x14ac:dyDescent="0.25">
      <c r="A461" s="20">
        <v>43574.95833333223</v>
      </c>
      <c r="B461" s="22">
        <v>0.84358000755310059</v>
      </c>
      <c r="C461" s="21">
        <v>144814.17302918821</v>
      </c>
      <c r="D461">
        <f t="shared" si="7"/>
        <v>23</v>
      </c>
    </row>
    <row r="462" spans="1:4" x14ac:dyDescent="0.25">
      <c r="A462" s="20">
        <v>43574.999999998894</v>
      </c>
      <c r="B462" s="22">
        <v>0.83214223384857178</v>
      </c>
      <c r="C462" s="21">
        <v>142850.69389800209</v>
      </c>
      <c r="D462">
        <f t="shared" si="7"/>
        <v>0</v>
      </c>
    </row>
    <row r="463" spans="1:4" x14ac:dyDescent="0.25">
      <c r="A463" s="20">
        <v>43575.041666665558</v>
      </c>
      <c r="B463" s="22">
        <v>0.71044415235519409</v>
      </c>
      <c r="C463" s="21">
        <v>121959.24688301</v>
      </c>
      <c r="D463">
        <f t="shared" si="7"/>
        <v>1</v>
      </c>
    </row>
    <row r="464" spans="1:4" x14ac:dyDescent="0.25">
      <c r="A464" s="20">
        <v>43575.083333332223</v>
      </c>
      <c r="B464" s="22">
        <v>0.69104796648025513</v>
      </c>
      <c r="C464" s="21">
        <v>118629.57738841507</v>
      </c>
      <c r="D464">
        <f t="shared" si="7"/>
        <v>2</v>
      </c>
    </row>
    <row r="465" spans="1:4" x14ac:dyDescent="0.25">
      <c r="A465" s="20">
        <v>43575.124999998887</v>
      </c>
      <c r="B465" s="22">
        <v>0.72506058216094971</v>
      </c>
      <c r="C465" s="21">
        <v>124468.39382343988</v>
      </c>
      <c r="D465">
        <f t="shared" si="7"/>
        <v>3</v>
      </c>
    </row>
    <row r="466" spans="1:4" x14ac:dyDescent="0.25">
      <c r="A466" s="20">
        <v>43575.166666665551</v>
      </c>
      <c r="B466" s="22">
        <v>0.78654336929321289</v>
      </c>
      <c r="C466" s="21">
        <v>135022.91016376205</v>
      </c>
      <c r="D466">
        <f t="shared" si="7"/>
        <v>4</v>
      </c>
    </row>
    <row r="467" spans="1:4" x14ac:dyDescent="0.25">
      <c r="A467" s="20">
        <v>43575.208333332215</v>
      </c>
      <c r="B467" s="22">
        <v>0.76948720216751099</v>
      </c>
      <c r="C467" s="21">
        <v>132094.94279227278</v>
      </c>
      <c r="D467">
        <f t="shared" si="7"/>
        <v>5</v>
      </c>
    </row>
    <row r="468" spans="1:4" x14ac:dyDescent="0.25">
      <c r="A468" s="20">
        <v>43575.24999999888</v>
      </c>
      <c r="B468" s="22">
        <v>0.96212679147720337</v>
      </c>
      <c r="C468" s="21">
        <v>165164.64877011333</v>
      </c>
      <c r="D468">
        <f t="shared" si="7"/>
        <v>6</v>
      </c>
    </row>
    <row r="469" spans="1:4" x14ac:dyDescent="0.25">
      <c r="A469" s="20">
        <v>43575.291666665544</v>
      </c>
      <c r="B469" s="22">
        <v>1.0410524606704712</v>
      </c>
      <c r="C469" s="21">
        <v>178713.51836477226</v>
      </c>
      <c r="D469">
        <f t="shared" si="7"/>
        <v>7</v>
      </c>
    </row>
    <row r="470" spans="1:4" x14ac:dyDescent="0.25">
      <c r="A470" s="20">
        <v>43575.333333332208</v>
      </c>
      <c r="B470" s="22">
        <v>1.4505596160888672</v>
      </c>
      <c r="C470" s="21">
        <v>249012.05499494175</v>
      </c>
      <c r="D470">
        <f t="shared" si="7"/>
        <v>8</v>
      </c>
    </row>
    <row r="471" spans="1:4" x14ac:dyDescent="0.25">
      <c r="A471" s="20">
        <v>43575.374999998872</v>
      </c>
      <c r="B471" s="22">
        <v>1.477635383605957</v>
      </c>
      <c r="C471" s="21">
        <v>253660.04907613277</v>
      </c>
      <c r="D471">
        <f t="shared" si="7"/>
        <v>9</v>
      </c>
    </row>
    <row r="472" spans="1:4" x14ac:dyDescent="0.25">
      <c r="A472" s="20">
        <v>43575.416666665536</v>
      </c>
      <c r="B472" s="22">
        <v>1.4648768901824951</v>
      </c>
      <c r="C472" s="21">
        <v>251469.8470115104</v>
      </c>
      <c r="D472">
        <f t="shared" si="7"/>
        <v>10</v>
      </c>
    </row>
    <row r="473" spans="1:4" x14ac:dyDescent="0.25">
      <c r="A473" s="20">
        <v>43575.458333332201</v>
      </c>
      <c r="B473" s="22">
        <v>1.4436562061309814</v>
      </c>
      <c r="C473" s="21">
        <v>247826.97285076851</v>
      </c>
      <c r="D473">
        <f t="shared" si="7"/>
        <v>11</v>
      </c>
    </row>
    <row r="474" spans="1:4" x14ac:dyDescent="0.25">
      <c r="A474" s="20">
        <v>43575.499999998865</v>
      </c>
      <c r="B474" s="22">
        <v>1.5052412748336792</v>
      </c>
      <c r="C474" s="21">
        <v>258399.04747946403</v>
      </c>
      <c r="D474">
        <f t="shared" si="7"/>
        <v>12</v>
      </c>
    </row>
    <row r="475" spans="1:4" x14ac:dyDescent="0.25">
      <c r="A475" s="20">
        <v>43575.541666665529</v>
      </c>
      <c r="B475" s="22">
        <v>1.3949794769287109</v>
      </c>
      <c r="C475" s="21">
        <v>239470.82379308849</v>
      </c>
      <c r="D475">
        <f t="shared" si="7"/>
        <v>13</v>
      </c>
    </row>
    <row r="476" spans="1:4" x14ac:dyDescent="0.25">
      <c r="A476" s="20">
        <v>43575.583333332193</v>
      </c>
      <c r="B476" s="22">
        <v>1.3545677661895752</v>
      </c>
      <c r="C476" s="21">
        <v>232533.49903552621</v>
      </c>
      <c r="D476">
        <f t="shared" si="7"/>
        <v>14</v>
      </c>
    </row>
    <row r="477" spans="1:4" x14ac:dyDescent="0.25">
      <c r="A477" s="20">
        <v>43575.624999998858</v>
      </c>
      <c r="B477" s="22">
        <v>1.2599354982376099</v>
      </c>
      <c r="C477" s="21">
        <v>216288.33734056063</v>
      </c>
      <c r="D477">
        <f t="shared" si="7"/>
        <v>15</v>
      </c>
    </row>
    <row r="478" spans="1:4" x14ac:dyDescent="0.25">
      <c r="A478" s="20">
        <v>43575.666666665522</v>
      </c>
      <c r="B478" s="22">
        <v>1.2240983247756958</v>
      </c>
      <c r="C478" s="21">
        <v>210136.30600728607</v>
      </c>
      <c r="D478">
        <f t="shared" si="7"/>
        <v>16</v>
      </c>
    </row>
    <row r="479" spans="1:4" x14ac:dyDescent="0.25">
      <c r="A479" s="20">
        <v>43575.708333332186</v>
      </c>
      <c r="B479" s="22">
        <v>1.3070899248123169</v>
      </c>
      <c r="C479" s="21">
        <v>224383.15849319674</v>
      </c>
      <c r="D479">
        <f t="shared" si="7"/>
        <v>17</v>
      </c>
    </row>
    <row r="480" spans="1:4" x14ac:dyDescent="0.25">
      <c r="A480" s="20">
        <v>43575.74999999885</v>
      </c>
      <c r="B480" s="22">
        <v>1.2643532752990723</v>
      </c>
      <c r="C480" s="21">
        <v>217046.72033453255</v>
      </c>
      <c r="D480">
        <f t="shared" si="7"/>
        <v>18</v>
      </c>
    </row>
    <row r="481" spans="1:4" x14ac:dyDescent="0.25">
      <c r="A481" s="20">
        <v>43575.791666665515</v>
      </c>
      <c r="B481" s="22">
        <v>1.453649640083313</v>
      </c>
      <c r="C481" s="21">
        <v>249542.50766734916</v>
      </c>
      <c r="D481">
        <f t="shared" si="7"/>
        <v>19</v>
      </c>
    </row>
    <row r="482" spans="1:4" x14ac:dyDescent="0.25">
      <c r="A482" s="20">
        <v>43575.833333332179</v>
      </c>
      <c r="B482" s="22">
        <v>1.6148595809936523</v>
      </c>
      <c r="C482" s="21">
        <v>277216.80538420862</v>
      </c>
      <c r="D482">
        <f t="shared" si="7"/>
        <v>20</v>
      </c>
    </row>
    <row r="483" spans="1:4" x14ac:dyDescent="0.25">
      <c r="A483" s="20">
        <v>43575.874999998843</v>
      </c>
      <c r="B483" s="22">
        <v>1.5788599252700806</v>
      </c>
      <c r="C483" s="21">
        <v>271036.88133875123</v>
      </c>
      <c r="D483">
        <f t="shared" si="7"/>
        <v>21</v>
      </c>
    </row>
    <row r="484" spans="1:4" x14ac:dyDescent="0.25">
      <c r="A484" s="20">
        <v>43575.916666665507</v>
      </c>
      <c r="B484" s="22">
        <v>1.6367862224578857</v>
      </c>
      <c r="C484" s="21">
        <v>280980.86857029662</v>
      </c>
      <c r="D484">
        <f t="shared" si="7"/>
        <v>22</v>
      </c>
    </row>
    <row r="485" spans="1:4" x14ac:dyDescent="0.25">
      <c r="A485" s="20">
        <v>43575.958333332172</v>
      </c>
      <c r="B485" s="22">
        <v>1.3203034400939941</v>
      </c>
      <c r="C485" s="21">
        <v>226651.47243045439</v>
      </c>
      <c r="D485">
        <f t="shared" si="7"/>
        <v>23</v>
      </c>
    </row>
    <row r="486" spans="1:4" x14ac:dyDescent="0.25">
      <c r="A486" s="20">
        <v>43575.999999998836</v>
      </c>
      <c r="B486" s="22">
        <v>1.3777338266372681</v>
      </c>
      <c r="C486" s="21">
        <v>236510.3285668563</v>
      </c>
      <c r="D486">
        <f t="shared" si="7"/>
        <v>0</v>
      </c>
    </row>
    <row r="487" spans="1:4" x14ac:dyDescent="0.25">
      <c r="A487" s="20">
        <v>43576.0416666655</v>
      </c>
      <c r="B487" s="22">
        <v>1.3361183404922485</v>
      </c>
      <c r="C487" s="21">
        <v>229366.35626151535</v>
      </c>
      <c r="D487">
        <f t="shared" si="7"/>
        <v>1</v>
      </c>
    </row>
    <row r="488" spans="1:4" x14ac:dyDescent="0.25">
      <c r="A488" s="20">
        <v>43576.083333332164</v>
      </c>
      <c r="B488" s="22">
        <v>1.2196441888809204</v>
      </c>
      <c r="C488" s="21">
        <v>209371.68143061729</v>
      </c>
      <c r="D488">
        <f t="shared" si="7"/>
        <v>2</v>
      </c>
    </row>
    <row r="489" spans="1:4" x14ac:dyDescent="0.25">
      <c r="A489" s="20">
        <v>43576.124999998829</v>
      </c>
      <c r="B489" s="22">
        <v>1.1284385919570923</v>
      </c>
      <c r="C489" s="21">
        <v>193714.76332457003</v>
      </c>
      <c r="D489">
        <f t="shared" si="7"/>
        <v>3</v>
      </c>
    </row>
    <row r="490" spans="1:4" x14ac:dyDescent="0.25">
      <c r="A490" s="20">
        <v>43576.166666665493</v>
      </c>
      <c r="B490" s="22">
        <v>1.2537353038787842</v>
      </c>
      <c r="C490" s="21">
        <v>215223.97354500557</v>
      </c>
      <c r="D490">
        <f t="shared" si="7"/>
        <v>4</v>
      </c>
    </row>
    <row r="491" spans="1:4" x14ac:dyDescent="0.25">
      <c r="A491" s="20">
        <v>43576.208333332157</v>
      </c>
      <c r="B491" s="22">
        <v>1.3259538412094116</v>
      </c>
      <c r="C491" s="21">
        <v>227621.4553099513</v>
      </c>
      <c r="D491">
        <f t="shared" si="7"/>
        <v>5</v>
      </c>
    </row>
    <row r="492" spans="1:4" x14ac:dyDescent="0.25">
      <c r="A492" s="20">
        <v>43576.249999998821</v>
      </c>
      <c r="B492" s="22">
        <v>1.3637456893920898</v>
      </c>
      <c r="C492" s="21">
        <v>234109.03822184802</v>
      </c>
      <c r="D492">
        <f t="shared" si="7"/>
        <v>6</v>
      </c>
    </row>
    <row r="493" spans="1:4" x14ac:dyDescent="0.25">
      <c r="A493" s="20">
        <v>43576.291666665486</v>
      </c>
      <c r="B493" s="22">
        <v>1.4992619752883911</v>
      </c>
      <c r="C493" s="21">
        <v>257372.60385681788</v>
      </c>
      <c r="D493">
        <f t="shared" si="7"/>
        <v>7</v>
      </c>
    </row>
    <row r="494" spans="1:4" x14ac:dyDescent="0.25">
      <c r="A494" s="20">
        <v>43576.33333333215</v>
      </c>
      <c r="B494" s="22">
        <v>1.6000657081604004</v>
      </c>
      <c r="C494" s="21">
        <v>274677.19747379771</v>
      </c>
      <c r="D494">
        <f t="shared" si="7"/>
        <v>8</v>
      </c>
    </row>
    <row r="495" spans="1:4" x14ac:dyDescent="0.25">
      <c r="A495" s="20">
        <v>43576.374999998814</v>
      </c>
      <c r="B495" s="22">
        <v>1.810755729675293</v>
      </c>
      <c r="C495" s="21">
        <v>310845.55252962862</v>
      </c>
      <c r="D495">
        <f t="shared" si="7"/>
        <v>9</v>
      </c>
    </row>
    <row r="496" spans="1:4" x14ac:dyDescent="0.25">
      <c r="A496" s="20">
        <v>43576.416666665478</v>
      </c>
      <c r="B496" s="22">
        <v>1.6150897741317749</v>
      </c>
      <c r="C496" s="21">
        <v>277256.32176515146</v>
      </c>
      <c r="D496">
        <f t="shared" si="7"/>
        <v>10</v>
      </c>
    </row>
    <row r="497" spans="1:4" x14ac:dyDescent="0.25">
      <c r="A497" s="20">
        <v>43576.458333332143</v>
      </c>
      <c r="B497" s="22">
        <v>1.5317903757095337</v>
      </c>
      <c r="C497" s="21">
        <v>262956.63070047623</v>
      </c>
      <c r="D497">
        <f t="shared" si="7"/>
        <v>11</v>
      </c>
    </row>
    <row r="498" spans="1:4" x14ac:dyDescent="0.25">
      <c r="A498" s="20">
        <v>43576.499999998807</v>
      </c>
      <c r="B498" s="22">
        <v>1.4389461278915405</v>
      </c>
      <c r="C498" s="21">
        <v>247018.41162475524</v>
      </c>
      <c r="D498">
        <f t="shared" si="7"/>
        <v>12</v>
      </c>
    </row>
    <row r="499" spans="1:4" x14ac:dyDescent="0.25">
      <c r="A499" s="20">
        <v>43576.541666665471</v>
      </c>
      <c r="B499" s="22">
        <v>1.3237500190734863</v>
      </c>
      <c r="C499" s="21">
        <v>227243.1335417018</v>
      </c>
      <c r="D499">
        <f t="shared" si="7"/>
        <v>13</v>
      </c>
    </row>
    <row r="500" spans="1:4" x14ac:dyDescent="0.25">
      <c r="A500" s="20">
        <v>43576.583333332135</v>
      </c>
      <c r="B500" s="22">
        <v>1.2386382818222046</v>
      </c>
      <c r="C500" s="21">
        <v>212632.32515984707</v>
      </c>
      <c r="D500">
        <f t="shared" si="7"/>
        <v>14</v>
      </c>
    </row>
    <row r="501" spans="1:4" x14ac:dyDescent="0.25">
      <c r="A501" s="20">
        <v>43576.624999998799</v>
      </c>
      <c r="B501" s="22">
        <v>1.2546563148498535</v>
      </c>
      <c r="C501" s="21">
        <v>215382.07999718795</v>
      </c>
      <c r="D501">
        <f t="shared" si="7"/>
        <v>15</v>
      </c>
    </row>
    <row r="502" spans="1:4" x14ac:dyDescent="0.25">
      <c r="A502" s="20">
        <v>43576.666666665464</v>
      </c>
      <c r="B502" s="22">
        <v>1.0280616283416748</v>
      </c>
      <c r="C502" s="21">
        <v>176483.43156350692</v>
      </c>
      <c r="D502">
        <f t="shared" si="7"/>
        <v>16</v>
      </c>
    </row>
    <row r="503" spans="1:4" x14ac:dyDescent="0.25">
      <c r="A503" s="20">
        <v>43576.708333332128</v>
      </c>
      <c r="B503" s="22">
        <v>1.217267632484436</v>
      </c>
      <c r="C503" s="21">
        <v>208963.7070285065</v>
      </c>
      <c r="D503">
        <f t="shared" si="7"/>
        <v>17</v>
      </c>
    </row>
    <row r="504" spans="1:4" x14ac:dyDescent="0.25">
      <c r="A504" s="20">
        <v>43576.749999998792</v>
      </c>
      <c r="B504" s="22">
        <v>1.1380752325057983</v>
      </c>
      <c r="C504" s="21">
        <v>195369.04877389959</v>
      </c>
      <c r="D504">
        <f t="shared" si="7"/>
        <v>18</v>
      </c>
    </row>
    <row r="505" spans="1:4" x14ac:dyDescent="0.25">
      <c r="A505" s="20">
        <v>43576.791666665456</v>
      </c>
      <c r="B505" s="22">
        <v>1.1879491806030273</v>
      </c>
      <c r="C505" s="21">
        <v>203930.71984805225</v>
      </c>
      <c r="D505">
        <f t="shared" si="7"/>
        <v>19</v>
      </c>
    </row>
    <row r="506" spans="1:4" x14ac:dyDescent="0.25">
      <c r="A506" s="20">
        <v>43576.833333332121</v>
      </c>
      <c r="B506" s="22">
        <v>1.3920954465866089</v>
      </c>
      <c r="C506" s="21">
        <v>238975.73326789454</v>
      </c>
      <c r="D506">
        <f t="shared" si="7"/>
        <v>20</v>
      </c>
    </row>
    <row r="507" spans="1:4" x14ac:dyDescent="0.25">
      <c r="A507" s="20">
        <v>43576.874999998785</v>
      </c>
      <c r="B507" s="22">
        <v>1.4567732810974121</v>
      </c>
      <c r="C507" s="21">
        <v>250078.73124572542</v>
      </c>
      <c r="D507">
        <f t="shared" si="7"/>
        <v>21</v>
      </c>
    </row>
    <row r="508" spans="1:4" x14ac:dyDescent="0.25">
      <c r="A508" s="20">
        <v>43576.916666665449</v>
      </c>
      <c r="B508" s="22">
        <v>1.2568268775939941</v>
      </c>
      <c r="C508" s="21">
        <v>215754.69225208531</v>
      </c>
      <c r="D508">
        <f t="shared" si="7"/>
        <v>22</v>
      </c>
    </row>
    <row r="509" spans="1:4" x14ac:dyDescent="0.25">
      <c r="A509" s="20">
        <v>43576.958333332113</v>
      </c>
      <c r="B509" s="22">
        <v>1.3490780591964722</v>
      </c>
      <c r="C509" s="21">
        <v>231591.10190512869</v>
      </c>
      <c r="D509">
        <f t="shared" si="7"/>
        <v>23</v>
      </c>
    </row>
    <row r="510" spans="1:4" x14ac:dyDescent="0.25">
      <c r="A510" s="20">
        <v>43576.999999998778</v>
      </c>
      <c r="B510" s="22">
        <v>1.0917580127716064</v>
      </c>
      <c r="C510" s="21">
        <v>187417.94773693482</v>
      </c>
      <c r="D510">
        <f t="shared" si="7"/>
        <v>0</v>
      </c>
    </row>
    <row r="511" spans="1:4" x14ac:dyDescent="0.25">
      <c r="A511" s="20">
        <v>43577.041666665442</v>
      </c>
      <c r="B511" s="22">
        <v>1.0940054655075073</v>
      </c>
      <c r="C511" s="21">
        <v>187803.75940442056</v>
      </c>
      <c r="D511">
        <f t="shared" si="7"/>
        <v>1</v>
      </c>
    </row>
    <row r="512" spans="1:4" x14ac:dyDescent="0.25">
      <c r="A512" s="20">
        <v>43577.083333332106</v>
      </c>
      <c r="B512" s="22">
        <v>1.1277956962585449</v>
      </c>
      <c r="C512" s="21">
        <v>193604.39986396689</v>
      </c>
      <c r="D512">
        <f t="shared" si="7"/>
        <v>2</v>
      </c>
    </row>
    <row r="513" spans="1:4" x14ac:dyDescent="0.25">
      <c r="A513" s="20">
        <v>43577.12499999877</v>
      </c>
      <c r="B513" s="22">
        <v>1.1907068490982056</v>
      </c>
      <c r="C513" s="21">
        <v>204404.11831534907</v>
      </c>
      <c r="D513">
        <f t="shared" si="7"/>
        <v>3</v>
      </c>
    </row>
    <row r="514" spans="1:4" x14ac:dyDescent="0.25">
      <c r="A514" s="20">
        <v>43577.166666665435</v>
      </c>
      <c r="B514" s="22">
        <v>1.1843613386154175</v>
      </c>
      <c r="C514" s="21">
        <v>203314.8086532123</v>
      </c>
      <c r="D514">
        <f t="shared" si="7"/>
        <v>4</v>
      </c>
    </row>
    <row r="515" spans="1:4" x14ac:dyDescent="0.25">
      <c r="A515" s="20">
        <v>43577.208333332099</v>
      </c>
      <c r="B515" s="22">
        <v>1.378456711769104</v>
      </c>
      <c r="C515" s="21">
        <v>236634.42350939242</v>
      </c>
      <c r="D515">
        <f t="shared" si="7"/>
        <v>5</v>
      </c>
    </row>
    <row r="516" spans="1:4" x14ac:dyDescent="0.25">
      <c r="A516" s="20">
        <v>43577.249999998763</v>
      </c>
      <c r="B516" s="22">
        <v>1.7464680671691895</v>
      </c>
      <c r="C516" s="21">
        <v>299809.53389660647</v>
      </c>
      <c r="D516">
        <f t="shared" si="7"/>
        <v>6</v>
      </c>
    </row>
    <row r="517" spans="1:4" x14ac:dyDescent="0.25">
      <c r="A517" s="20">
        <v>43577.291666665427</v>
      </c>
      <c r="B517" s="22">
        <v>1.6760033369064331</v>
      </c>
      <c r="C517" s="21">
        <v>287713.12152390869</v>
      </c>
      <c r="D517">
        <f t="shared" si="7"/>
        <v>7</v>
      </c>
    </row>
    <row r="518" spans="1:4" x14ac:dyDescent="0.25">
      <c r="A518" s="20">
        <v>43577.333333332092</v>
      </c>
      <c r="B518" s="22">
        <v>1.5771211385726929</v>
      </c>
      <c r="C518" s="21">
        <v>270738.39043640433</v>
      </c>
      <c r="D518">
        <f t="shared" si="7"/>
        <v>8</v>
      </c>
    </row>
    <row r="519" spans="1:4" x14ac:dyDescent="0.25">
      <c r="A519" s="20">
        <v>43577.374999998756</v>
      </c>
      <c r="B519" s="22">
        <v>1.3954442739486694</v>
      </c>
      <c r="C519" s="21">
        <v>239550.61373057996</v>
      </c>
      <c r="D519">
        <f t="shared" ref="D519:D582" si="8">HOUR(A519)</f>
        <v>9</v>
      </c>
    </row>
    <row r="520" spans="1:4" x14ac:dyDescent="0.25">
      <c r="A520" s="20">
        <v>43577.41666666542</v>
      </c>
      <c r="B520" s="22">
        <v>1.1862378120422363</v>
      </c>
      <c r="C520" s="21">
        <v>203636.93571298491</v>
      </c>
      <c r="D520">
        <f t="shared" si="8"/>
        <v>10</v>
      </c>
    </row>
    <row r="521" spans="1:4" x14ac:dyDescent="0.25">
      <c r="A521" s="20">
        <v>43577.458333332084</v>
      </c>
      <c r="B521" s="22">
        <v>1.0255261659622192</v>
      </c>
      <c r="C521" s="21">
        <v>176048.17837538017</v>
      </c>
      <c r="D521">
        <f t="shared" si="8"/>
        <v>11</v>
      </c>
    </row>
    <row r="522" spans="1:4" x14ac:dyDescent="0.25">
      <c r="A522" s="20">
        <v>43577.499999998749</v>
      </c>
      <c r="B522" s="22">
        <v>1.1342167854309082</v>
      </c>
      <c r="C522" s="21">
        <v>194706.68383243083</v>
      </c>
      <c r="D522">
        <f t="shared" si="8"/>
        <v>12</v>
      </c>
    </row>
    <row r="523" spans="1:4" x14ac:dyDescent="0.25">
      <c r="A523" s="20">
        <v>43577.541666665413</v>
      </c>
      <c r="B523" s="22">
        <v>0.91876888275146484</v>
      </c>
      <c r="C523" s="21">
        <v>157721.5614041558</v>
      </c>
      <c r="D523">
        <f t="shared" si="8"/>
        <v>13</v>
      </c>
    </row>
    <row r="524" spans="1:4" x14ac:dyDescent="0.25">
      <c r="A524" s="20">
        <v>43577.583333332077</v>
      </c>
      <c r="B524" s="22">
        <v>1.0191870927810669</v>
      </c>
      <c r="C524" s="21">
        <v>174959.9737803438</v>
      </c>
      <c r="D524">
        <f t="shared" si="8"/>
        <v>14</v>
      </c>
    </row>
    <row r="525" spans="1:4" x14ac:dyDescent="0.25">
      <c r="A525" s="20">
        <v>43577.624999998741</v>
      </c>
      <c r="B525" s="22">
        <v>1.1331006288528442</v>
      </c>
      <c r="C525" s="21">
        <v>194515.07747574127</v>
      </c>
      <c r="D525">
        <f t="shared" si="8"/>
        <v>15</v>
      </c>
    </row>
    <row r="526" spans="1:4" x14ac:dyDescent="0.25">
      <c r="A526" s="20">
        <v>43577.666666665406</v>
      </c>
      <c r="B526" s="22">
        <v>1.2672085762023926</v>
      </c>
      <c r="C526" s="21">
        <v>217536.87898618577</v>
      </c>
      <c r="D526">
        <f t="shared" si="8"/>
        <v>16</v>
      </c>
    </row>
    <row r="527" spans="1:4" x14ac:dyDescent="0.25">
      <c r="A527" s="20">
        <v>43577.70833333207</v>
      </c>
      <c r="B527" s="22">
        <v>1.3095219135284424</v>
      </c>
      <c r="C527" s="21">
        <v>224800.6487508945</v>
      </c>
      <c r="D527">
        <f t="shared" si="8"/>
        <v>17</v>
      </c>
    </row>
    <row r="528" spans="1:4" x14ac:dyDescent="0.25">
      <c r="A528" s="20">
        <v>43577.749999998734</v>
      </c>
      <c r="B528" s="22">
        <v>1.3829187154769897</v>
      </c>
      <c r="C528" s="21">
        <v>237400.39872362834</v>
      </c>
      <c r="D528">
        <f t="shared" si="8"/>
        <v>18</v>
      </c>
    </row>
    <row r="529" spans="1:4" x14ac:dyDescent="0.25">
      <c r="A529" s="20">
        <v>43577.791666665398</v>
      </c>
      <c r="B529" s="22">
        <v>1.3567197322845459</v>
      </c>
      <c r="C529" s="21">
        <v>232902.91887435567</v>
      </c>
      <c r="D529">
        <f t="shared" si="8"/>
        <v>19</v>
      </c>
    </row>
    <row r="530" spans="1:4" x14ac:dyDescent="0.25">
      <c r="A530" s="20">
        <v>43577.833333332062</v>
      </c>
      <c r="B530" s="22">
        <v>1.389618992805481</v>
      </c>
      <c r="C530" s="21">
        <v>238550.60986152163</v>
      </c>
      <c r="D530">
        <f t="shared" si="8"/>
        <v>20</v>
      </c>
    </row>
    <row r="531" spans="1:4" x14ac:dyDescent="0.25">
      <c r="A531" s="20">
        <v>43577.874999998727</v>
      </c>
      <c r="B531" s="22">
        <v>1.4591242074966431</v>
      </c>
      <c r="C531" s="21">
        <v>250482.30584364015</v>
      </c>
      <c r="D531">
        <f t="shared" si="8"/>
        <v>21</v>
      </c>
    </row>
    <row r="532" spans="1:4" x14ac:dyDescent="0.25">
      <c r="A532" s="20">
        <v>43577.916666665391</v>
      </c>
      <c r="B532" s="22">
        <v>1.2181658744812012</v>
      </c>
      <c r="C532" s="21">
        <v>209117.90481742629</v>
      </c>
      <c r="D532">
        <f t="shared" si="8"/>
        <v>22</v>
      </c>
    </row>
    <row r="533" spans="1:4" x14ac:dyDescent="0.25">
      <c r="A533" s="20">
        <v>43577.958333332055</v>
      </c>
      <c r="B533" s="22">
        <v>0.95130997896194458</v>
      </c>
      <c r="C533" s="21">
        <v>163307.7676857067</v>
      </c>
      <c r="D533">
        <f t="shared" si="8"/>
        <v>23</v>
      </c>
    </row>
    <row r="534" spans="1:4" x14ac:dyDescent="0.25">
      <c r="A534" s="20">
        <v>43577.999999998719</v>
      </c>
      <c r="B534" s="22">
        <v>0.78381556272506714</v>
      </c>
      <c r="C534" s="21">
        <v>134554.63797995885</v>
      </c>
      <c r="D534">
        <f t="shared" si="8"/>
        <v>0</v>
      </c>
    </row>
    <row r="535" spans="1:4" x14ac:dyDescent="0.25">
      <c r="A535" s="20">
        <v>43578.041666665384</v>
      </c>
      <c r="B535" s="22">
        <v>0.72090685367584229</v>
      </c>
      <c r="C535" s="21">
        <v>123755.33904479074</v>
      </c>
      <c r="D535">
        <f t="shared" si="8"/>
        <v>1</v>
      </c>
    </row>
    <row r="536" spans="1:4" x14ac:dyDescent="0.25">
      <c r="A536" s="20">
        <v>43578.083333332048</v>
      </c>
      <c r="B536" s="22">
        <v>0.70505660772323608</v>
      </c>
      <c r="C536" s="21">
        <v>121034.38757678025</v>
      </c>
      <c r="D536">
        <f t="shared" si="8"/>
        <v>2</v>
      </c>
    </row>
    <row r="537" spans="1:4" x14ac:dyDescent="0.25">
      <c r="A537" s="20">
        <v>43578.124999998712</v>
      </c>
      <c r="B537" s="22">
        <v>0.669697105884552</v>
      </c>
      <c r="C537" s="21">
        <v>114964.35631519802</v>
      </c>
      <c r="D537">
        <f t="shared" si="8"/>
        <v>3</v>
      </c>
    </row>
    <row r="538" spans="1:4" x14ac:dyDescent="0.25">
      <c r="A538" s="20">
        <v>43578.166666665376</v>
      </c>
      <c r="B538" s="22">
        <v>0.7829475998878479</v>
      </c>
      <c r="C538" s="21">
        <v>134405.63809925213</v>
      </c>
      <c r="D538">
        <f t="shared" si="8"/>
        <v>4</v>
      </c>
    </row>
    <row r="539" spans="1:4" x14ac:dyDescent="0.25">
      <c r="A539" s="20">
        <v>43578.208333332041</v>
      </c>
      <c r="B539" s="22">
        <v>0.89685839414596558</v>
      </c>
      <c r="C539" s="21">
        <v>153960.27111792163</v>
      </c>
      <c r="D539">
        <f t="shared" si="8"/>
        <v>5</v>
      </c>
    </row>
    <row r="540" spans="1:4" x14ac:dyDescent="0.25">
      <c r="A540" s="20">
        <v>43578.249999998705</v>
      </c>
      <c r="B540" s="22">
        <v>1.0802133083343506</v>
      </c>
      <c r="C540" s="21">
        <v>185436.1122133584</v>
      </c>
      <c r="D540">
        <f t="shared" si="8"/>
        <v>6</v>
      </c>
    </row>
    <row r="541" spans="1:4" x14ac:dyDescent="0.25">
      <c r="A541" s="20">
        <v>43578.291666665369</v>
      </c>
      <c r="B541" s="22">
        <v>1.2238353490829468</v>
      </c>
      <c r="C541" s="21">
        <v>210091.16196981334</v>
      </c>
      <c r="D541">
        <f t="shared" si="8"/>
        <v>7</v>
      </c>
    </row>
    <row r="542" spans="1:4" x14ac:dyDescent="0.25">
      <c r="A542" s="20">
        <v>43578.333333332033</v>
      </c>
      <c r="B542" s="22">
        <v>1.0289369821548462</v>
      </c>
      <c r="C542" s="21">
        <v>176633.70022495853</v>
      </c>
      <c r="D542">
        <f t="shared" si="8"/>
        <v>8</v>
      </c>
    </row>
    <row r="543" spans="1:4" x14ac:dyDescent="0.25">
      <c r="A543" s="20">
        <v>43578.374999998698</v>
      </c>
      <c r="B543" s="22">
        <v>1.1385854482650757</v>
      </c>
      <c r="C543" s="21">
        <v>195456.63557371069</v>
      </c>
      <c r="D543">
        <f t="shared" si="8"/>
        <v>9</v>
      </c>
    </row>
    <row r="544" spans="1:4" x14ac:dyDescent="0.25">
      <c r="A544" s="20">
        <v>43578.416666665362</v>
      </c>
      <c r="B544" s="22">
        <v>0.82453519105911255</v>
      </c>
      <c r="C544" s="21">
        <v>141544.82178049124</v>
      </c>
      <c r="D544">
        <f t="shared" si="8"/>
        <v>10</v>
      </c>
    </row>
    <row r="545" spans="1:4" x14ac:dyDescent="0.25">
      <c r="A545" s="20">
        <v>43578.458333332026</v>
      </c>
      <c r="B545" s="22">
        <v>0.90707099437713623</v>
      </c>
      <c r="C545" s="21">
        <v>155713.42937643049</v>
      </c>
      <c r="D545">
        <f t="shared" si="8"/>
        <v>11</v>
      </c>
    </row>
    <row r="546" spans="1:4" x14ac:dyDescent="0.25">
      <c r="A546" s="20">
        <v>43578.49999999869</v>
      </c>
      <c r="B546" s="22">
        <v>0.92121922969818115</v>
      </c>
      <c r="C546" s="21">
        <v>158142.20314951031</v>
      </c>
      <c r="D546">
        <f t="shared" si="8"/>
        <v>12</v>
      </c>
    </row>
    <row r="547" spans="1:4" x14ac:dyDescent="0.25">
      <c r="A547" s="20">
        <v>43578.541666665355</v>
      </c>
      <c r="B547" s="22">
        <v>1.0493372678756714</v>
      </c>
      <c r="C547" s="21">
        <v>180135.73972301351</v>
      </c>
      <c r="D547">
        <f t="shared" si="8"/>
        <v>13</v>
      </c>
    </row>
    <row r="548" spans="1:4" x14ac:dyDescent="0.25">
      <c r="A548" s="20">
        <v>43578.583333332019</v>
      </c>
      <c r="B548" s="22">
        <v>1.1713792085647583</v>
      </c>
      <c r="C548" s="21">
        <v>201086.21573895309</v>
      </c>
      <c r="D548">
        <f t="shared" si="8"/>
        <v>14</v>
      </c>
    </row>
    <row r="549" spans="1:4" x14ac:dyDescent="0.25">
      <c r="A549" s="20">
        <v>43578.624999998683</v>
      </c>
      <c r="B549" s="22">
        <v>1.4106999635696411</v>
      </c>
      <c r="C549" s="21">
        <v>242169.49997334328</v>
      </c>
      <c r="D549">
        <f t="shared" si="8"/>
        <v>15</v>
      </c>
    </row>
    <row r="550" spans="1:4" x14ac:dyDescent="0.25">
      <c r="A550" s="20">
        <v>43578.666666665347</v>
      </c>
      <c r="B550" s="22">
        <v>1.4614228010177612</v>
      </c>
      <c r="C550" s="21">
        <v>250876.89665531251</v>
      </c>
      <c r="D550">
        <f t="shared" si="8"/>
        <v>16</v>
      </c>
    </row>
    <row r="551" spans="1:4" x14ac:dyDescent="0.25">
      <c r="A551" s="20">
        <v>43578.708333332012</v>
      </c>
      <c r="B551" s="22">
        <v>1.7262395620346069</v>
      </c>
      <c r="C551" s="21">
        <v>296336.98331876833</v>
      </c>
      <c r="D551">
        <f t="shared" si="8"/>
        <v>17</v>
      </c>
    </row>
    <row r="552" spans="1:4" x14ac:dyDescent="0.25">
      <c r="A552" s="20">
        <v>43578.749999998676</v>
      </c>
      <c r="B552" s="22">
        <v>1.5431044101715088</v>
      </c>
      <c r="C552" s="21">
        <v>264898.86798628757</v>
      </c>
      <c r="D552">
        <f t="shared" si="8"/>
        <v>18</v>
      </c>
    </row>
    <row r="553" spans="1:4" x14ac:dyDescent="0.25">
      <c r="A553" s="20">
        <v>43578.79166666534</v>
      </c>
      <c r="B553" s="22">
        <v>1.5361615419387817</v>
      </c>
      <c r="C553" s="21">
        <v>263707.01219007291</v>
      </c>
      <c r="D553">
        <f t="shared" si="8"/>
        <v>19</v>
      </c>
    </row>
    <row r="554" spans="1:4" x14ac:dyDescent="0.25">
      <c r="A554" s="20">
        <v>43578.833333332004</v>
      </c>
      <c r="B554" s="22">
        <v>1.5268232822418213</v>
      </c>
      <c r="C554" s="21">
        <v>262103.94864726841</v>
      </c>
      <c r="D554">
        <f t="shared" si="8"/>
        <v>20</v>
      </c>
    </row>
    <row r="555" spans="1:4" x14ac:dyDescent="0.25">
      <c r="A555" s="20">
        <v>43578.874999998668</v>
      </c>
      <c r="B555" s="22">
        <v>1.5713052749633789</v>
      </c>
      <c r="C555" s="21">
        <v>269740.00323958549</v>
      </c>
      <c r="D555">
        <f t="shared" si="8"/>
        <v>21</v>
      </c>
    </row>
    <row r="556" spans="1:4" x14ac:dyDescent="0.25">
      <c r="A556" s="20">
        <v>43578.916666665333</v>
      </c>
      <c r="B556" s="22">
        <v>1.4463983774185181</v>
      </c>
      <c r="C556" s="21">
        <v>248297.71097134211</v>
      </c>
      <c r="D556">
        <f t="shared" si="8"/>
        <v>22</v>
      </c>
    </row>
    <row r="557" spans="1:4" x14ac:dyDescent="0.25">
      <c r="A557" s="20">
        <v>43578.958333331997</v>
      </c>
      <c r="B557" s="22">
        <v>1.0787005424499512</v>
      </c>
      <c r="C557" s="21">
        <v>185176.42144475959</v>
      </c>
      <c r="D557">
        <f t="shared" si="8"/>
        <v>23</v>
      </c>
    </row>
    <row r="558" spans="1:4" x14ac:dyDescent="0.25">
      <c r="A558" s="20">
        <v>43578.999999998661</v>
      </c>
      <c r="B558" s="22">
        <v>0.80780881643295288</v>
      </c>
      <c r="C558" s="21">
        <v>138673.46863369297</v>
      </c>
      <c r="D558">
        <f t="shared" si="8"/>
        <v>0</v>
      </c>
    </row>
    <row r="559" spans="1:4" x14ac:dyDescent="0.25">
      <c r="A559" s="20">
        <v>43579.041666665325</v>
      </c>
      <c r="B559" s="22">
        <v>0.66146904230117798</v>
      </c>
      <c r="C559" s="21">
        <v>113551.87591880493</v>
      </c>
      <c r="D559">
        <f t="shared" si="8"/>
        <v>1</v>
      </c>
    </row>
    <row r="560" spans="1:4" x14ac:dyDescent="0.25">
      <c r="A560" s="20">
        <v>43579.08333333199</v>
      </c>
      <c r="B560" s="22">
        <v>0.62685328722000122</v>
      </c>
      <c r="C560" s="21">
        <v>107609.5208357324</v>
      </c>
      <c r="D560">
        <f t="shared" si="8"/>
        <v>2</v>
      </c>
    </row>
    <row r="561" spans="1:4" x14ac:dyDescent="0.25">
      <c r="A561" s="20">
        <v>43579.124999998654</v>
      </c>
      <c r="B561" s="22">
        <v>0.66404259204864502</v>
      </c>
      <c r="C561" s="21">
        <v>113993.66742060917</v>
      </c>
      <c r="D561">
        <f t="shared" si="8"/>
        <v>3</v>
      </c>
    </row>
    <row r="562" spans="1:4" x14ac:dyDescent="0.25">
      <c r="A562" s="20">
        <v>43579.166666665318</v>
      </c>
      <c r="B562" s="22">
        <v>0.63665467500686646</v>
      </c>
      <c r="C562" s="21">
        <v>109292.0878171505</v>
      </c>
      <c r="D562">
        <f t="shared" si="8"/>
        <v>4</v>
      </c>
    </row>
    <row r="563" spans="1:4" x14ac:dyDescent="0.25">
      <c r="A563" s="20">
        <v>43579.208333331982</v>
      </c>
      <c r="B563" s="22">
        <v>0.82001465559005737</v>
      </c>
      <c r="C563" s="21">
        <v>140768.79864132369</v>
      </c>
      <c r="D563">
        <f t="shared" si="8"/>
        <v>5</v>
      </c>
    </row>
    <row r="564" spans="1:4" x14ac:dyDescent="0.25">
      <c r="A564" s="20">
        <v>43579.249999998647</v>
      </c>
      <c r="B564" s="22">
        <v>0.92478233575820923</v>
      </c>
      <c r="C564" s="21">
        <v>158753.86802169587</v>
      </c>
      <c r="D564">
        <f t="shared" si="8"/>
        <v>6</v>
      </c>
    </row>
    <row r="565" spans="1:4" x14ac:dyDescent="0.25">
      <c r="A565" s="20">
        <v>43579.291666665311</v>
      </c>
      <c r="B565" s="22">
        <v>0.97330212593078613</v>
      </c>
      <c r="C565" s="21">
        <v>167083.07595275174</v>
      </c>
      <c r="D565">
        <f t="shared" si="8"/>
        <v>7</v>
      </c>
    </row>
    <row r="566" spans="1:4" x14ac:dyDescent="0.25">
      <c r="A566" s="20">
        <v>43579.333333331975</v>
      </c>
      <c r="B566" s="22">
        <v>0.93679213523864746</v>
      </c>
      <c r="C566" s="21">
        <v>160815.54464327771</v>
      </c>
      <c r="D566">
        <f t="shared" si="8"/>
        <v>8</v>
      </c>
    </row>
    <row r="567" spans="1:4" x14ac:dyDescent="0.25">
      <c r="A567" s="20">
        <v>43579.374999998639</v>
      </c>
      <c r="B567" s="22">
        <v>0.91986405849456787</v>
      </c>
      <c r="C567" s="21">
        <v>157909.56606066623</v>
      </c>
      <c r="D567">
        <f t="shared" si="8"/>
        <v>9</v>
      </c>
    </row>
    <row r="568" spans="1:4" x14ac:dyDescent="0.25">
      <c r="A568" s="20">
        <v>43579.416666665304</v>
      </c>
      <c r="B568" s="22">
        <v>0.88344639539718628</v>
      </c>
      <c r="C568" s="21">
        <v>151657.884278401</v>
      </c>
      <c r="D568">
        <f t="shared" si="8"/>
        <v>10</v>
      </c>
    </row>
    <row r="569" spans="1:4" x14ac:dyDescent="0.25">
      <c r="A569" s="20">
        <v>43579.458333331968</v>
      </c>
      <c r="B569" s="22">
        <v>0.94670462608337402</v>
      </c>
      <c r="C569" s="21">
        <v>162517.18426428083</v>
      </c>
      <c r="D569">
        <f t="shared" si="8"/>
        <v>11</v>
      </c>
    </row>
    <row r="570" spans="1:4" x14ac:dyDescent="0.25">
      <c r="A570" s="20">
        <v>43579.499999998632</v>
      </c>
      <c r="B570" s="22">
        <v>0.93160772323608398</v>
      </c>
      <c r="C570" s="21">
        <v>159925.55634332786</v>
      </c>
      <c r="D570">
        <f t="shared" si="8"/>
        <v>12</v>
      </c>
    </row>
    <row r="571" spans="1:4" x14ac:dyDescent="0.25">
      <c r="A571" s="20">
        <v>43579.541666665296</v>
      </c>
      <c r="B571" s="22">
        <v>0.97761321067810059</v>
      </c>
      <c r="C571" s="21">
        <v>167823.14348274449</v>
      </c>
      <c r="D571">
        <f t="shared" si="8"/>
        <v>13</v>
      </c>
    </row>
    <row r="572" spans="1:4" x14ac:dyDescent="0.25">
      <c r="A572" s="20">
        <v>43579.583333331961</v>
      </c>
      <c r="B572" s="22">
        <v>1.1258893013000488</v>
      </c>
      <c r="C572" s="21">
        <v>193277.13628859792</v>
      </c>
      <c r="D572">
        <f t="shared" si="8"/>
        <v>14</v>
      </c>
    </row>
    <row r="573" spans="1:4" x14ac:dyDescent="0.25">
      <c r="A573" s="20">
        <v>43579.624999998625</v>
      </c>
      <c r="B573" s="22">
        <v>1.3167581558227539</v>
      </c>
      <c r="C573" s="21">
        <v>226042.86695700057</v>
      </c>
      <c r="D573">
        <f t="shared" si="8"/>
        <v>15</v>
      </c>
    </row>
    <row r="574" spans="1:4" x14ac:dyDescent="0.25">
      <c r="A574" s="20">
        <v>43579.666666665289</v>
      </c>
      <c r="B574" s="22">
        <v>1.4566118717193604</v>
      </c>
      <c r="C574" s="21">
        <v>250051.02271139267</v>
      </c>
      <c r="D574">
        <f t="shared" si="8"/>
        <v>16</v>
      </c>
    </row>
    <row r="575" spans="1:4" x14ac:dyDescent="0.25">
      <c r="A575" s="20">
        <v>43579.708333331953</v>
      </c>
      <c r="B575" s="22">
        <v>1.6192787885665894</v>
      </c>
      <c r="C575" s="21">
        <v>277975.43394864735</v>
      </c>
      <c r="D575">
        <f t="shared" si="8"/>
        <v>17</v>
      </c>
    </row>
    <row r="576" spans="1:4" x14ac:dyDescent="0.25">
      <c r="A576" s="20">
        <v>43579.749999998618</v>
      </c>
      <c r="B576" s="22">
        <v>1.4209585189819336</v>
      </c>
      <c r="C576" s="21">
        <v>243930.54718309679</v>
      </c>
      <c r="D576">
        <f t="shared" si="8"/>
        <v>18</v>
      </c>
    </row>
    <row r="577" spans="1:4" x14ac:dyDescent="0.25">
      <c r="A577" s="20">
        <v>43579.791666665282</v>
      </c>
      <c r="B577" s="22">
        <v>1.4551787376403809</v>
      </c>
      <c r="C577" s="21">
        <v>249805.00203211015</v>
      </c>
      <c r="D577">
        <f t="shared" si="8"/>
        <v>19</v>
      </c>
    </row>
    <row r="578" spans="1:4" x14ac:dyDescent="0.25">
      <c r="A578" s="20">
        <v>43579.833333331946</v>
      </c>
      <c r="B578" s="22">
        <v>1.617099404335022</v>
      </c>
      <c r="C578" s="21">
        <v>277601.30734253832</v>
      </c>
      <c r="D578">
        <f t="shared" si="8"/>
        <v>20</v>
      </c>
    </row>
    <row r="579" spans="1:4" x14ac:dyDescent="0.25">
      <c r="A579" s="20">
        <v>43579.87499999861</v>
      </c>
      <c r="B579" s="22">
        <v>1.533842921257019</v>
      </c>
      <c r="C579" s="21">
        <v>263308.98339186586</v>
      </c>
      <c r="D579">
        <f t="shared" si="8"/>
        <v>21</v>
      </c>
    </row>
    <row r="580" spans="1:4" x14ac:dyDescent="0.25">
      <c r="A580" s="20">
        <v>43579.916666665275</v>
      </c>
      <c r="B580" s="22">
        <v>1.333767294883728</v>
      </c>
      <c r="C580" s="21">
        <v>228962.76119939511</v>
      </c>
      <c r="D580">
        <f t="shared" si="8"/>
        <v>22</v>
      </c>
    </row>
    <row r="581" spans="1:4" x14ac:dyDescent="0.25">
      <c r="A581" s="20">
        <v>43579.958333331939</v>
      </c>
      <c r="B581" s="22">
        <v>0.90796518325805664</v>
      </c>
      <c r="C581" s="21">
        <v>155866.93138236113</v>
      </c>
      <c r="D581">
        <f t="shared" si="8"/>
        <v>23</v>
      </c>
    </row>
    <row r="582" spans="1:4" x14ac:dyDescent="0.25">
      <c r="A582" s="20">
        <v>43579.999999998603</v>
      </c>
      <c r="B582" s="22">
        <v>0.71656554937362671</v>
      </c>
      <c r="C582" s="21">
        <v>123010.08383868767</v>
      </c>
      <c r="D582">
        <f t="shared" si="8"/>
        <v>0</v>
      </c>
    </row>
    <row r="583" spans="1:4" x14ac:dyDescent="0.25">
      <c r="A583" s="20">
        <v>43580.041666665267</v>
      </c>
      <c r="B583" s="22">
        <v>0.6662595272064209</v>
      </c>
      <c r="C583" s="21">
        <v>114374.24025147068</v>
      </c>
      <c r="D583">
        <f t="shared" ref="D583:D646" si="9">HOUR(A583)</f>
        <v>1</v>
      </c>
    </row>
    <row r="584" spans="1:4" x14ac:dyDescent="0.25">
      <c r="A584" s="20">
        <v>43580.083333331931</v>
      </c>
      <c r="B584" s="22">
        <v>0.58580589294433594</v>
      </c>
      <c r="C584" s="21">
        <v>100563.07070200358</v>
      </c>
      <c r="D584">
        <f t="shared" si="9"/>
        <v>2</v>
      </c>
    </row>
    <row r="585" spans="1:4" x14ac:dyDescent="0.25">
      <c r="A585" s="20">
        <v>43580.124999998596</v>
      </c>
      <c r="B585" s="22">
        <v>0.60758626461029053</v>
      </c>
      <c r="C585" s="21">
        <v>104302.02430786536</v>
      </c>
      <c r="D585">
        <f t="shared" si="9"/>
        <v>3</v>
      </c>
    </row>
    <row r="586" spans="1:4" x14ac:dyDescent="0.25">
      <c r="A586" s="20">
        <v>43580.16666666526</v>
      </c>
      <c r="B586" s="22">
        <v>0.69976073503494263</v>
      </c>
      <c r="C586" s="21">
        <v>120125.26524462871</v>
      </c>
      <c r="D586">
        <f t="shared" si="9"/>
        <v>4</v>
      </c>
    </row>
    <row r="587" spans="1:4" x14ac:dyDescent="0.25">
      <c r="A587" s="20">
        <v>43580.208333331924</v>
      </c>
      <c r="B587" s="22">
        <v>0.69316565990447998</v>
      </c>
      <c r="C587" s="21">
        <v>118993.11376814509</v>
      </c>
      <c r="D587">
        <f t="shared" si="9"/>
        <v>5</v>
      </c>
    </row>
    <row r="588" spans="1:4" x14ac:dyDescent="0.25">
      <c r="A588" s="20">
        <v>43580.249999998588</v>
      </c>
      <c r="B588" s="22">
        <v>0.86825072765350342</v>
      </c>
      <c r="C588" s="21">
        <v>149049.30176313879</v>
      </c>
      <c r="D588">
        <f t="shared" si="9"/>
        <v>6</v>
      </c>
    </row>
    <row r="589" spans="1:4" x14ac:dyDescent="0.25">
      <c r="A589" s="20">
        <v>43580.291666665253</v>
      </c>
      <c r="B589" s="22">
        <v>1.0536038875579834</v>
      </c>
      <c r="C589" s="21">
        <v>180868.17410433112</v>
      </c>
      <c r="D589">
        <f t="shared" si="9"/>
        <v>7</v>
      </c>
    </row>
    <row r="590" spans="1:4" x14ac:dyDescent="0.25">
      <c r="A590" s="20">
        <v>43580.333333331917</v>
      </c>
      <c r="B590" s="22">
        <v>0.91018640995025635</v>
      </c>
      <c r="C590" s="21">
        <v>156248.24092462286</v>
      </c>
      <c r="D590">
        <f t="shared" si="9"/>
        <v>8</v>
      </c>
    </row>
    <row r="591" spans="1:4" x14ac:dyDescent="0.25">
      <c r="A591" s="20">
        <v>43580.374999998581</v>
      </c>
      <c r="B591" s="22">
        <v>1.0317251682281494</v>
      </c>
      <c r="C591" s="21">
        <v>177112.33752887961</v>
      </c>
      <c r="D591">
        <f t="shared" si="9"/>
        <v>9</v>
      </c>
    </row>
    <row r="592" spans="1:4" x14ac:dyDescent="0.25">
      <c r="A592" s="20">
        <v>43580.416666665245</v>
      </c>
      <c r="B592" s="22">
        <v>0.91997796297073364</v>
      </c>
      <c r="C592" s="21">
        <v>157929.119609082</v>
      </c>
      <c r="D592">
        <f t="shared" si="9"/>
        <v>10</v>
      </c>
    </row>
    <row r="593" spans="1:4" x14ac:dyDescent="0.25">
      <c r="A593" s="20">
        <v>43580.45833333191</v>
      </c>
      <c r="B593" s="22">
        <v>0.9306986927986145</v>
      </c>
      <c r="C593" s="21">
        <v>159769.50654380463</v>
      </c>
      <c r="D593">
        <f t="shared" si="9"/>
        <v>11</v>
      </c>
    </row>
    <row r="594" spans="1:4" x14ac:dyDescent="0.25">
      <c r="A594" s="20">
        <v>43580.499999998574</v>
      </c>
      <c r="B594" s="22">
        <v>1.0059237480163574</v>
      </c>
      <c r="C594" s="21">
        <v>172683.10580516068</v>
      </c>
      <c r="D594">
        <f t="shared" si="9"/>
        <v>12</v>
      </c>
    </row>
    <row r="595" spans="1:4" x14ac:dyDescent="0.25">
      <c r="A595" s="20">
        <v>43580.541666665238</v>
      </c>
      <c r="B595" s="22">
        <v>1.0424648523330688</v>
      </c>
      <c r="C595" s="21">
        <v>178955.97827228677</v>
      </c>
      <c r="D595">
        <f t="shared" si="9"/>
        <v>13</v>
      </c>
    </row>
    <row r="596" spans="1:4" x14ac:dyDescent="0.25">
      <c r="A596" s="20">
        <v>43580.583333331902</v>
      </c>
      <c r="B596" s="22">
        <v>1.3084753751754761</v>
      </c>
      <c r="C596" s="21">
        <v>224620.99349025392</v>
      </c>
      <c r="D596">
        <f t="shared" si="9"/>
        <v>14</v>
      </c>
    </row>
    <row r="597" spans="1:4" x14ac:dyDescent="0.25">
      <c r="A597" s="20">
        <v>43580.624999998567</v>
      </c>
      <c r="B597" s="22">
        <v>1.4090577363967896</v>
      </c>
      <c r="C597" s="21">
        <v>241887.58507750268</v>
      </c>
      <c r="D597">
        <f t="shared" si="9"/>
        <v>15</v>
      </c>
    </row>
    <row r="598" spans="1:4" x14ac:dyDescent="0.25">
      <c r="A598" s="20">
        <v>43580.666666665231</v>
      </c>
      <c r="B598" s="22">
        <v>1.4101293087005615</v>
      </c>
      <c r="C598" s="21">
        <v>242071.53782131156</v>
      </c>
      <c r="D598">
        <f t="shared" si="9"/>
        <v>16</v>
      </c>
    </row>
    <row r="599" spans="1:4" x14ac:dyDescent="0.25">
      <c r="A599" s="20">
        <v>43580.708333331895</v>
      </c>
      <c r="B599" s="22">
        <v>1.4611912965774536</v>
      </c>
      <c r="C599" s="21">
        <v>250837.1551681085</v>
      </c>
      <c r="D599">
        <f t="shared" si="9"/>
        <v>17</v>
      </c>
    </row>
    <row r="600" spans="1:4" x14ac:dyDescent="0.25">
      <c r="A600" s="20">
        <v>43580.749999998559</v>
      </c>
      <c r="B600" s="22">
        <v>1.5033973455429077</v>
      </c>
      <c r="C600" s="21">
        <v>258082.50714781022</v>
      </c>
      <c r="D600">
        <f t="shared" si="9"/>
        <v>18</v>
      </c>
    </row>
    <row r="601" spans="1:4" x14ac:dyDescent="0.25">
      <c r="A601" s="20">
        <v>43580.791666665224</v>
      </c>
      <c r="B601" s="22">
        <v>1.2819526195526123</v>
      </c>
      <c r="C601" s="21">
        <v>220067.93285867121</v>
      </c>
      <c r="D601">
        <f t="shared" si="9"/>
        <v>19</v>
      </c>
    </row>
    <row r="602" spans="1:4" x14ac:dyDescent="0.25">
      <c r="A602" s="20">
        <v>43580.833333331888</v>
      </c>
      <c r="B602" s="22">
        <v>1.3577665090560913</v>
      </c>
      <c r="C602" s="21">
        <v>233082.6150634074</v>
      </c>
      <c r="D602">
        <f t="shared" si="9"/>
        <v>20</v>
      </c>
    </row>
    <row r="603" spans="1:4" x14ac:dyDescent="0.25">
      <c r="A603" s="20">
        <v>43580.874999998552</v>
      </c>
      <c r="B603" s="22">
        <v>1.4357025623321533</v>
      </c>
      <c r="C603" s="21">
        <v>246461.60105558223</v>
      </c>
      <c r="D603">
        <f t="shared" si="9"/>
        <v>21</v>
      </c>
    </row>
    <row r="604" spans="1:4" x14ac:dyDescent="0.25">
      <c r="A604" s="20">
        <v>43580.916666665216</v>
      </c>
      <c r="B604" s="22">
        <v>1.1022485494613647</v>
      </c>
      <c r="C604" s="21">
        <v>189218.81829071461</v>
      </c>
      <c r="D604">
        <f t="shared" si="9"/>
        <v>22</v>
      </c>
    </row>
    <row r="605" spans="1:4" x14ac:dyDescent="0.25">
      <c r="A605" s="20">
        <v>43580.958333331881</v>
      </c>
      <c r="B605" s="22">
        <v>0.83962476253509521</v>
      </c>
      <c r="C605" s="21">
        <v>144135.19115280206</v>
      </c>
      <c r="D605">
        <f t="shared" si="9"/>
        <v>23</v>
      </c>
    </row>
    <row r="606" spans="1:4" x14ac:dyDescent="0.25">
      <c r="A606" s="20">
        <v>43580.999999998545</v>
      </c>
      <c r="B606" s="22">
        <v>0.72789537906646729</v>
      </c>
      <c r="C606" s="21">
        <v>124955.03263173618</v>
      </c>
      <c r="D606">
        <f t="shared" si="9"/>
        <v>0</v>
      </c>
    </row>
    <row r="607" spans="1:4" x14ac:dyDescent="0.25">
      <c r="A607" s="20">
        <v>43581.041666665209</v>
      </c>
      <c r="B607" s="22">
        <v>0.70243954658508301</v>
      </c>
      <c r="C607" s="21">
        <v>120585.1266399454</v>
      </c>
      <c r="D607">
        <f t="shared" si="9"/>
        <v>1</v>
      </c>
    </row>
    <row r="608" spans="1:4" x14ac:dyDescent="0.25">
      <c r="A608" s="20">
        <v>43581.083333331873</v>
      </c>
      <c r="B608" s="22">
        <v>0.70321780443191528</v>
      </c>
      <c r="C608" s="21">
        <v>120718.72720596568</v>
      </c>
      <c r="D608">
        <f t="shared" si="9"/>
        <v>2</v>
      </c>
    </row>
    <row r="609" spans="1:4" x14ac:dyDescent="0.25">
      <c r="A609" s="20">
        <v>43581.124999998538</v>
      </c>
      <c r="B609" s="22">
        <v>0.62318289279937744</v>
      </c>
      <c r="C609" s="21">
        <v>106979.43817853984</v>
      </c>
      <c r="D609">
        <f t="shared" si="9"/>
        <v>3</v>
      </c>
    </row>
    <row r="610" spans="1:4" x14ac:dyDescent="0.25">
      <c r="A610" s="20">
        <v>43581.166666665202</v>
      </c>
      <c r="B610" s="22">
        <v>0.67354041337966919</v>
      </c>
      <c r="C610" s="21">
        <v>115624.12230256021</v>
      </c>
      <c r="D610">
        <f t="shared" si="9"/>
        <v>4</v>
      </c>
    </row>
    <row r="611" spans="1:4" x14ac:dyDescent="0.25">
      <c r="A611" s="20">
        <v>43581.208333331866</v>
      </c>
      <c r="B611" s="22">
        <v>0.77516180276870728</v>
      </c>
      <c r="C611" s="21">
        <v>133069.07990549906</v>
      </c>
      <c r="D611">
        <f t="shared" si="9"/>
        <v>5</v>
      </c>
    </row>
    <row r="612" spans="1:4" x14ac:dyDescent="0.25">
      <c r="A612" s="20">
        <v>43581.24999999853</v>
      </c>
      <c r="B612" s="22">
        <v>0.92723208665847778</v>
      </c>
      <c r="C612" s="21">
        <v>159174.40744602258</v>
      </c>
      <c r="D612">
        <f t="shared" si="9"/>
        <v>6</v>
      </c>
    </row>
    <row r="613" spans="1:4" x14ac:dyDescent="0.25">
      <c r="A613" s="20">
        <v>43581.291666665194</v>
      </c>
      <c r="B613" s="22">
        <v>0.97623556852340698</v>
      </c>
      <c r="C613" s="21">
        <v>167586.64889115171</v>
      </c>
      <c r="D613">
        <f t="shared" si="9"/>
        <v>7</v>
      </c>
    </row>
    <row r="614" spans="1:4" x14ac:dyDescent="0.25">
      <c r="A614" s="20">
        <v>43581.333333331859</v>
      </c>
      <c r="B614" s="22">
        <v>0.89378231763839722</v>
      </c>
      <c r="C614" s="21">
        <v>153432.21275756511</v>
      </c>
      <c r="D614">
        <f t="shared" si="9"/>
        <v>8</v>
      </c>
    </row>
    <row r="615" spans="1:4" x14ac:dyDescent="0.25">
      <c r="A615" s="20">
        <v>43581.374999998523</v>
      </c>
      <c r="B615" s="22">
        <v>0.78179144859313965</v>
      </c>
      <c r="C615" s="21">
        <v>134207.16600159605</v>
      </c>
      <c r="D615">
        <f t="shared" si="9"/>
        <v>9</v>
      </c>
    </row>
    <row r="616" spans="1:4" x14ac:dyDescent="0.25">
      <c r="A616" s="20">
        <v>43581.416666665187</v>
      </c>
      <c r="B616" s="22">
        <v>0.75890380144119263</v>
      </c>
      <c r="C616" s="21">
        <v>130278.13062235917</v>
      </c>
      <c r="D616">
        <f t="shared" si="9"/>
        <v>10</v>
      </c>
    </row>
    <row r="617" spans="1:4" x14ac:dyDescent="0.25">
      <c r="A617" s="20">
        <v>43581.458333331851</v>
      </c>
      <c r="B617" s="22">
        <v>0.81097596883773804</v>
      </c>
      <c r="C617" s="21">
        <v>139217.16164709989</v>
      </c>
      <c r="D617">
        <f t="shared" si="9"/>
        <v>11</v>
      </c>
    </row>
    <row r="618" spans="1:4" x14ac:dyDescent="0.25">
      <c r="A618" s="20">
        <v>43581.499999998516</v>
      </c>
      <c r="B618" s="22">
        <v>0.91140729188919067</v>
      </c>
      <c r="C618" s="21">
        <v>156457.82508589988</v>
      </c>
      <c r="D618">
        <f t="shared" si="9"/>
        <v>12</v>
      </c>
    </row>
    <row r="619" spans="1:4" x14ac:dyDescent="0.25">
      <c r="A619" s="20">
        <v>43581.54166666518</v>
      </c>
      <c r="B619" s="22">
        <v>0.98556774854660034</v>
      </c>
      <c r="C619" s="21">
        <v>169188.66875947249</v>
      </c>
      <c r="D619">
        <f t="shared" si="9"/>
        <v>13</v>
      </c>
    </row>
    <row r="620" spans="1:4" x14ac:dyDescent="0.25">
      <c r="A620" s="20">
        <v>43581.583333331844</v>
      </c>
      <c r="B620" s="22">
        <v>1.0698661804199219</v>
      </c>
      <c r="C620" s="21">
        <v>183659.86009887132</v>
      </c>
      <c r="D620">
        <f t="shared" si="9"/>
        <v>14</v>
      </c>
    </row>
    <row r="621" spans="1:4" x14ac:dyDescent="0.25">
      <c r="A621" s="20">
        <v>43581.624999998508</v>
      </c>
      <c r="B621" s="22">
        <v>1.1450636386871338</v>
      </c>
      <c r="C621" s="21">
        <v>196568.72189663947</v>
      </c>
      <c r="D621">
        <f t="shared" si="9"/>
        <v>15</v>
      </c>
    </row>
    <row r="622" spans="1:4" x14ac:dyDescent="0.25">
      <c r="A622" s="20">
        <v>43581.666666665173</v>
      </c>
      <c r="B622" s="22">
        <v>1.0808935165405273</v>
      </c>
      <c r="C622" s="21">
        <v>185552.88097030282</v>
      </c>
      <c r="D622">
        <f t="shared" si="9"/>
        <v>16</v>
      </c>
    </row>
    <row r="623" spans="1:4" x14ac:dyDescent="0.25">
      <c r="A623" s="20">
        <v>43581.708333331837</v>
      </c>
      <c r="B623" s="22">
        <v>1.0381323099136353</v>
      </c>
      <c r="C623" s="21">
        <v>178212.22718529261</v>
      </c>
      <c r="D623">
        <f t="shared" si="9"/>
        <v>17</v>
      </c>
    </row>
    <row r="624" spans="1:4" x14ac:dyDescent="0.25">
      <c r="A624" s="20">
        <v>43581.749999998501</v>
      </c>
      <c r="B624" s="22">
        <v>1.0435013771057129</v>
      </c>
      <c r="C624" s="21">
        <v>179133.91453966004</v>
      </c>
      <c r="D624">
        <f t="shared" si="9"/>
        <v>18</v>
      </c>
    </row>
    <row r="625" spans="1:4" x14ac:dyDescent="0.25">
      <c r="A625" s="20">
        <v>43581.791666665165</v>
      </c>
      <c r="B625" s="22">
        <v>1.1118637323379517</v>
      </c>
      <c r="C625" s="21">
        <v>190869.42018304276</v>
      </c>
      <c r="D625">
        <f t="shared" si="9"/>
        <v>19</v>
      </c>
    </row>
    <row r="626" spans="1:4" x14ac:dyDescent="0.25">
      <c r="A626" s="20">
        <v>43581.83333333183</v>
      </c>
      <c r="B626" s="22">
        <v>1.1392161846160889</v>
      </c>
      <c r="C626" s="21">
        <v>195564.91168534633</v>
      </c>
      <c r="D626">
        <f t="shared" si="9"/>
        <v>20</v>
      </c>
    </row>
    <row r="627" spans="1:4" x14ac:dyDescent="0.25">
      <c r="A627" s="20">
        <v>43581.874999998494</v>
      </c>
      <c r="B627" s="22">
        <v>1.2245690822601318</v>
      </c>
      <c r="C627" s="21">
        <v>210217.1191550557</v>
      </c>
      <c r="D627">
        <f t="shared" si="9"/>
        <v>21</v>
      </c>
    </row>
    <row r="628" spans="1:4" x14ac:dyDescent="0.25">
      <c r="A628" s="20">
        <v>43581.916666665158</v>
      </c>
      <c r="B628" s="22">
        <v>1.1792745590209961</v>
      </c>
      <c r="C628" s="21">
        <v>202441.58053761887</v>
      </c>
      <c r="D628">
        <f t="shared" si="9"/>
        <v>22</v>
      </c>
    </row>
    <row r="629" spans="1:4" x14ac:dyDescent="0.25">
      <c r="A629" s="20">
        <v>43581.958333331822</v>
      </c>
      <c r="B629" s="22">
        <v>1.0122040510177612</v>
      </c>
      <c r="C629" s="21">
        <v>173761.22154685427</v>
      </c>
      <c r="D629">
        <f t="shared" si="9"/>
        <v>23</v>
      </c>
    </row>
    <row r="630" spans="1:4" x14ac:dyDescent="0.25">
      <c r="A630" s="20">
        <v>43581.999999998487</v>
      </c>
      <c r="B630" s="22">
        <v>1.1377912759780884</v>
      </c>
      <c r="C630" s="21">
        <v>195320.3030362477</v>
      </c>
      <c r="D630">
        <f t="shared" si="9"/>
        <v>0</v>
      </c>
    </row>
    <row r="631" spans="1:4" x14ac:dyDescent="0.25">
      <c r="A631" s="20">
        <v>43582.041666665151</v>
      </c>
      <c r="B631" s="22">
        <v>1.066867470741272</v>
      </c>
      <c r="C631" s="21">
        <v>183145.08300792542</v>
      </c>
      <c r="D631">
        <f t="shared" si="9"/>
        <v>1</v>
      </c>
    </row>
    <row r="632" spans="1:4" x14ac:dyDescent="0.25">
      <c r="A632" s="20">
        <v>43582.083333331815</v>
      </c>
      <c r="B632" s="22">
        <v>1.1755380630493164</v>
      </c>
      <c r="C632" s="21">
        <v>201800.15047844144</v>
      </c>
      <c r="D632">
        <f t="shared" si="9"/>
        <v>2</v>
      </c>
    </row>
    <row r="633" spans="1:4" x14ac:dyDescent="0.25">
      <c r="A633" s="20">
        <v>43582.124999998479</v>
      </c>
      <c r="B633" s="22">
        <v>1.2971199750900269</v>
      </c>
      <c r="C633" s="21">
        <v>222671.65512511207</v>
      </c>
      <c r="D633">
        <f t="shared" si="9"/>
        <v>3</v>
      </c>
    </row>
    <row r="634" spans="1:4" x14ac:dyDescent="0.25">
      <c r="A634" s="20">
        <v>43582.166666665144</v>
      </c>
      <c r="B634" s="22">
        <v>1.2041038274765015</v>
      </c>
      <c r="C634" s="21">
        <v>206703.92666496872</v>
      </c>
      <c r="D634">
        <f t="shared" si="9"/>
        <v>4</v>
      </c>
    </row>
    <row r="635" spans="1:4" x14ac:dyDescent="0.25">
      <c r="A635" s="20">
        <v>43582.208333331808</v>
      </c>
      <c r="B635" s="22">
        <v>1.3267586231231689</v>
      </c>
      <c r="C635" s="21">
        <v>227759.60916170946</v>
      </c>
      <c r="D635">
        <f t="shared" si="9"/>
        <v>5</v>
      </c>
    </row>
    <row r="636" spans="1:4" x14ac:dyDescent="0.25">
      <c r="A636" s="20">
        <v>43582.249999998472</v>
      </c>
      <c r="B636" s="22">
        <v>1.4499889612197876</v>
      </c>
      <c r="C636" s="21">
        <v>248914.09284291</v>
      </c>
      <c r="D636">
        <f t="shared" si="9"/>
        <v>6</v>
      </c>
    </row>
    <row r="637" spans="1:4" x14ac:dyDescent="0.25">
      <c r="A637" s="20">
        <v>43582.291666665136</v>
      </c>
      <c r="B637" s="22">
        <v>1.5592849254608154</v>
      </c>
      <c r="C637" s="21">
        <v>267676.51553581131</v>
      </c>
      <c r="D637">
        <f t="shared" si="9"/>
        <v>7</v>
      </c>
    </row>
    <row r="638" spans="1:4" x14ac:dyDescent="0.25">
      <c r="A638" s="20">
        <v>43582.333333331801</v>
      </c>
      <c r="B638" s="22">
        <v>1.5775038003921509</v>
      </c>
      <c r="C638" s="21">
        <v>270804.08053626266</v>
      </c>
      <c r="D638">
        <f t="shared" si="9"/>
        <v>8</v>
      </c>
    </row>
    <row r="639" spans="1:4" x14ac:dyDescent="0.25">
      <c r="A639" s="20">
        <v>43582.374999998465</v>
      </c>
      <c r="B639" s="22">
        <v>1.3673849105834961</v>
      </c>
      <c r="C639" s="21">
        <v>234733.76948928577</v>
      </c>
      <c r="D639">
        <f t="shared" si="9"/>
        <v>9</v>
      </c>
    </row>
    <row r="640" spans="1:4" x14ac:dyDescent="0.25">
      <c r="A640" s="20">
        <v>43582.416666665129</v>
      </c>
      <c r="B640" s="22">
        <v>1.3243474960327148</v>
      </c>
      <c r="C640" s="21">
        <v>227345.70013998527</v>
      </c>
      <c r="D640">
        <f t="shared" si="9"/>
        <v>10</v>
      </c>
    </row>
    <row r="641" spans="1:4" x14ac:dyDescent="0.25">
      <c r="A641" s="20">
        <v>43582.458333331793</v>
      </c>
      <c r="B641" s="22">
        <v>1.1648883819580078</v>
      </c>
      <c r="C641" s="21">
        <v>199971.9602102346</v>
      </c>
      <c r="D641">
        <f t="shared" si="9"/>
        <v>11</v>
      </c>
    </row>
    <row r="642" spans="1:4" x14ac:dyDescent="0.25">
      <c r="A642" s="20">
        <v>43582.499999998457</v>
      </c>
      <c r="B642" s="22">
        <v>1.098650336265564</v>
      </c>
      <c r="C642" s="21">
        <v>188601.12670999067</v>
      </c>
      <c r="D642">
        <f t="shared" si="9"/>
        <v>12</v>
      </c>
    </row>
    <row r="643" spans="1:4" x14ac:dyDescent="0.25">
      <c r="A643" s="20">
        <v>43582.541666665122</v>
      </c>
      <c r="B643" s="22">
        <v>1.0826301574707031</v>
      </c>
      <c r="C643" s="21">
        <v>185851.00351694963</v>
      </c>
      <c r="D643">
        <f t="shared" si="9"/>
        <v>13</v>
      </c>
    </row>
    <row r="644" spans="1:4" x14ac:dyDescent="0.25">
      <c r="A644" s="20">
        <v>43582.583333331786</v>
      </c>
      <c r="B644" s="22">
        <v>1.0685683488845825</v>
      </c>
      <c r="C644" s="21">
        <v>183437.06629290318</v>
      </c>
      <c r="D644">
        <f t="shared" si="9"/>
        <v>14</v>
      </c>
    </row>
    <row r="645" spans="1:4" x14ac:dyDescent="0.25">
      <c r="A645" s="20">
        <v>43582.62499999845</v>
      </c>
      <c r="B645" s="22">
        <v>1.1106388568878174</v>
      </c>
      <c r="C645" s="21">
        <v>190659.15047087939</v>
      </c>
      <c r="D645">
        <f t="shared" si="9"/>
        <v>15</v>
      </c>
    </row>
    <row r="646" spans="1:4" x14ac:dyDescent="0.25">
      <c r="A646" s="20">
        <v>43582.666666665114</v>
      </c>
      <c r="B646" s="22">
        <v>1.0995404720306396</v>
      </c>
      <c r="C646" s="21">
        <v>188753.93293293213</v>
      </c>
      <c r="D646">
        <f t="shared" si="9"/>
        <v>16</v>
      </c>
    </row>
    <row r="647" spans="1:4" x14ac:dyDescent="0.25">
      <c r="A647" s="20">
        <v>43582.708333331779</v>
      </c>
      <c r="B647" s="22">
        <v>1.2734200954437256</v>
      </c>
      <c r="C647" s="21">
        <v>218603.18688126933</v>
      </c>
      <c r="D647">
        <f t="shared" ref="D647:D710" si="10">HOUR(A647)</f>
        <v>17</v>
      </c>
    </row>
    <row r="648" spans="1:4" x14ac:dyDescent="0.25">
      <c r="A648" s="20">
        <v>43582.749999998443</v>
      </c>
      <c r="B648" s="22">
        <v>1.1539309024810791</v>
      </c>
      <c r="C648" s="21">
        <v>198090.9313632632</v>
      </c>
      <c r="D648">
        <f t="shared" si="10"/>
        <v>18</v>
      </c>
    </row>
    <row r="649" spans="1:4" x14ac:dyDescent="0.25">
      <c r="A649" s="20">
        <v>43582.791666665107</v>
      </c>
      <c r="B649" s="22">
        <v>1.0537971258163452</v>
      </c>
      <c r="C649" s="21">
        <v>180901.3465815493</v>
      </c>
      <c r="D649">
        <f t="shared" si="10"/>
        <v>19</v>
      </c>
    </row>
    <row r="650" spans="1:4" x14ac:dyDescent="0.25">
      <c r="A650" s="20">
        <v>43582.833333331771</v>
      </c>
      <c r="B650" s="22">
        <v>1.1715810298919678</v>
      </c>
      <c r="C650" s="21">
        <v>201120.86163897181</v>
      </c>
      <c r="D650">
        <f t="shared" si="10"/>
        <v>20</v>
      </c>
    </row>
    <row r="651" spans="1:4" x14ac:dyDescent="0.25">
      <c r="A651" s="20">
        <v>43582.874999998436</v>
      </c>
      <c r="B651" s="22">
        <v>1.1170281171798706</v>
      </c>
      <c r="C651" s="21">
        <v>191755.97049645794</v>
      </c>
      <c r="D651">
        <f t="shared" si="10"/>
        <v>21</v>
      </c>
    </row>
    <row r="652" spans="1:4" x14ac:dyDescent="0.25">
      <c r="A652" s="20">
        <v>43582.9166666651</v>
      </c>
      <c r="B652" s="22">
        <v>0.96995192766189575</v>
      </c>
      <c r="C652" s="21">
        <v>166507.96015170234</v>
      </c>
      <c r="D652">
        <f t="shared" si="10"/>
        <v>22</v>
      </c>
    </row>
    <row r="653" spans="1:4" x14ac:dyDescent="0.25">
      <c r="A653" s="20">
        <v>43582.958333331764</v>
      </c>
      <c r="B653" s="22">
        <v>0.88508564233779907</v>
      </c>
      <c r="C653" s="21">
        <v>151939.28756910251</v>
      </c>
      <c r="D653">
        <f t="shared" si="10"/>
        <v>23</v>
      </c>
    </row>
    <row r="654" spans="1:4" x14ac:dyDescent="0.25">
      <c r="A654" s="20">
        <v>43582.999999998428</v>
      </c>
      <c r="B654" s="22">
        <v>0.86910384893417358</v>
      </c>
      <c r="C654" s="21">
        <v>149195.75385025289</v>
      </c>
      <c r="D654">
        <f t="shared" si="10"/>
        <v>0</v>
      </c>
    </row>
    <row r="655" spans="1:4" x14ac:dyDescent="0.25">
      <c r="A655" s="20">
        <v>43583.041666665093</v>
      </c>
      <c r="B655" s="22">
        <v>0.77459800243377686</v>
      </c>
      <c r="C655" s="21">
        <v>132972.29444528723</v>
      </c>
      <c r="D655">
        <f t="shared" si="10"/>
        <v>1</v>
      </c>
    </row>
    <row r="656" spans="1:4" x14ac:dyDescent="0.25">
      <c r="A656" s="20">
        <v>43583.083333331757</v>
      </c>
      <c r="B656" s="22">
        <v>0.76251751184463501</v>
      </c>
      <c r="C656" s="21">
        <v>130898.48254980634</v>
      </c>
      <c r="D656">
        <f t="shared" si="10"/>
        <v>2</v>
      </c>
    </row>
    <row r="657" spans="1:4" x14ac:dyDescent="0.25">
      <c r="A657" s="20">
        <v>43583.124999998421</v>
      </c>
      <c r="B657" s="22">
        <v>0.783805251121521</v>
      </c>
      <c r="C657" s="21">
        <v>134552.86782617762</v>
      </c>
      <c r="D657">
        <f t="shared" si="10"/>
        <v>3</v>
      </c>
    </row>
    <row r="658" spans="1:4" x14ac:dyDescent="0.25">
      <c r="A658" s="20">
        <v>43583.166666665085</v>
      </c>
      <c r="B658" s="22">
        <v>0.77889776229858398</v>
      </c>
      <c r="C658" s="21">
        <v>133710.41787575147</v>
      </c>
      <c r="D658">
        <f t="shared" si="10"/>
        <v>4</v>
      </c>
    </row>
    <row r="659" spans="1:4" x14ac:dyDescent="0.25">
      <c r="A659" s="20">
        <v>43583.20833333175</v>
      </c>
      <c r="B659" s="22">
        <v>0.8259844183921814</v>
      </c>
      <c r="C659" s="21">
        <v>141793.60512752482</v>
      </c>
      <c r="D659">
        <f t="shared" si="10"/>
        <v>5</v>
      </c>
    </row>
    <row r="660" spans="1:4" x14ac:dyDescent="0.25">
      <c r="A660" s="20">
        <v>43583.249999998414</v>
      </c>
      <c r="B660" s="22">
        <v>0.85226351022720337</v>
      </c>
      <c r="C660" s="21">
        <v>146304.83692293605</v>
      </c>
      <c r="D660">
        <f t="shared" si="10"/>
        <v>6</v>
      </c>
    </row>
    <row r="661" spans="1:4" x14ac:dyDescent="0.25">
      <c r="A661" s="20">
        <v>43583.291666665078</v>
      </c>
      <c r="B661" s="22">
        <v>1.0036993026733398</v>
      </c>
      <c r="C661" s="21">
        <v>172301.24372934867</v>
      </c>
      <c r="D661">
        <f t="shared" si="10"/>
        <v>7</v>
      </c>
    </row>
    <row r="662" spans="1:4" x14ac:dyDescent="0.25">
      <c r="A662" s="20">
        <v>43583.333333331742</v>
      </c>
      <c r="B662" s="22">
        <v>1.128662109375</v>
      </c>
      <c r="C662" s="21">
        <v>193753.13371000128</v>
      </c>
      <c r="D662">
        <f t="shared" si="10"/>
        <v>8</v>
      </c>
    </row>
    <row r="663" spans="1:4" x14ac:dyDescent="0.25">
      <c r="A663" s="20">
        <v>43583.374999998407</v>
      </c>
      <c r="B663" s="22">
        <v>1.214005708694458</v>
      </c>
      <c r="C663" s="21">
        <v>208403.74497167673</v>
      </c>
      <c r="D663">
        <f t="shared" si="10"/>
        <v>9</v>
      </c>
    </row>
    <row r="664" spans="1:4" x14ac:dyDescent="0.25">
      <c r="A664" s="20">
        <v>43583.416666665071</v>
      </c>
      <c r="B664" s="22">
        <v>1.0166845321655273</v>
      </c>
      <c r="C664" s="21">
        <v>174530.36871295256</v>
      </c>
      <c r="D664">
        <f t="shared" si="10"/>
        <v>10</v>
      </c>
    </row>
    <row r="665" spans="1:4" x14ac:dyDescent="0.25">
      <c r="A665" s="20">
        <v>43583.458333331735</v>
      </c>
      <c r="B665" s="22">
        <v>1.1573187112808228</v>
      </c>
      <c r="C665" s="21">
        <v>198672.50362116785</v>
      </c>
      <c r="D665">
        <f t="shared" si="10"/>
        <v>11</v>
      </c>
    </row>
    <row r="666" spans="1:4" x14ac:dyDescent="0.25">
      <c r="A666" s="20">
        <v>43583.499999998399</v>
      </c>
      <c r="B666" s="22">
        <v>1.3880223035812378</v>
      </c>
      <c r="C666" s="21">
        <v>238276.5122922062</v>
      </c>
      <c r="D666">
        <f t="shared" si="10"/>
        <v>12</v>
      </c>
    </row>
    <row r="667" spans="1:4" x14ac:dyDescent="0.25">
      <c r="A667" s="20">
        <v>43583.541666665064</v>
      </c>
      <c r="B667" s="22">
        <v>1.0561774969100952</v>
      </c>
      <c r="C667" s="21">
        <v>181309.97583823814</v>
      </c>
      <c r="D667">
        <f t="shared" si="10"/>
        <v>13</v>
      </c>
    </row>
    <row r="668" spans="1:4" x14ac:dyDescent="0.25">
      <c r="A668" s="20">
        <v>43583.583333331728</v>
      </c>
      <c r="B668" s="22">
        <v>1.0918961763381958</v>
      </c>
      <c r="C668" s="21">
        <v>187441.66575118274</v>
      </c>
      <c r="D668">
        <f t="shared" si="10"/>
        <v>14</v>
      </c>
    </row>
    <row r="669" spans="1:4" x14ac:dyDescent="0.25">
      <c r="A669" s="20">
        <v>43583.624999998392</v>
      </c>
      <c r="B669" s="22">
        <v>1.217599630355835</v>
      </c>
      <c r="C669" s="21">
        <v>209020.6998410004</v>
      </c>
      <c r="D669">
        <f t="shared" si="10"/>
        <v>15</v>
      </c>
    </row>
    <row r="670" spans="1:4" x14ac:dyDescent="0.25">
      <c r="A670" s="20">
        <v>43583.666666665056</v>
      </c>
      <c r="B670" s="22">
        <v>1.1915355920791626</v>
      </c>
      <c r="C670" s="21">
        <v>204546.38547242543</v>
      </c>
      <c r="D670">
        <f t="shared" si="10"/>
        <v>16</v>
      </c>
    </row>
    <row r="671" spans="1:4" x14ac:dyDescent="0.25">
      <c r="A671" s="20">
        <v>43583.70833333172</v>
      </c>
      <c r="B671" s="22">
        <v>1.200323224067688</v>
      </c>
      <c r="C671" s="21">
        <v>206054.92484973287</v>
      </c>
      <c r="D671">
        <f t="shared" si="10"/>
        <v>17</v>
      </c>
    </row>
    <row r="672" spans="1:4" x14ac:dyDescent="0.25">
      <c r="A672" s="20">
        <v>43583.749999998385</v>
      </c>
      <c r="B672" s="22">
        <v>1.4708895683288574</v>
      </c>
      <c r="C672" s="21">
        <v>252502.02061171431</v>
      </c>
      <c r="D672">
        <f t="shared" si="10"/>
        <v>18</v>
      </c>
    </row>
    <row r="673" spans="1:4" x14ac:dyDescent="0.25">
      <c r="A673" s="20">
        <v>43583.791666665049</v>
      </c>
      <c r="B673" s="22">
        <v>1.6284810304641724</v>
      </c>
      <c r="C673" s="21">
        <v>279555.14783290407</v>
      </c>
      <c r="D673">
        <f t="shared" si="10"/>
        <v>19</v>
      </c>
    </row>
    <row r="674" spans="1:4" x14ac:dyDescent="0.25">
      <c r="A674" s="20">
        <v>43583.833333331713</v>
      </c>
      <c r="B674" s="22">
        <v>1.5338863134384155</v>
      </c>
      <c r="C674" s="21">
        <v>263316.43236269092</v>
      </c>
      <c r="D674">
        <f t="shared" si="10"/>
        <v>20</v>
      </c>
    </row>
    <row r="675" spans="1:4" x14ac:dyDescent="0.25">
      <c r="A675" s="20">
        <v>43583.874999998377</v>
      </c>
      <c r="B675" s="22">
        <v>1.582503080368042</v>
      </c>
      <c r="C675" s="21">
        <v>271662.2879249726</v>
      </c>
      <c r="D675">
        <f t="shared" si="10"/>
        <v>21</v>
      </c>
    </row>
    <row r="676" spans="1:4" x14ac:dyDescent="0.25">
      <c r="A676" s="20">
        <v>43583.916666665042</v>
      </c>
      <c r="B676" s="22">
        <v>1.3731832504272461</v>
      </c>
      <c r="C676" s="21">
        <v>235729.14844788681</v>
      </c>
      <c r="D676">
        <f t="shared" si="10"/>
        <v>22</v>
      </c>
    </row>
    <row r="677" spans="1:4" x14ac:dyDescent="0.25">
      <c r="A677" s="20">
        <v>43583.958333331706</v>
      </c>
      <c r="B677" s="22">
        <v>1.1747413873672485</v>
      </c>
      <c r="C677" s="21">
        <v>201663.38819266163</v>
      </c>
      <c r="D677">
        <f t="shared" si="10"/>
        <v>23</v>
      </c>
    </row>
    <row r="678" spans="1:4" x14ac:dyDescent="0.25">
      <c r="A678" s="20">
        <v>43583.99999999837</v>
      </c>
      <c r="B678" s="22">
        <v>0.92490434646606445</v>
      </c>
      <c r="C678" s="21">
        <v>158774.81313608997</v>
      </c>
      <c r="D678">
        <f t="shared" si="10"/>
        <v>0</v>
      </c>
    </row>
    <row r="679" spans="1:4" x14ac:dyDescent="0.25">
      <c r="A679" s="20">
        <v>43584.041666665034</v>
      </c>
      <c r="B679" s="22">
        <v>1.0520498752593994</v>
      </c>
      <c r="C679" s="21">
        <v>180601.40272060738</v>
      </c>
      <c r="D679">
        <f t="shared" si="10"/>
        <v>1</v>
      </c>
    </row>
    <row r="680" spans="1:4" x14ac:dyDescent="0.25">
      <c r="A680" s="20">
        <v>43584.083333331699</v>
      </c>
      <c r="B680" s="22">
        <v>1.0150778293609619</v>
      </c>
      <c r="C680" s="21">
        <v>174254.55215036983</v>
      </c>
      <c r="D680">
        <f t="shared" si="10"/>
        <v>2</v>
      </c>
    </row>
    <row r="681" spans="1:4" x14ac:dyDescent="0.25">
      <c r="A681" s="20">
        <v>43584.124999998363</v>
      </c>
      <c r="B681" s="22">
        <v>1.0456095933914185</v>
      </c>
      <c r="C681" s="21">
        <v>179495.82401504778</v>
      </c>
      <c r="D681">
        <f t="shared" si="10"/>
        <v>3</v>
      </c>
    </row>
    <row r="682" spans="1:4" x14ac:dyDescent="0.25">
      <c r="A682" s="20">
        <v>43584.166666665027</v>
      </c>
      <c r="B682" s="22">
        <v>1.07413649559021</v>
      </c>
      <c r="C682" s="21">
        <v>184392.92887056142</v>
      </c>
      <c r="D682">
        <f t="shared" si="10"/>
        <v>4</v>
      </c>
    </row>
    <row r="683" spans="1:4" x14ac:dyDescent="0.25">
      <c r="A683" s="20">
        <v>43584.208333331691</v>
      </c>
      <c r="B683" s="22">
        <v>1.2312628030776978</v>
      </c>
      <c r="C683" s="21">
        <v>211366.20476164299</v>
      </c>
      <c r="D683">
        <f t="shared" si="10"/>
        <v>5</v>
      </c>
    </row>
    <row r="684" spans="1:4" x14ac:dyDescent="0.25">
      <c r="A684" s="20">
        <v>43584.249999998356</v>
      </c>
      <c r="B684" s="22">
        <v>1.6337636709213257</v>
      </c>
      <c r="C684" s="21">
        <v>280461.99863823806</v>
      </c>
      <c r="D684">
        <f t="shared" si="10"/>
        <v>6</v>
      </c>
    </row>
    <row r="685" spans="1:4" x14ac:dyDescent="0.25">
      <c r="A685" s="20">
        <v>43584.29166666502</v>
      </c>
      <c r="B685" s="22">
        <v>1.3823776245117188</v>
      </c>
      <c r="C685" s="21">
        <v>237307.51169457636</v>
      </c>
      <c r="D685">
        <f t="shared" si="10"/>
        <v>7</v>
      </c>
    </row>
    <row r="686" spans="1:4" x14ac:dyDescent="0.25">
      <c r="A686" s="20">
        <v>43584.333333331684</v>
      </c>
      <c r="B686" s="22">
        <v>1.1365360021591187</v>
      </c>
      <c r="C686" s="21">
        <v>195104.8149516657</v>
      </c>
      <c r="D686">
        <f t="shared" si="10"/>
        <v>8</v>
      </c>
    </row>
    <row r="687" spans="1:4" x14ac:dyDescent="0.25">
      <c r="A687" s="20">
        <v>43584.374999998348</v>
      </c>
      <c r="B687" s="22">
        <v>1.0826951265335083</v>
      </c>
      <c r="C687" s="21">
        <v>185862.15650898163</v>
      </c>
      <c r="D687">
        <f t="shared" si="10"/>
        <v>9</v>
      </c>
    </row>
    <row r="688" spans="1:4" x14ac:dyDescent="0.25">
      <c r="A688" s="20">
        <v>43584.416666665013</v>
      </c>
      <c r="B688" s="22">
        <v>0.97540605068206787</v>
      </c>
      <c r="C688" s="21">
        <v>167444.24871673918</v>
      </c>
      <c r="D688">
        <f t="shared" si="10"/>
        <v>10</v>
      </c>
    </row>
    <row r="689" spans="1:4" x14ac:dyDescent="0.25">
      <c r="A689" s="20">
        <v>43584.458333331677</v>
      </c>
      <c r="B689" s="22">
        <v>0.92961996793746948</v>
      </c>
      <c r="C689" s="21">
        <v>159584.32594766191</v>
      </c>
      <c r="D689">
        <f t="shared" si="10"/>
        <v>11</v>
      </c>
    </row>
    <row r="690" spans="1:4" x14ac:dyDescent="0.25">
      <c r="A690" s="20">
        <v>43584.499999998341</v>
      </c>
      <c r="B690" s="22">
        <v>1.0277351140975952</v>
      </c>
      <c r="C690" s="21">
        <v>176427.3801044689</v>
      </c>
      <c r="D690">
        <f t="shared" si="10"/>
        <v>12</v>
      </c>
    </row>
    <row r="691" spans="1:4" x14ac:dyDescent="0.25">
      <c r="A691" s="20">
        <v>43584.541666665005</v>
      </c>
      <c r="B691" s="22">
        <v>0.99793505668640137</v>
      </c>
      <c r="C691" s="21">
        <v>171311.71753353876</v>
      </c>
      <c r="D691">
        <f t="shared" si="10"/>
        <v>13</v>
      </c>
    </row>
    <row r="692" spans="1:4" x14ac:dyDescent="0.25">
      <c r="A692" s="20">
        <v>43584.58333333167</v>
      </c>
      <c r="B692" s="22">
        <v>1.3044739961624146</v>
      </c>
      <c r="C692" s="21">
        <v>223934.09196631471</v>
      </c>
      <c r="D692">
        <f t="shared" si="10"/>
        <v>14</v>
      </c>
    </row>
    <row r="693" spans="1:4" x14ac:dyDescent="0.25">
      <c r="A693" s="20">
        <v>43584.624999998334</v>
      </c>
      <c r="B693" s="22">
        <v>1.3789302110671997</v>
      </c>
      <c r="C693" s="21">
        <v>236715.70733388999</v>
      </c>
      <c r="D693">
        <f t="shared" si="10"/>
        <v>15</v>
      </c>
    </row>
    <row r="694" spans="1:4" x14ac:dyDescent="0.25">
      <c r="A694" s="20">
        <v>43584.666666664998</v>
      </c>
      <c r="B694" s="22">
        <v>1.4223563671112061</v>
      </c>
      <c r="C694" s="21">
        <v>244170.51045753257</v>
      </c>
      <c r="D694">
        <f t="shared" si="10"/>
        <v>16</v>
      </c>
    </row>
    <row r="695" spans="1:4" x14ac:dyDescent="0.25">
      <c r="A695" s="20">
        <v>43584.708333331662</v>
      </c>
      <c r="B695" s="22">
        <v>1.4690999984741211</v>
      </c>
      <c r="C695" s="21">
        <v>252194.81195779738</v>
      </c>
      <c r="D695">
        <f t="shared" si="10"/>
        <v>17</v>
      </c>
    </row>
    <row r="696" spans="1:4" x14ac:dyDescent="0.25">
      <c r="A696" s="20">
        <v>43584.749999998327</v>
      </c>
      <c r="B696" s="22">
        <v>1.7528229951858521</v>
      </c>
      <c r="C696" s="21">
        <v>300900.4602309828</v>
      </c>
      <c r="D696">
        <f t="shared" si="10"/>
        <v>18</v>
      </c>
    </row>
    <row r="697" spans="1:4" x14ac:dyDescent="0.25">
      <c r="A697" s="20">
        <v>43584.791666664991</v>
      </c>
      <c r="B697" s="22">
        <v>1.5783294439315796</v>
      </c>
      <c r="C697" s="21">
        <v>270945.81562399439</v>
      </c>
      <c r="D697">
        <f t="shared" si="10"/>
        <v>19</v>
      </c>
    </row>
    <row r="698" spans="1:4" x14ac:dyDescent="0.25">
      <c r="A698" s="20">
        <v>43584.833333331655</v>
      </c>
      <c r="B698" s="22">
        <v>1.3820619583129883</v>
      </c>
      <c r="C698" s="21">
        <v>237253.32247824461</v>
      </c>
      <c r="D698">
        <f t="shared" si="10"/>
        <v>20</v>
      </c>
    </row>
    <row r="699" spans="1:4" x14ac:dyDescent="0.25">
      <c r="A699" s="20">
        <v>43584.874999998319</v>
      </c>
      <c r="B699" s="22">
        <v>1.4934165477752686</v>
      </c>
      <c r="C699" s="21">
        <v>256369.14153701931</v>
      </c>
      <c r="D699">
        <f t="shared" si="10"/>
        <v>21</v>
      </c>
    </row>
    <row r="700" spans="1:4" x14ac:dyDescent="0.25">
      <c r="A700" s="20">
        <v>43584.916666664983</v>
      </c>
      <c r="B700" s="22">
        <v>1.3952442407608032</v>
      </c>
      <c r="C700" s="21">
        <v>239516.27479364467</v>
      </c>
      <c r="D700">
        <f t="shared" si="10"/>
        <v>22</v>
      </c>
    </row>
    <row r="701" spans="1:4" x14ac:dyDescent="0.25">
      <c r="A701" s="20">
        <v>43584.958333331648</v>
      </c>
      <c r="B701" s="22">
        <v>0.99096924066543579</v>
      </c>
      <c r="C701" s="21">
        <v>170115.92237775316</v>
      </c>
      <c r="D701">
        <f t="shared" si="10"/>
        <v>23</v>
      </c>
    </row>
    <row r="702" spans="1:4" x14ac:dyDescent="0.25">
      <c r="A702" s="20">
        <v>43584.999999998312</v>
      </c>
      <c r="B702" s="22">
        <v>0.76605552434921265</v>
      </c>
      <c r="C702" s="21">
        <v>131505.83970672081</v>
      </c>
      <c r="D702">
        <f t="shared" si="10"/>
        <v>0</v>
      </c>
    </row>
    <row r="703" spans="1:4" x14ac:dyDescent="0.25">
      <c r="A703" s="20">
        <v>43585.041666664976</v>
      </c>
      <c r="B703" s="22">
        <v>0.68663507699966431</v>
      </c>
      <c r="C703" s="21">
        <v>117872.03342687123</v>
      </c>
      <c r="D703">
        <f t="shared" si="10"/>
        <v>1</v>
      </c>
    </row>
    <row r="704" spans="1:4" x14ac:dyDescent="0.25">
      <c r="A704" s="20">
        <v>43585.08333333164</v>
      </c>
      <c r="B704" s="22">
        <v>0.61678397655487061</v>
      </c>
      <c r="C704" s="21">
        <v>105880.96055231069</v>
      </c>
      <c r="D704">
        <f t="shared" si="10"/>
        <v>2</v>
      </c>
    </row>
    <row r="705" spans="1:4" x14ac:dyDescent="0.25">
      <c r="A705" s="20">
        <v>43585.124999998305</v>
      </c>
      <c r="B705" s="22">
        <v>0.5836104154586792</v>
      </c>
      <c r="C705" s="21">
        <v>100186.18142814349</v>
      </c>
      <c r="D705">
        <f t="shared" si="10"/>
        <v>3</v>
      </c>
    </row>
    <row r="706" spans="1:4" x14ac:dyDescent="0.25">
      <c r="A706" s="20">
        <v>43585.166666664969</v>
      </c>
      <c r="B706" s="22">
        <v>0.60745829343795776</v>
      </c>
      <c r="C706" s="21">
        <v>104280.0559831931</v>
      </c>
      <c r="D706">
        <f t="shared" si="10"/>
        <v>4</v>
      </c>
    </row>
    <row r="707" spans="1:4" x14ac:dyDescent="0.25">
      <c r="A707" s="20">
        <v>43585.208333331633</v>
      </c>
      <c r="B707" s="22">
        <v>0.72858572006225586</v>
      </c>
      <c r="C707" s="21">
        <v>125073.5408461535</v>
      </c>
      <c r="D707">
        <f t="shared" si="10"/>
        <v>5</v>
      </c>
    </row>
    <row r="708" spans="1:4" x14ac:dyDescent="0.25">
      <c r="A708" s="20">
        <v>43585.249999998297</v>
      </c>
      <c r="B708" s="22">
        <v>1.1253117322921753</v>
      </c>
      <c r="C708" s="21">
        <v>193177.98721264352</v>
      </c>
      <c r="D708">
        <f t="shared" si="10"/>
        <v>6</v>
      </c>
    </row>
    <row r="709" spans="1:4" x14ac:dyDescent="0.25">
      <c r="A709" s="20">
        <v>43585.291666664962</v>
      </c>
      <c r="B709" s="22">
        <v>0.99330800771713257</v>
      </c>
      <c r="C709" s="21">
        <v>170517.40962670036</v>
      </c>
      <c r="D709">
        <f t="shared" si="10"/>
        <v>7</v>
      </c>
    </row>
    <row r="710" spans="1:4" x14ac:dyDescent="0.25">
      <c r="A710" s="20">
        <v>43585.333333331626</v>
      </c>
      <c r="B710" s="22">
        <v>0.86871922016143799</v>
      </c>
      <c r="C710" s="21">
        <v>149129.72609100278</v>
      </c>
      <c r="D710">
        <f t="shared" si="10"/>
        <v>8</v>
      </c>
    </row>
    <row r="711" spans="1:4" x14ac:dyDescent="0.25">
      <c r="A711" s="20">
        <v>43585.37499999829</v>
      </c>
      <c r="B711" s="22">
        <v>0.79509586095809937</v>
      </c>
      <c r="C711" s="21">
        <v>136491.08389559577</v>
      </c>
      <c r="D711">
        <f t="shared" ref="D711:D774" si="11">HOUR(A711)</f>
        <v>9</v>
      </c>
    </row>
    <row r="712" spans="1:4" x14ac:dyDescent="0.25">
      <c r="A712" s="20">
        <v>43585.416666664954</v>
      </c>
      <c r="B712" s="22">
        <v>0.86972558498382568</v>
      </c>
      <c r="C712" s="21">
        <v>149302.48491436851</v>
      </c>
      <c r="D712">
        <f t="shared" si="11"/>
        <v>10</v>
      </c>
    </row>
    <row r="713" spans="1:4" x14ac:dyDescent="0.25">
      <c r="A713" s="20">
        <v>43585.458333331619</v>
      </c>
      <c r="B713" s="22">
        <v>0.84973824024200439</v>
      </c>
      <c r="C713" s="21">
        <v>145871.33342438497</v>
      </c>
      <c r="D713">
        <f t="shared" si="11"/>
        <v>11</v>
      </c>
    </row>
    <row r="714" spans="1:4" x14ac:dyDescent="0.25">
      <c r="A714" s="20">
        <v>43585.499999998283</v>
      </c>
      <c r="B714" s="22">
        <v>1.1679702997207642</v>
      </c>
      <c r="C714" s="21">
        <v>200501.02131666371</v>
      </c>
      <c r="D714">
        <f t="shared" si="11"/>
        <v>12</v>
      </c>
    </row>
    <row r="715" spans="1:4" x14ac:dyDescent="0.25">
      <c r="A715" s="20">
        <v>43585.541666664947</v>
      </c>
      <c r="B715" s="22">
        <v>1.4382694959640503</v>
      </c>
      <c r="C715" s="21">
        <v>246902.25679397772</v>
      </c>
      <c r="D715">
        <f t="shared" si="11"/>
        <v>13</v>
      </c>
    </row>
    <row r="716" spans="1:4" x14ac:dyDescent="0.25">
      <c r="A716" s="20">
        <v>43585.583333331611</v>
      </c>
      <c r="B716" s="22">
        <v>1.4478172063827515</v>
      </c>
      <c r="C716" s="21">
        <v>248541.27594595702</v>
      </c>
      <c r="D716">
        <f t="shared" si="11"/>
        <v>14</v>
      </c>
    </row>
    <row r="717" spans="1:4" x14ac:dyDescent="0.25">
      <c r="A717" s="20">
        <v>43585.624999998276</v>
      </c>
      <c r="B717" s="22">
        <v>1.6501352787017822</v>
      </c>
      <c r="C717" s="21">
        <v>283272.45030927984</v>
      </c>
      <c r="D717">
        <f t="shared" si="11"/>
        <v>15</v>
      </c>
    </row>
    <row r="718" spans="1:4" x14ac:dyDescent="0.25">
      <c r="A718" s="20">
        <v>43585.66666666494</v>
      </c>
      <c r="B718" s="22">
        <v>1.8406755924224854</v>
      </c>
      <c r="C718" s="21">
        <v>315981.78162714996</v>
      </c>
      <c r="D718">
        <f t="shared" si="11"/>
        <v>16</v>
      </c>
    </row>
    <row r="719" spans="1:4" x14ac:dyDescent="0.25">
      <c r="A719" s="20">
        <v>43585.708333331604</v>
      </c>
      <c r="B719" s="22">
        <v>2.035325288772583</v>
      </c>
      <c r="C719" s="21">
        <v>349396.55503919953</v>
      </c>
      <c r="D719">
        <f t="shared" si="11"/>
        <v>17</v>
      </c>
    </row>
    <row r="720" spans="1:4" x14ac:dyDescent="0.25">
      <c r="A720" s="20">
        <v>43585.749999998268</v>
      </c>
      <c r="B720" s="22">
        <v>1.8942934274673462</v>
      </c>
      <c r="C720" s="21">
        <v>325186.15154122497</v>
      </c>
      <c r="D720">
        <f t="shared" si="11"/>
        <v>18</v>
      </c>
    </row>
    <row r="721" spans="1:4" x14ac:dyDescent="0.25">
      <c r="A721" s="20">
        <v>43585.791666664933</v>
      </c>
      <c r="B721" s="22">
        <v>1.6587009429931641</v>
      </c>
      <c r="C721" s="21">
        <v>284742.88533582829</v>
      </c>
      <c r="D721">
        <f t="shared" si="11"/>
        <v>19</v>
      </c>
    </row>
    <row r="722" spans="1:4" x14ac:dyDescent="0.25">
      <c r="A722" s="20">
        <v>43585.833333331597</v>
      </c>
      <c r="B722" s="22">
        <v>1.6809440851211548</v>
      </c>
      <c r="C722" s="21">
        <v>288561.280987687</v>
      </c>
      <c r="D722">
        <f t="shared" si="11"/>
        <v>20</v>
      </c>
    </row>
    <row r="723" spans="1:4" x14ac:dyDescent="0.25">
      <c r="A723" s="20">
        <v>43585.874999998261</v>
      </c>
      <c r="B723" s="22">
        <v>1.6612930297851563</v>
      </c>
      <c r="C723" s="21">
        <v>285187.85902159766</v>
      </c>
      <c r="D723">
        <f t="shared" si="11"/>
        <v>21</v>
      </c>
    </row>
    <row r="724" spans="1:4" x14ac:dyDescent="0.25">
      <c r="A724" s="20">
        <v>43585.916666664925</v>
      </c>
      <c r="B724" s="22">
        <v>1.4324984550476074</v>
      </c>
      <c r="C724" s="21">
        <v>245911.56413845069</v>
      </c>
      <c r="D724">
        <f t="shared" si="11"/>
        <v>22</v>
      </c>
    </row>
    <row r="725" spans="1:4" x14ac:dyDescent="0.25">
      <c r="A725" s="20">
        <v>43585.95833333159</v>
      </c>
      <c r="B725" s="22">
        <v>1.0585175752639771</v>
      </c>
      <c r="C725" s="21">
        <v>181711.68819344658</v>
      </c>
      <c r="D725">
        <f t="shared" si="11"/>
        <v>23</v>
      </c>
    </row>
    <row r="726" spans="1:4" x14ac:dyDescent="0.25">
      <c r="A726" s="20">
        <v>43585.999999998254</v>
      </c>
      <c r="B726" s="22">
        <v>0.79290437698364258</v>
      </c>
      <c r="C726" s="21">
        <v>96979.116277401161</v>
      </c>
      <c r="D726">
        <f t="shared" si="11"/>
        <v>0</v>
      </c>
    </row>
    <row r="727" spans="1:4" x14ac:dyDescent="0.25">
      <c r="A727" s="20">
        <v>43586.041666664918</v>
      </c>
      <c r="B727" s="22">
        <v>0.69279998540878296</v>
      </c>
      <c r="C727" s="21">
        <v>84735.476675677695</v>
      </c>
      <c r="D727">
        <f t="shared" si="11"/>
        <v>1</v>
      </c>
    </row>
    <row r="728" spans="1:4" x14ac:dyDescent="0.25">
      <c r="A728" s="20">
        <v>43586.083333331582</v>
      </c>
      <c r="B728" s="22">
        <v>0.63640081882476807</v>
      </c>
      <c r="C728" s="21">
        <v>77837.367026054038</v>
      </c>
      <c r="D728">
        <f t="shared" si="11"/>
        <v>2</v>
      </c>
    </row>
    <row r="729" spans="1:4" x14ac:dyDescent="0.25">
      <c r="A729" s="20">
        <v>43586.124999998246</v>
      </c>
      <c r="B729" s="22">
        <v>0.60142093896865845</v>
      </c>
      <c r="C729" s="21">
        <v>73559.022834235846</v>
      </c>
      <c r="D729">
        <f t="shared" si="11"/>
        <v>3</v>
      </c>
    </row>
    <row r="730" spans="1:4" x14ac:dyDescent="0.25">
      <c r="A730" s="20">
        <v>43586.166666664911</v>
      </c>
      <c r="B730" s="22">
        <v>0.58092308044433594</v>
      </c>
      <c r="C730" s="21">
        <v>71051.956076917399</v>
      </c>
      <c r="D730">
        <f t="shared" si="11"/>
        <v>4</v>
      </c>
    </row>
    <row r="731" spans="1:4" x14ac:dyDescent="0.25">
      <c r="A731" s="20">
        <v>43586.208333331575</v>
      </c>
      <c r="B731" s="22">
        <v>0.64774817228317261</v>
      </c>
      <c r="C731" s="21">
        <v>79225.247257803698</v>
      </c>
      <c r="D731">
        <f t="shared" si="11"/>
        <v>5</v>
      </c>
    </row>
    <row r="732" spans="1:4" x14ac:dyDescent="0.25">
      <c r="A732" s="20">
        <v>43586.249999998239</v>
      </c>
      <c r="B732" s="22">
        <v>1.0056658983230591</v>
      </c>
      <c r="C732" s="21">
        <v>123001.70477139521</v>
      </c>
      <c r="D732">
        <f t="shared" si="11"/>
        <v>6</v>
      </c>
    </row>
    <row r="733" spans="1:4" x14ac:dyDescent="0.25">
      <c r="A733" s="20">
        <v>43586.291666664903</v>
      </c>
      <c r="B733" s="22">
        <v>0.869148850440979</v>
      </c>
      <c r="C733" s="21">
        <v>106304.47992977106</v>
      </c>
      <c r="D733">
        <f t="shared" si="11"/>
        <v>7</v>
      </c>
    </row>
    <row r="734" spans="1:4" x14ac:dyDescent="0.25">
      <c r="A734" s="20">
        <v>43586.333333331568</v>
      </c>
      <c r="B734" s="22">
        <v>0.83967298269271851</v>
      </c>
      <c r="C734" s="21">
        <v>102699.32439183559</v>
      </c>
      <c r="D734">
        <f t="shared" si="11"/>
        <v>8</v>
      </c>
    </row>
    <row r="735" spans="1:4" x14ac:dyDescent="0.25">
      <c r="A735" s="20">
        <v>43586.374999998232</v>
      </c>
      <c r="B735" s="22">
        <v>0.82795077562332153</v>
      </c>
      <c r="C735" s="21">
        <v>101265.59629622908</v>
      </c>
      <c r="D735">
        <f t="shared" si="11"/>
        <v>9</v>
      </c>
    </row>
    <row r="736" spans="1:4" x14ac:dyDescent="0.25">
      <c r="A736" s="20">
        <v>43586.416666664896</v>
      </c>
      <c r="B736" s="22">
        <v>1.0836435556411743</v>
      </c>
      <c r="C736" s="21">
        <v>132539.05191640768</v>
      </c>
      <c r="D736">
        <f t="shared" si="11"/>
        <v>10</v>
      </c>
    </row>
    <row r="737" spans="1:4" x14ac:dyDescent="0.25">
      <c r="A737" s="20">
        <v>43586.45833333156</v>
      </c>
      <c r="B737" s="22">
        <v>1.3567379713058472</v>
      </c>
      <c r="C737" s="21">
        <v>165940.87924923823</v>
      </c>
      <c r="D737">
        <f t="shared" si="11"/>
        <v>11</v>
      </c>
    </row>
    <row r="738" spans="1:4" x14ac:dyDescent="0.25">
      <c r="A738" s="20">
        <v>43586.499999998225</v>
      </c>
      <c r="B738" s="22">
        <v>1.3731322288513184</v>
      </c>
      <c r="C738" s="21">
        <v>167946.0398397652</v>
      </c>
      <c r="D738">
        <f t="shared" si="11"/>
        <v>12</v>
      </c>
    </row>
    <row r="739" spans="1:4" x14ac:dyDescent="0.25">
      <c r="A739" s="20">
        <v>43586.541666664889</v>
      </c>
      <c r="B739" s="22">
        <v>1.6319836378097534</v>
      </c>
      <c r="C739" s="21">
        <v>199605.82331005755</v>
      </c>
      <c r="D739">
        <f t="shared" si="11"/>
        <v>13</v>
      </c>
    </row>
    <row r="740" spans="1:4" x14ac:dyDescent="0.25">
      <c r="A740" s="20">
        <v>43586.583333331553</v>
      </c>
      <c r="B740" s="22">
        <v>1.6762571334838867</v>
      </c>
      <c r="C740" s="21">
        <v>205020.85771978358</v>
      </c>
      <c r="D740">
        <f t="shared" si="11"/>
        <v>14</v>
      </c>
    </row>
    <row r="741" spans="1:4" x14ac:dyDescent="0.25">
      <c r="A741" s="20">
        <v>43586.624999998217</v>
      </c>
      <c r="B741" s="22">
        <v>1.8147145509719849</v>
      </c>
      <c r="C741" s="21">
        <v>221955.40667652866</v>
      </c>
      <c r="D741">
        <f t="shared" si="11"/>
        <v>15</v>
      </c>
    </row>
    <row r="742" spans="1:4" x14ac:dyDescent="0.25">
      <c r="A742" s="20">
        <v>43586.666666664882</v>
      </c>
      <c r="B742" s="22">
        <v>1.9210971593856812</v>
      </c>
      <c r="C742" s="21">
        <v>234966.92691872039</v>
      </c>
      <c r="D742">
        <f t="shared" si="11"/>
        <v>16</v>
      </c>
    </row>
    <row r="743" spans="1:4" x14ac:dyDescent="0.25">
      <c r="A743" s="20">
        <v>43586.708333331546</v>
      </c>
      <c r="B743" s="22">
        <v>1.9787576198577881</v>
      </c>
      <c r="C743" s="21">
        <v>242019.30380432348</v>
      </c>
      <c r="D743">
        <f t="shared" si="11"/>
        <v>17</v>
      </c>
    </row>
    <row r="744" spans="1:4" x14ac:dyDescent="0.25">
      <c r="A744" s="20">
        <v>43586.74999999821</v>
      </c>
      <c r="B744" s="22">
        <v>1.753786563873291</v>
      </c>
      <c r="C744" s="21">
        <v>214503.38280465876</v>
      </c>
      <c r="D744">
        <f t="shared" si="11"/>
        <v>18</v>
      </c>
    </row>
    <row r="745" spans="1:4" x14ac:dyDescent="0.25">
      <c r="A745" s="20">
        <v>43586.791666664874</v>
      </c>
      <c r="B745" s="22">
        <v>1.6936984062194824</v>
      </c>
      <c r="C745" s="21">
        <v>207154.0773938706</v>
      </c>
      <c r="D745">
        <f t="shared" si="11"/>
        <v>19</v>
      </c>
    </row>
    <row r="746" spans="1:4" x14ac:dyDescent="0.25">
      <c r="A746" s="20">
        <v>43586.833333331539</v>
      </c>
      <c r="B746" s="22">
        <v>1.672150731086731</v>
      </c>
      <c r="C746" s="21">
        <v>204518.6089151162</v>
      </c>
      <c r="D746">
        <f t="shared" si="11"/>
        <v>20</v>
      </c>
    </row>
    <row r="747" spans="1:4" x14ac:dyDescent="0.25">
      <c r="A747" s="20">
        <v>43586.874999998203</v>
      </c>
      <c r="B747" s="22">
        <v>1.4875839948654175</v>
      </c>
      <c r="C747" s="21">
        <v>181944.48838744449</v>
      </c>
      <c r="D747">
        <f t="shared" si="11"/>
        <v>21</v>
      </c>
    </row>
    <row r="748" spans="1:4" x14ac:dyDescent="0.25">
      <c r="A748" s="20">
        <v>43586.916666664867</v>
      </c>
      <c r="B748" s="22">
        <v>1.3307845592498779</v>
      </c>
      <c r="C748" s="21">
        <v>162766.55074427268</v>
      </c>
      <c r="D748">
        <f t="shared" si="11"/>
        <v>22</v>
      </c>
    </row>
    <row r="749" spans="1:4" x14ac:dyDescent="0.25">
      <c r="A749" s="20">
        <v>43586.958333331531</v>
      </c>
      <c r="B749" s="22">
        <v>1.0883134603500366</v>
      </c>
      <c r="C749" s="21">
        <v>133110.22196529552</v>
      </c>
      <c r="D749">
        <f t="shared" si="11"/>
        <v>23</v>
      </c>
    </row>
    <row r="750" spans="1:4" x14ac:dyDescent="0.25">
      <c r="A750" s="20">
        <v>43586.999999998196</v>
      </c>
      <c r="B750" s="22">
        <v>0.88713532686233521</v>
      </c>
      <c r="C750" s="21">
        <v>108504.38276663409</v>
      </c>
      <c r="D750">
        <f t="shared" si="11"/>
        <v>0</v>
      </c>
    </row>
    <row r="751" spans="1:4" x14ac:dyDescent="0.25">
      <c r="A751" s="20">
        <v>43587.04166666486</v>
      </c>
      <c r="B751" s="22">
        <v>0.72164100408554077</v>
      </c>
      <c r="C751" s="21">
        <v>88262.984638809663</v>
      </c>
      <c r="D751">
        <f t="shared" si="11"/>
        <v>1</v>
      </c>
    </row>
    <row r="752" spans="1:4" x14ac:dyDescent="0.25">
      <c r="A752" s="20">
        <v>43587.083333331524</v>
      </c>
      <c r="B752" s="22">
        <v>0.61985617876052856</v>
      </c>
      <c r="C752" s="21">
        <v>75813.813342744339</v>
      </c>
      <c r="D752">
        <f t="shared" si="11"/>
        <v>2</v>
      </c>
    </row>
    <row r="753" spans="1:4" x14ac:dyDescent="0.25">
      <c r="A753" s="20">
        <v>43587.124999998188</v>
      </c>
      <c r="B753" s="22">
        <v>0.66444844007492065</v>
      </c>
      <c r="C753" s="21">
        <v>81267.835568642447</v>
      </c>
      <c r="D753">
        <f t="shared" si="11"/>
        <v>3</v>
      </c>
    </row>
    <row r="754" spans="1:4" x14ac:dyDescent="0.25">
      <c r="A754" s="20">
        <v>43587.166666664853</v>
      </c>
      <c r="B754" s="22">
        <v>0.63534116744995117</v>
      </c>
      <c r="C754" s="21">
        <v>77707.762426968809</v>
      </c>
      <c r="D754">
        <f t="shared" si="11"/>
        <v>4</v>
      </c>
    </row>
    <row r="755" spans="1:4" x14ac:dyDescent="0.25">
      <c r="A755" s="20">
        <v>43587.208333331517</v>
      </c>
      <c r="B755" s="22">
        <v>0.69626772403717041</v>
      </c>
      <c r="C755" s="21">
        <v>85159.611334817004</v>
      </c>
      <c r="D755">
        <f t="shared" si="11"/>
        <v>5</v>
      </c>
    </row>
    <row r="756" spans="1:4" x14ac:dyDescent="0.25">
      <c r="A756" s="20">
        <v>43587.249999998181</v>
      </c>
      <c r="B756" s="22">
        <v>1.0043926239013672</v>
      </c>
      <c r="C756" s="21">
        <v>122845.97221173391</v>
      </c>
      <c r="D756">
        <f t="shared" si="11"/>
        <v>6</v>
      </c>
    </row>
    <row r="757" spans="1:4" x14ac:dyDescent="0.25">
      <c r="A757" s="20">
        <v>43587.291666664845</v>
      </c>
      <c r="B757" s="22">
        <v>0.99550324678421021</v>
      </c>
      <c r="C757" s="21">
        <v>121758.72391029564</v>
      </c>
      <c r="D757">
        <f t="shared" si="11"/>
        <v>7</v>
      </c>
    </row>
    <row r="758" spans="1:4" x14ac:dyDescent="0.25">
      <c r="A758" s="20">
        <v>43587.333333331509</v>
      </c>
      <c r="B758" s="22">
        <v>0.92568719387054443</v>
      </c>
      <c r="C758" s="21">
        <v>113219.61212067405</v>
      </c>
      <c r="D758">
        <f t="shared" si="11"/>
        <v>8</v>
      </c>
    </row>
    <row r="759" spans="1:4" x14ac:dyDescent="0.25">
      <c r="A759" s="20">
        <v>43587.374999998174</v>
      </c>
      <c r="B759" s="22">
        <v>0.96253001689910889</v>
      </c>
      <c r="C759" s="21">
        <v>117725.81049993784</v>
      </c>
      <c r="D759">
        <f t="shared" si="11"/>
        <v>9</v>
      </c>
    </row>
    <row r="760" spans="1:4" x14ac:dyDescent="0.25">
      <c r="A760" s="20">
        <v>43587.416666664838</v>
      </c>
      <c r="B760" s="22">
        <v>1.1232327222824097</v>
      </c>
      <c r="C760" s="21">
        <v>137381.15205669357</v>
      </c>
      <c r="D760">
        <f t="shared" si="11"/>
        <v>10</v>
      </c>
    </row>
    <row r="761" spans="1:4" x14ac:dyDescent="0.25">
      <c r="A761" s="20">
        <v>43587.458333331502</v>
      </c>
      <c r="B761" s="22">
        <v>1.3526444435119629</v>
      </c>
      <c r="C761" s="21">
        <v>165440.2051207663</v>
      </c>
      <c r="D761">
        <f t="shared" si="11"/>
        <v>11</v>
      </c>
    </row>
    <row r="762" spans="1:4" x14ac:dyDescent="0.25">
      <c r="A762" s="20">
        <v>43587.499999998166</v>
      </c>
      <c r="B762" s="22">
        <v>1.5591572523117065</v>
      </c>
      <c r="C762" s="21">
        <v>190698.52160723993</v>
      </c>
      <c r="D762">
        <f t="shared" si="11"/>
        <v>12</v>
      </c>
    </row>
    <row r="763" spans="1:4" x14ac:dyDescent="0.25">
      <c r="A763" s="20">
        <v>43587.541666664831</v>
      </c>
      <c r="B763" s="22">
        <v>1.5455293655395508</v>
      </c>
      <c r="C763" s="21">
        <v>189031.71227403908</v>
      </c>
      <c r="D763">
        <f t="shared" si="11"/>
        <v>13</v>
      </c>
    </row>
    <row r="764" spans="1:4" x14ac:dyDescent="0.25">
      <c r="A764" s="20">
        <v>43587.583333331495</v>
      </c>
      <c r="B764" s="22">
        <v>1.5472722053527832</v>
      </c>
      <c r="C764" s="21">
        <v>189244.87677382826</v>
      </c>
      <c r="D764">
        <f t="shared" si="11"/>
        <v>14</v>
      </c>
    </row>
    <row r="765" spans="1:4" x14ac:dyDescent="0.25">
      <c r="A765" s="20">
        <v>43587.624999998159</v>
      </c>
      <c r="B765" s="22">
        <v>1.8737128973007202</v>
      </c>
      <c r="C765" s="21">
        <v>229171.41866344045</v>
      </c>
      <c r="D765">
        <f t="shared" si="11"/>
        <v>15</v>
      </c>
    </row>
    <row r="766" spans="1:4" x14ac:dyDescent="0.25">
      <c r="A766" s="20">
        <v>43587.666666664823</v>
      </c>
      <c r="B766" s="22">
        <v>2.0869829654693604</v>
      </c>
      <c r="C766" s="21">
        <v>255256.20686715411</v>
      </c>
      <c r="D766">
        <f t="shared" si="11"/>
        <v>16</v>
      </c>
    </row>
    <row r="767" spans="1:4" x14ac:dyDescent="0.25">
      <c r="A767" s="20">
        <v>43587.708333331488</v>
      </c>
      <c r="B767" s="22">
        <v>2.0981392860412598</v>
      </c>
      <c r="C767" s="21">
        <v>256620.72211183727</v>
      </c>
      <c r="D767">
        <f t="shared" si="11"/>
        <v>17</v>
      </c>
    </row>
    <row r="768" spans="1:4" x14ac:dyDescent="0.25">
      <c r="A768" s="20">
        <v>43587.749999998152</v>
      </c>
      <c r="B768" s="22">
        <v>1.900458812713623</v>
      </c>
      <c r="C768" s="21">
        <v>232442.67723643602</v>
      </c>
      <c r="D768">
        <f t="shared" si="11"/>
        <v>18</v>
      </c>
    </row>
    <row r="769" spans="1:4" x14ac:dyDescent="0.25">
      <c r="A769" s="20">
        <v>43587.791666664816</v>
      </c>
      <c r="B769" s="22">
        <v>1.8181319236755371</v>
      </c>
      <c r="C769" s="21">
        <v>222373.3811440701</v>
      </c>
      <c r="D769">
        <f t="shared" si="11"/>
        <v>19</v>
      </c>
    </row>
    <row r="770" spans="1:4" x14ac:dyDescent="0.25">
      <c r="A770" s="20">
        <v>43587.83333333148</v>
      </c>
      <c r="B770" s="22">
        <v>1.6326378583908081</v>
      </c>
      <c r="C770" s="21">
        <v>199685.84018932178</v>
      </c>
      <c r="D770">
        <f t="shared" si="11"/>
        <v>20</v>
      </c>
    </row>
    <row r="771" spans="1:4" x14ac:dyDescent="0.25">
      <c r="A771" s="20">
        <v>43587.874999998145</v>
      </c>
      <c r="B771" s="22">
        <v>1.4845185279846191</v>
      </c>
      <c r="C771" s="21">
        <v>181569.5550692449</v>
      </c>
      <c r="D771">
        <f t="shared" si="11"/>
        <v>21</v>
      </c>
    </row>
    <row r="772" spans="1:4" x14ac:dyDescent="0.25">
      <c r="A772" s="20">
        <v>43587.916666664809</v>
      </c>
      <c r="B772" s="22">
        <v>1.194305419921875</v>
      </c>
      <c r="C772" s="21">
        <v>146073.96244922397</v>
      </c>
      <c r="D772">
        <f t="shared" si="11"/>
        <v>22</v>
      </c>
    </row>
    <row r="773" spans="1:4" x14ac:dyDescent="0.25">
      <c r="A773" s="20">
        <v>43587.958333331473</v>
      </c>
      <c r="B773" s="22">
        <v>0.98211842775344849</v>
      </c>
      <c r="C773" s="21">
        <v>120121.64388045114</v>
      </c>
      <c r="D773">
        <f t="shared" si="11"/>
        <v>23</v>
      </c>
    </row>
    <row r="774" spans="1:4" x14ac:dyDescent="0.25">
      <c r="A774" s="20">
        <v>43587.999999998137</v>
      </c>
      <c r="B774" s="22">
        <v>0.7027057409286499</v>
      </c>
      <c r="C774" s="21">
        <v>85947.036914544296</v>
      </c>
      <c r="D774">
        <f t="shared" si="11"/>
        <v>0</v>
      </c>
    </row>
    <row r="775" spans="1:4" x14ac:dyDescent="0.25">
      <c r="A775" s="20">
        <v>43588.041666664802</v>
      </c>
      <c r="B775" s="22">
        <v>0.68292778730392456</v>
      </c>
      <c r="C775" s="21">
        <v>83528.020801153805</v>
      </c>
      <c r="D775">
        <f t="shared" ref="D775:D838" si="12">HOUR(A775)</f>
        <v>1</v>
      </c>
    </row>
    <row r="776" spans="1:4" x14ac:dyDescent="0.25">
      <c r="A776" s="20">
        <v>43588.083333331466</v>
      </c>
      <c r="B776" s="22">
        <v>0.67590481042861938</v>
      </c>
      <c r="C776" s="21">
        <v>82669.049516880303</v>
      </c>
      <c r="D776">
        <f t="shared" si="12"/>
        <v>2</v>
      </c>
    </row>
    <row r="777" spans="1:4" x14ac:dyDescent="0.25">
      <c r="A777" s="20">
        <v>43588.12499999813</v>
      </c>
      <c r="B777" s="22">
        <v>0.59633326530456543</v>
      </c>
      <c r="C777" s="21">
        <v>72936.756000839727</v>
      </c>
      <c r="D777">
        <f t="shared" si="12"/>
        <v>3</v>
      </c>
    </row>
    <row r="778" spans="1:4" x14ac:dyDescent="0.25">
      <c r="A778" s="20">
        <v>43588.166666664794</v>
      </c>
      <c r="B778" s="22">
        <v>0.6622815728187561</v>
      </c>
      <c r="C778" s="21">
        <v>81002.80881675001</v>
      </c>
      <c r="D778">
        <f t="shared" si="12"/>
        <v>4</v>
      </c>
    </row>
    <row r="779" spans="1:4" x14ac:dyDescent="0.25">
      <c r="A779" s="20">
        <v>43588.208333331459</v>
      </c>
      <c r="B779" s="22">
        <v>0.67205828428268433</v>
      </c>
      <c r="C779" s="21">
        <v>82198.585842824439</v>
      </c>
      <c r="D779">
        <f t="shared" si="12"/>
        <v>5</v>
      </c>
    </row>
    <row r="780" spans="1:4" x14ac:dyDescent="0.25">
      <c r="A780" s="20">
        <v>43588.249999998123</v>
      </c>
      <c r="B780" s="22">
        <v>0.89854151010513306</v>
      </c>
      <c r="C780" s="21">
        <v>109899.45839377679</v>
      </c>
      <c r="D780">
        <f t="shared" si="12"/>
        <v>6</v>
      </c>
    </row>
    <row r="781" spans="1:4" x14ac:dyDescent="0.25">
      <c r="A781" s="20">
        <v>43588.291666664787</v>
      </c>
      <c r="B781" s="22">
        <v>0.94013845920562744</v>
      </c>
      <c r="C781" s="21">
        <v>114987.1278287069</v>
      </c>
      <c r="D781">
        <f t="shared" si="12"/>
        <v>7</v>
      </c>
    </row>
    <row r="782" spans="1:4" x14ac:dyDescent="0.25">
      <c r="A782" s="20">
        <v>43588.333333331451</v>
      </c>
      <c r="B782" s="22">
        <v>0.83426469564437866</v>
      </c>
      <c r="C782" s="21">
        <v>102037.84374707263</v>
      </c>
      <c r="D782">
        <f t="shared" si="12"/>
        <v>8</v>
      </c>
    </row>
    <row r="783" spans="1:4" x14ac:dyDescent="0.25">
      <c r="A783" s="20">
        <v>43588.374999998116</v>
      </c>
      <c r="B783" s="22">
        <v>0.91487115621566772</v>
      </c>
      <c r="C783" s="21">
        <v>111896.71644265627</v>
      </c>
      <c r="D783">
        <f t="shared" si="12"/>
        <v>9</v>
      </c>
    </row>
    <row r="784" spans="1:4" x14ac:dyDescent="0.25">
      <c r="A784" s="20">
        <v>43588.41666666478</v>
      </c>
      <c r="B784" s="22">
        <v>0.86263740062713623</v>
      </c>
      <c r="C784" s="21">
        <v>105508.07286359573</v>
      </c>
      <c r="D784">
        <f t="shared" si="12"/>
        <v>10</v>
      </c>
    </row>
    <row r="785" spans="1:4" x14ac:dyDescent="0.25">
      <c r="A785" s="20">
        <v>43588.458333331444</v>
      </c>
      <c r="B785" s="22">
        <v>1.0916672945022583</v>
      </c>
      <c r="C785" s="21">
        <v>133520.42511420581</v>
      </c>
      <c r="D785">
        <f t="shared" si="12"/>
        <v>11</v>
      </c>
    </row>
    <row r="786" spans="1:4" x14ac:dyDescent="0.25">
      <c r="A786" s="20">
        <v>43588.499999998108</v>
      </c>
      <c r="B786" s="22">
        <v>1.1149293184280396</v>
      </c>
      <c r="C786" s="21">
        <v>136365.57339265017</v>
      </c>
      <c r="D786">
        <f t="shared" si="12"/>
        <v>12</v>
      </c>
    </row>
    <row r="787" spans="1:4" x14ac:dyDescent="0.25">
      <c r="A787" s="20">
        <v>43588.541666664772</v>
      </c>
      <c r="B787" s="22">
        <v>1.2426857948303223</v>
      </c>
      <c r="C787" s="21">
        <v>151991.30398495795</v>
      </c>
      <c r="D787">
        <f t="shared" si="12"/>
        <v>13</v>
      </c>
    </row>
    <row r="788" spans="1:4" x14ac:dyDescent="0.25">
      <c r="A788" s="20">
        <v>43588.583333331437</v>
      </c>
      <c r="B788" s="22">
        <v>1.3377068042755127</v>
      </c>
      <c r="C788" s="21">
        <v>163613.20164535043</v>
      </c>
      <c r="D788">
        <f t="shared" si="12"/>
        <v>14</v>
      </c>
    </row>
    <row r="789" spans="1:4" x14ac:dyDescent="0.25">
      <c r="A789" s="20">
        <v>43588.624999998101</v>
      </c>
      <c r="B789" s="22">
        <v>1.4606462717056274</v>
      </c>
      <c r="C789" s="21">
        <v>178649.77005520402</v>
      </c>
      <c r="D789">
        <f t="shared" si="12"/>
        <v>15</v>
      </c>
    </row>
    <row r="790" spans="1:4" x14ac:dyDescent="0.25">
      <c r="A790" s="20">
        <v>43588.666666664765</v>
      </c>
      <c r="B790" s="22">
        <v>1.5946075916290283</v>
      </c>
      <c r="C790" s="21">
        <v>195034.4070916996</v>
      </c>
      <c r="D790">
        <f t="shared" si="12"/>
        <v>16</v>
      </c>
    </row>
    <row r="791" spans="1:4" x14ac:dyDescent="0.25">
      <c r="A791" s="20">
        <v>43588.708333331429</v>
      </c>
      <c r="B791" s="22">
        <v>1.5929754972457886</v>
      </c>
      <c r="C791" s="21">
        <v>194834.78772325817</v>
      </c>
      <c r="D791">
        <f t="shared" si="12"/>
        <v>17</v>
      </c>
    </row>
    <row r="792" spans="1:4" x14ac:dyDescent="0.25">
      <c r="A792" s="20">
        <v>43588.749999998094</v>
      </c>
      <c r="B792" s="22">
        <v>1.4674948453903198</v>
      </c>
      <c r="C792" s="21">
        <v>179487.41030916345</v>
      </c>
      <c r="D792">
        <f t="shared" si="12"/>
        <v>18</v>
      </c>
    </row>
    <row r="793" spans="1:4" x14ac:dyDescent="0.25">
      <c r="A793" s="20">
        <v>43588.791666664758</v>
      </c>
      <c r="B793" s="22">
        <v>1.3124686479568481</v>
      </c>
      <c r="C793" s="21">
        <v>160526.35515124226</v>
      </c>
      <c r="D793">
        <f t="shared" si="12"/>
        <v>19</v>
      </c>
    </row>
    <row r="794" spans="1:4" x14ac:dyDescent="0.25">
      <c r="A794" s="20">
        <v>43588.833333331422</v>
      </c>
      <c r="B794" s="22">
        <v>1.2814072370529175</v>
      </c>
      <c r="C794" s="21">
        <v>156727.27386573868</v>
      </c>
      <c r="D794">
        <f t="shared" si="12"/>
        <v>20</v>
      </c>
    </row>
    <row r="795" spans="1:4" x14ac:dyDescent="0.25">
      <c r="A795" s="20">
        <v>43588.874999998086</v>
      </c>
      <c r="B795" s="22">
        <v>1.2872734069824219</v>
      </c>
      <c r="C795" s="21">
        <v>157444.75757778549</v>
      </c>
      <c r="D795">
        <f t="shared" si="12"/>
        <v>21</v>
      </c>
    </row>
    <row r="796" spans="1:4" x14ac:dyDescent="0.25">
      <c r="A796" s="20">
        <v>43588.916666664751</v>
      </c>
      <c r="B796" s="22">
        <v>1.0950974225997925</v>
      </c>
      <c r="C796" s="21">
        <v>133939.95967760752</v>
      </c>
      <c r="D796">
        <f t="shared" si="12"/>
        <v>22</v>
      </c>
    </row>
    <row r="797" spans="1:4" x14ac:dyDescent="0.25">
      <c r="A797" s="20">
        <v>43588.958333331415</v>
      </c>
      <c r="B797" s="22">
        <v>0.95791757106781006</v>
      </c>
      <c r="C797" s="21">
        <v>117161.66817258888</v>
      </c>
      <c r="D797">
        <f t="shared" si="12"/>
        <v>23</v>
      </c>
    </row>
    <row r="798" spans="1:4" x14ac:dyDescent="0.25">
      <c r="A798" s="20">
        <v>43588.999999998079</v>
      </c>
      <c r="B798" s="22">
        <v>0.78409814834594727</v>
      </c>
      <c r="C798" s="21">
        <v>95902.037759725063</v>
      </c>
      <c r="D798">
        <f t="shared" si="12"/>
        <v>0</v>
      </c>
    </row>
    <row r="799" spans="1:4" x14ac:dyDescent="0.25">
      <c r="A799" s="20">
        <v>43589.041666664743</v>
      </c>
      <c r="B799" s="22">
        <v>0.70330250263214111</v>
      </c>
      <c r="C799" s="21">
        <v>86020.02607226964</v>
      </c>
      <c r="D799">
        <f t="shared" si="12"/>
        <v>1</v>
      </c>
    </row>
    <row r="800" spans="1:4" x14ac:dyDescent="0.25">
      <c r="A800" s="20">
        <v>43589.083333331408</v>
      </c>
      <c r="B800" s="22">
        <v>0.66280853748321533</v>
      </c>
      <c r="C800" s="21">
        <v>81067.261188249191</v>
      </c>
      <c r="D800">
        <f t="shared" si="12"/>
        <v>2</v>
      </c>
    </row>
    <row r="801" spans="1:4" x14ac:dyDescent="0.25">
      <c r="A801" s="20">
        <v>43589.124999998072</v>
      </c>
      <c r="B801" s="22">
        <v>0.60308718681335449</v>
      </c>
      <c r="C801" s="21">
        <v>73762.819468695699</v>
      </c>
      <c r="D801">
        <f t="shared" si="12"/>
        <v>3</v>
      </c>
    </row>
    <row r="802" spans="1:4" x14ac:dyDescent="0.25">
      <c r="A802" s="20">
        <v>43589.166666664736</v>
      </c>
      <c r="B802" s="22">
        <v>0.58466589450836182</v>
      </c>
      <c r="C802" s="21">
        <v>71509.734859398945</v>
      </c>
      <c r="D802">
        <f t="shared" si="12"/>
        <v>4</v>
      </c>
    </row>
    <row r="803" spans="1:4" x14ac:dyDescent="0.25">
      <c r="A803" s="20">
        <v>43589.2083333314</v>
      </c>
      <c r="B803" s="22">
        <v>0.55218839645385742</v>
      </c>
      <c r="C803" s="21">
        <v>67537.453772732901</v>
      </c>
      <c r="D803">
        <f t="shared" si="12"/>
        <v>5</v>
      </c>
    </row>
    <row r="804" spans="1:4" x14ac:dyDescent="0.25">
      <c r="A804" s="20">
        <v>43589.249999998065</v>
      </c>
      <c r="B804" s="22">
        <v>0.63323825597763062</v>
      </c>
      <c r="C804" s="21">
        <v>77450.558024880535</v>
      </c>
      <c r="D804">
        <f t="shared" si="12"/>
        <v>6</v>
      </c>
    </row>
    <row r="805" spans="1:4" x14ac:dyDescent="0.25">
      <c r="A805" s="20">
        <v>43589.291666664729</v>
      </c>
      <c r="B805" s="22">
        <v>0.74711847305297852</v>
      </c>
      <c r="C805" s="21">
        <v>91379.101155717217</v>
      </c>
      <c r="D805">
        <f t="shared" si="12"/>
        <v>7</v>
      </c>
    </row>
    <row r="806" spans="1:4" x14ac:dyDescent="0.25">
      <c r="A806" s="20">
        <v>43589.333333331393</v>
      </c>
      <c r="B806" s="22">
        <v>0.9926949143409729</v>
      </c>
      <c r="C806" s="21">
        <v>121415.24037499927</v>
      </c>
      <c r="D806">
        <f t="shared" si="12"/>
        <v>8</v>
      </c>
    </row>
    <row r="807" spans="1:4" x14ac:dyDescent="0.25">
      <c r="A807" s="20">
        <v>43589.374999998057</v>
      </c>
      <c r="B807" s="22">
        <v>1.0060949325561523</v>
      </c>
      <c r="C807" s="21">
        <v>123054.17939757449</v>
      </c>
      <c r="D807">
        <f t="shared" si="12"/>
        <v>9</v>
      </c>
    </row>
    <row r="808" spans="1:4" x14ac:dyDescent="0.25">
      <c r="A808" s="20">
        <v>43589.416666664722</v>
      </c>
      <c r="B808" s="22">
        <v>1.1879739761352539</v>
      </c>
      <c r="C808" s="21">
        <v>145299.57168911444</v>
      </c>
      <c r="D808">
        <f t="shared" si="12"/>
        <v>10</v>
      </c>
    </row>
    <row r="809" spans="1:4" x14ac:dyDescent="0.25">
      <c r="A809" s="20">
        <v>43589.458333331386</v>
      </c>
      <c r="B809" s="22">
        <v>1.428922176361084</v>
      </c>
      <c r="C809" s="21">
        <v>174769.63668664108</v>
      </c>
      <c r="D809">
        <f t="shared" si="12"/>
        <v>11</v>
      </c>
    </row>
    <row r="810" spans="1:4" x14ac:dyDescent="0.25">
      <c r="A810" s="20">
        <v>43589.49999999805</v>
      </c>
      <c r="B810" s="22">
        <v>1.3557562828063965</v>
      </c>
      <c r="C810" s="21">
        <v>165820.81018933648</v>
      </c>
      <c r="D810">
        <f t="shared" si="12"/>
        <v>12</v>
      </c>
    </row>
    <row r="811" spans="1:4" x14ac:dyDescent="0.25">
      <c r="A811" s="20">
        <v>43589.541666664714</v>
      </c>
      <c r="B811" s="22">
        <v>1.4756646156311035</v>
      </c>
      <c r="C811" s="21">
        <v>180486.64441751162</v>
      </c>
      <c r="D811">
        <f t="shared" si="12"/>
        <v>13</v>
      </c>
    </row>
    <row r="812" spans="1:4" x14ac:dyDescent="0.25">
      <c r="A812" s="20">
        <v>43589.583333331379</v>
      </c>
      <c r="B812" s="22">
        <v>1.4689944982528687</v>
      </c>
      <c r="C812" s="21">
        <v>179670.83092526111</v>
      </c>
      <c r="D812">
        <f t="shared" si="12"/>
        <v>14</v>
      </c>
    </row>
    <row r="813" spans="1:4" x14ac:dyDescent="0.25">
      <c r="A813" s="20">
        <v>43589.624999998043</v>
      </c>
      <c r="B813" s="22">
        <v>1.3009204864501953</v>
      </c>
      <c r="C813" s="21">
        <v>159113.91434494438</v>
      </c>
      <c r="D813">
        <f t="shared" si="12"/>
        <v>15</v>
      </c>
    </row>
    <row r="814" spans="1:4" x14ac:dyDescent="0.25">
      <c r="A814" s="20">
        <v>43589.666666664707</v>
      </c>
      <c r="B814" s="22">
        <v>1.4535382986068726</v>
      </c>
      <c r="C814" s="21">
        <v>177780.40299197362</v>
      </c>
      <c r="D814">
        <f t="shared" si="12"/>
        <v>16</v>
      </c>
    </row>
    <row r="815" spans="1:4" x14ac:dyDescent="0.25">
      <c r="A815" s="20">
        <v>43589.708333331371</v>
      </c>
      <c r="B815" s="22">
        <v>1.431868314743042</v>
      </c>
      <c r="C815" s="21">
        <v>175129.97508936262</v>
      </c>
      <c r="D815">
        <f t="shared" si="12"/>
        <v>17</v>
      </c>
    </row>
    <row r="816" spans="1:4" x14ac:dyDescent="0.25">
      <c r="A816" s="20">
        <v>43589.749999998035</v>
      </c>
      <c r="B816" s="22">
        <v>1.3650156259536743</v>
      </c>
      <c r="C816" s="21">
        <v>166953.30856089076</v>
      </c>
      <c r="D816">
        <f t="shared" si="12"/>
        <v>18</v>
      </c>
    </row>
    <row r="817" spans="1:4" x14ac:dyDescent="0.25">
      <c r="A817" s="20">
        <v>43589.7916666647</v>
      </c>
      <c r="B817" s="22">
        <v>1.4027284383773804</v>
      </c>
      <c r="C817" s="21">
        <v>171565.91422602741</v>
      </c>
      <c r="D817">
        <f t="shared" si="12"/>
        <v>19</v>
      </c>
    </row>
    <row r="818" spans="1:4" x14ac:dyDescent="0.25">
      <c r="A818" s="20">
        <v>43589.833333331364</v>
      </c>
      <c r="B818" s="22">
        <v>1.32271409034729</v>
      </c>
      <c r="C818" s="21">
        <v>161779.46205509853</v>
      </c>
      <c r="D818">
        <f t="shared" si="12"/>
        <v>20</v>
      </c>
    </row>
    <row r="819" spans="1:4" x14ac:dyDescent="0.25">
      <c r="A819" s="20">
        <v>43589.874999998028</v>
      </c>
      <c r="B819" s="22">
        <v>1.2084109783172607</v>
      </c>
      <c r="C819" s="21">
        <v>147799.19518534243</v>
      </c>
      <c r="D819">
        <f t="shared" si="12"/>
        <v>21</v>
      </c>
    </row>
    <row r="820" spans="1:4" x14ac:dyDescent="0.25">
      <c r="A820" s="20">
        <v>43589.916666664692</v>
      </c>
      <c r="B820" s="22">
        <v>1.1239969730377197</v>
      </c>
      <c r="C820" s="21">
        <v>137474.62658529467</v>
      </c>
      <c r="D820">
        <f t="shared" si="12"/>
        <v>22</v>
      </c>
    </row>
    <row r="821" spans="1:4" x14ac:dyDescent="0.25">
      <c r="A821" s="20">
        <v>43589.958333331357</v>
      </c>
      <c r="B821" s="22">
        <v>0.91170090436935425</v>
      </c>
      <c r="C821" s="21">
        <v>111508.96700986607</v>
      </c>
      <c r="D821">
        <f t="shared" si="12"/>
        <v>23</v>
      </c>
    </row>
    <row r="822" spans="1:4" x14ac:dyDescent="0.25">
      <c r="A822" s="20">
        <v>43589.999999998021</v>
      </c>
      <c r="B822" s="22">
        <v>0.80499845743179321</v>
      </c>
      <c r="C822" s="21">
        <v>98458.327728485951</v>
      </c>
      <c r="D822">
        <f t="shared" si="12"/>
        <v>0</v>
      </c>
    </row>
    <row r="823" spans="1:4" x14ac:dyDescent="0.25">
      <c r="A823" s="20">
        <v>43590.041666664685</v>
      </c>
      <c r="B823" s="22">
        <v>0.67802637815475464</v>
      </c>
      <c r="C823" s="21">
        <v>82928.53574141844</v>
      </c>
      <c r="D823">
        <f t="shared" si="12"/>
        <v>1</v>
      </c>
    </row>
    <row r="824" spans="1:4" x14ac:dyDescent="0.25">
      <c r="A824" s="20">
        <v>43590.083333331349</v>
      </c>
      <c r="B824" s="22">
        <v>0.65703147649765015</v>
      </c>
      <c r="C824" s="21">
        <v>80360.676276721671</v>
      </c>
      <c r="D824">
        <f t="shared" si="12"/>
        <v>2</v>
      </c>
    </row>
    <row r="825" spans="1:4" x14ac:dyDescent="0.25">
      <c r="A825" s="20">
        <v>43590.124999998014</v>
      </c>
      <c r="B825" s="22">
        <v>0.63942927122116089</v>
      </c>
      <c r="C825" s="21">
        <v>78207.773150191759</v>
      </c>
      <c r="D825">
        <f t="shared" si="12"/>
        <v>3</v>
      </c>
    </row>
    <row r="826" spans="1:4" x14ac:dyDescent="0.25">
      <c r="A826" s="20">
        <v>43590.166666664678</v>
      </c>
      <c r="B826" s="22">
        <v>0.60101902484893799</v>
      </c>
      <c r="C826" s="21">
        <v>73509.865234301586</v>
      </c>
      <c r="D826">
        <f t="shared" si="12"/>
        <v>4</v>
      </c>
    </row>
    <row r="827" spans="1:4" x14ac:dyDescent="0.25">
      <c r="A827" s="20">
        <v>43590.208333331342</v>
      </c>
      <c r="B827" s="22">
        <v>0.57865446805953979</v>
      </c>
      <c r="C827" s="21">
        <v>70774.485008980497</v>
      </c>
      <c r="D827">
        <f t="shared" si="12"/>
        <v>5</v>
      </c>
    </row>
    <row r="828" spans="1:4" x14ac:dyDescent="0.25">
      <c r="A828" s="20">
        <v>43590.249999998006</v>
      </c>
      <c r="B828" s="22">
        <v>0.67429161071777344</v>
      </c>
      <c r="C828" s="21">
        <v>82471.741131559043</v>
      </c>
      <c r="D828">
        <f t="shared" si="12"/>
        <v>6</v>
      </c>
    </row>
    <row r="829" spans="1:4" x14ac:dyDescent="0.25">
      <c r="A829" s="20">
        <v>43590.291666664671</v>
      </c>
      <c r="B829" s="22">
        <v>0.72783970832824707</v>
      </c>
      <c r="C829" s="21">
        <v>89021.140195737593</v>
      </c>
      <c r="D829">
        <f t="shared" si="12"/>
        <v>7</v>
      </c>
    </row>
    <row r="830" spans="1:4" x14ac:dyDescent="0.25">
      <c r="A830" s="20">
        <v>43590.333333331335</v>
      </c>
      <c r="B830" s="22">
        <v>1.1287165880203247</v>
      </c>
      <c r="C830" s="21">
        <v>138051.87663393709</v>
      </c>
      <c r="D830">
        <f t="shared" si="12"/>
        <v>8</v>
      </c>
    </row>
    <row r="831" spans="1:4" x14ac:dyDescent="0.25">
      <c r="A831" s="20">
        <v>43590.374999997999</v>
      </c>
      <c r="B831" s="22">
        <v>1.230205774307251</v>
      </c>
      <c r="C831" s="21">
        <v>150464.88869884802</v>
      </c>
      <c r="D831">
        <f t="shared" si="12"/>
        <v>9</v>
      </c>
    </row>
    <row r="832" spans="1:4" x14ac:dyDescent="0.25">
      <c r="A832" s="20">
        <v>43590.416666664663</v>
      </c>
      <c r="B832" s="22">
        <v>1.0973631143569946</v>
      </c>
      <c r="C832" s="21">
        <v>134217.07352733344</v>
      </c>
      <c r="D832">
        <f t="shared" si="12"/>
        <v>10</v>
      </c>
    </row>
    <row r="833" spans="1:4" x14ac:dyDescent="0.25">
      <c r="A833" s="20">
        <v>43590.458333331328</v>
      </c>
      <c r="B833" s="22">
        <v>1.0758378505706787</v>
      </c>
      <c r="C833" s="21">
        <v>131584.34615158592</v>
      </c>
      <c r="D833">
        <f t="shared" si="12"/>
        <v>11</v>
      </c>
    </row>
    <row r="834" spans="1:4" x14ac:dyDescent="0.25">
      <c r="A834" s="20">
        <v>43590.499999997992</v>
      </c>
      <c r="B834" s="22">
        <v>1.1251372098922729</v>
      </c>
      <c r="C834" s="21">
        <v>137614.08749093648</v>
      </c>
      <c r="D834">
        <f t="shared" si="12"/>
        <v>12</v>
      </c>
    </row>
    <row r="835" spans="1:4" x14ac:dyDescent="0.25">
      <c r="A835" s="20">
        <v>43590.541666664656</v>
      </c>
      <c r="B835" s="22">
        <v>1.1762784719467163</v>
      </c>
      <c r="C835" s="21">
        <v>143869.10958857994</v>
      </c>
      <c r="D835">
        <f t="shared" si="12"/>
        <v>13</v>
      </c>
    </row>
    <row r="836" spans="1:4" x14ac:dyDescent="0.25">
      <c r="A836" s="20">
        <v>43590.58333333132</v>
      </c>
      <c r="B836" s="22">
        <v>1.2801057100296021</v>
      </c>
      <c r="C836" s="21">
        <v>156568.08576664852</v>
      </c>
      <c r="D836">
        <f t="shared" si="12"/>
        <v>14</v>
      </c>
    </row>
    <row r="837" spans="1:4" x14ac:dyDescent="0.25">
      <c r="A837" s="20">
        <v>43590.624999997985</v>
      </c>
      <c r="B837" s="22">
        <v>1.1541606187820435</v>
      </c>
      <c r="C837" s="21">
        <v>141163.90336683707</v>
      </c>
      <c r="D837">
        <f t="shared" si="12"/>
        <v>15</v>
      </c>
    </row>
    <row r="838" spans="1:4" x14ac:dyDescent="0.25">
      <c r="A838" s="20">
        <v>43590.666666664649</v>
      </c>
      <c r="B838" s="22">
        <v>1.1928415298461914</v>
      </c>
      <c r="C838" s="21">
        <v>145894.91593366922</v>
      </c>
      <c r="D838">
        <f t="shared" si="12"/>
        <v>16</v>
      </c>
    </row>
    <row r="839" spans="1:4" x14ac:dyDescent="0.25">
      <c r="A839" s="20">
        <v>43590.708333331313</v>
      </c>
      <c r="B839" s="22">
        <v>1.32136070728302</v>
      </c>
      <c r="C839" s="21">
        <v>161613.93151022121</v>
      </c>
      <c r="D839">
        <f t="shared" ref="D839:D902" si="13">HOUR(A839)</f>
        <v>17</v>
      </c>
    </row>
    <row r="840" spans="1:4" x14ac:dyDescent="0.25">
      <c r="A840" s="20">
        <v>43590.749999997977</v>
      </c>
      <c r="B840" s="22">
        <v>1.1772109270095825</v>
      </c>
      <c r="C840" s="21">
        <v>143983.15697006768</v>
      </c>
      <c r="D840">
        <f t="shared" si="13"/>
        <v>18</v>
      </c>
    </row>
    <row r="841" spans="1:4" x14ac:dyDescent="0.25">
      <c r="A841" s="20">
        <v>43590.791666664642</v>
      </c>
      <c r="B841" s="22">
        <v>1.3772091865539551</v>
      </c>
      <c r="C841" s="21">
        <v>168444.68730165227</v>
      </c>
      <c r="D841">
        <f t="shared" si="13"/>
        <v>19</v>
      </c>
    </row>
    <row r="842" spans="1:4" x14ac:dyDescent="0.25">
      <c r="A842" s="20">
        <v>43590.833333331306</v>
      </c>
      <c r="B842" s="22">
        <v>1.2095776796340942</v>
      </c>
      <c r="C842" s="21">
        <v>147941.89292538597</v>
      </c>
      <c r="D842">
        <f t="shared" si="13"/>
        <v>20</v>
      </c>
    </row>
    <row r="843" spans="1:4" x14ac:dyDescent="0.25">
      <c r="A843" s="20">
        <v>43590.87499999797</v>
      </c>
      <c r="B843" s="22">
        <v>1.1951003074645996</v>
      </c>
      <c r="C843" s="21">
        <v>146171.18412395683</v>
      </c>
      <c r="D843">
        <f t="shared" si="13"/>
        <v>21</v>
      </c>
    </row>
    <row r="844" spans="1:4" x14ac:dyDescent="0.25">
      <c r="A844" s="20">
        <v>43590.916666664634</v>
      </c>
      <c r="B844" s="22">
        <v>1.0445764064788818</v>
      </c>
      <c r="C844" s="21">
        <v>127760.79906371255</v>
      </c>
      <c r="D844">
        <f t="shared" si="13"/>
        <v>22</v>
      </c>
    </row>
    <row r="845" spans="1:4" x14ac:dyDescent="0.25">
      <c r="A845" s="20">
        <v>43590.958333331298</v>
      </c>
      <c r="B845" s="22">
        <v>0.85280728340148926</v>
      </c>
      <c r="C845" s="21">
        <v>104305.76384737728</v>
      </c>
      <c r="D845">
        <f t="shared" si="13"/>
        <v>23</v>
      </c>
    </row>
    <row r="846" spans="1:4" x14ac:dyDescent="0.25">
      <c r="A846" s="20">
        <v>43590.999999997963</v>
      </c>
      <c r="B846" s="22">
        <v>0.78392237424850464</v>
      </c>
      <c r="C846" s="21">
        <v>95880.539055556859</v>
      </c>
      <c r="D846">
        <f t="shared" si="13"/>
        <v>0</v>
      </c>
    </row>
    <row r="847" spans="1:4" x14ac:dyDescent="0.25">
      <c r="A847" s="20">
        <v>43591.041666664627</v>
      </c>
      <c r="B847" s="22">
        <v>0.66835421323776245</v>
      </c>
      <c r="C847" s="21">
        <v>81745.545669264335</v>
      </c>
      <c r="D847">
        <f t="shared" si="13"/>
        <v>1</v>
      </c>
    </row>
    <row r="848" spans="1:4" x14ac:dyDescent="0.25">
      <c r="A848" s="20">
        <v>43591.083333331291</v>
      </c>
      <c r="B848" s="22">
        <v>0.66642481088638306</v>
      </c>
      <c r="C848" s="21">
        <v>81509.56294497654</v>
      </c>
      <c r="D848">
        <f t="shared" si="13"/>
        <v>2</v>
      </c>
    </row>
    <row r="849" spans="1:4" x14ac:dyDescent="0.25">
      <c r="A849" s="20">
        <v>43591.124999997955</v>
      </c>
      <c r="B849" s="22">
        <v>0.729744553565979</v>
      </c>
      <c r="C849" s="21">
        <v>89254.119370985951</v>
      </c>
      <c r="D849">
        <f t="shared" si="13"/>
        <v>3</v>
      </c>
    </row>
    <row r="850" spans="1:4" x14ac:dyDescent="0.25">
      <c r="A850" s="20">
        <v>43591.16666666462</v>
      </c>
      <c r="B850" s="22">
        <v>0.79074996709823608</v>
      </c>
      <c r="C850" s="21">
        <v>96715.613170531171</v>
      </c>
      <c r="D850">
        <f t="shared" si="13"/>
        <v>4</v>
      </c>
    </row>
    <row r="851" spans="1:4" x14ac:dyDescent="0.25">
      <c r="A851" s="20">
        <v>43591.208333331284</v>
      </c>
      <c r="B851" s="22">
        <v>0.88973748683929443</v>
      </c>
      <c r="C851" s="21">
        <v>108822.64961230084</v>
      </c>
      <c r="D851">
        <f t="shared" si="13"/>
        <v>5</v>
      </c>
    </row>
    <row r="852" spans="1:4" x14ac:dyDescent="0.25">
      <c r="A852" s="20">
        <v>43591.249999997948</v>
      </c>
      <c r="B852" s="22">
        <v>1.0216687917709351</v>
      </c>
      <c r="C852" s="21">
        <v>124958.99812164801</v>
      </c>
      <c r="D852">
        <f t="shared" si="13"/>
        <v>6</v>
      </c>
    </row>
    <row r="853" spans="1:4" x14ac:dyDescent="0.25">
      <c r="A853" s="20">
        <v>43591.291666664612</v>
      </c>
      <c r="B853" s="22">
        <v>0.97054344415664673</v>
      </c>
      <c r="C853" s="21">
        <v>118705.92249874611</v>
      </c>
      <c r="D853">
        <f t="shared" si="13"/>
        <v>7</v>
      </c>
    </row>
    <row r="854" spans="1:4" x14ac:dyDescent="0.25">
      <c r="A854" s="20">
        <v>43591.333333331277</v>
      </c>
      <c r="B854" s="22">
        <v>1.0488146543502808</v>
      </c>
      <c r="C854" s="21">
        <v>128279.17371904799</v>
      </c>
      <c r="D854">
        <f t="shared" si="13"/>
        <v>8</v>
      </c>
    </row>
    <row r="855" spans="1:4" x14ac:dyDescent="0.25">
      <c r="A855" s="20">
        <v>43591.374999997941</v>
      </c>
      <c r="B855" s="22">
        <v>0.84348833560943604</v>
      </c>
      <c r="C855" s="21">
        <v>103165.9753082516</v>
      </c>
      <c r="D855">
        <f t="shared" si="13"/>
        <v>9</v>
      </c>
    </row>
    <row r="856" spans="1:4" x14ac:dyDescent="0.25">
      <c r="A856" s="20">
        <v>43591.416666664605</v>
      </c>
      <c r="B856" s="22">
        <v>0.88627469539642334</v>
      </c>
      <c r="C856" s="21">
        <v>108399.12003706995</v>
      </c>
      <c r="D856">
        <f t="shared" si="13"/>
        <v>10</v>
      </c>
    </row>
    <row r="857" spans="1:4" x14ac:dyDescent="0.25">
      <c r="A857" s="20">
        <v>43591.458333331269</v>
      </c>
      <c r="B857" s="22">
        <v>0.71498477458953857</v>
      </c>
      <c r="C857" s="21">
        <v>87448.869755603286</v>
      </c>
      <c r="D857">
        <f t="shared" si="13"/>
        <v>11</v>
      </c>
    </row>
    <row r="858" spans="1:4" x14ac:dyDescent="0.25">
      <c r="A858" s="20">
        <v>43591.499999997934</v>
      </c>
      <c r="B858" s="22">
        <v>0.78176736831665039</v>
      </c>
      <c r="C858" s="21">
        <v>95616.963047011144</v>
      </c>
      <c r="D858">
        <f t="shared" si="13"/>
        <v>12</v>
      </c>
    </row>
    <row r="859" spans="1:4" x14ac:dyDescent="0.25">
      <c r="A859" s="20">
        <v>43591.541666664598</v>
      </c>
      <c r="B859" s="22">
        <v>0.86033761501312256</v>
      </c>
      <c r="C859" s="21">
        <v>105226.78903801896</v>
      </c>
      <c r="D859">
        <f t="shared" si="13"/>
        <v>13</v>
      </c>
    </row>
    <row r="860" spans="1:4" x14ac:dyDescent="0.25">
      <c r="A860" s="20">
        <v>43591.583333331262</v>
      </c>
      <c r="B860" s="22">
        <v>1.129805326461792</v>
      </c>
      <c r="C860" s="21">
        <v>138185.03883479719</v>
      </c>
      <c r="D860">
        <f t="shared" si="13"/>
        <v>14</v>
      </c>
    </row>
    <row r="861" spans="1:4" x14ac:dyDescent="0.25">
      <c r="A861" s="20">
        <v>43591.624999997926</v>
      </c>
      <c r="B861" s="22">
        <v>1.1167136430740356</v>
      </c>
      <c r="C861" s="21">
        <v>136583.81184906908</v>
      </c>
      <c r="D861">
        <f t="shared" si="13"/>
        <v>15</v>
      </c>
    </row>
    <row r="862" spans="1:4" x14ac:dyDescent="0.25">
      <c r="A862" s="20">
        <v>43591.666666664591</v>
      </c>
      <c r="B862" s="22">
        <v>1.3386257886886597</v>
      </c>
      <c r="C862" s="21">
        <v>163725.60144896703</v>
      </c>
      <c r="D862">
        <f t="shared" si="13"/>
        <v>16</v>
      </c>
    </row>
    <row r="863" spans="1:4" x14ac:dyDescent="0.25">
      <c r="A863" s="20">
        <v>43591.708333331255</v>
      </c>
      <c r="B863" s="22">
        <v>1.3706936836242676</v>
      </c>
      <c r="C863" s="21">
        <v>167647.78450408208</v>
      </c>
      <c r="D863">
        <f t="shared" si="13"/>
        <v>17</v>
      </c>
    </row>
    <row r="864" spans="1:4" x14ac:dyDescent="0.25">
      <c r="A864" s="20">
        <v>43591.749999997919</v>
      </c>
      <c r="B864" s="22">
        <v>1.2633851766586304</v>
      </c>
      <c r="C864" s="21">
        <v>154523.01879883549</v>
      </c>
      <c r="D864">
        <f t="shared" si="13"/>
        <v>18</v>
      </c>
    </row>
    <row r="865" spans="1:4" x14ac:dyDescent="0.25">
      <c r="A865" s="20">
        <v>43591.791666664583</v>
      </c>
      <c r="B865" s="22">
        <v>1.348176121711731</v>
      </c>
      <c r="C865" s="21">
        <v>164893.69041860511</v>
      </c>
      <c r="D865">
        <f t="shared" si="13"/>
        <v>19</v>
      </c>
    </row>
    <row r="866" spans="1:4" x14ac:dyDescent="0.25">
      <c r="A866" s="20">
        <v>43591.833333331248</v>
      </c>
      <c r="B866" s="22">
        <v>1.365455150604248</v>
      </c>
      <c r="C866" s="21">
        <v>167007.06625656263</v>
      </c>
      <c r="D866">
        <f t="shared" si="13"/>
        <v>20</v>
      </c>
    </row>
    <row r="867" spans="1:4" x14ac:dyDescent="0.25">
      <c r="A867" s="20">
        <v>43591.874999997912</v>
      </c>
      <c r="B867" s="22">
        <v>1.3910273313522339</v>
      </c>
      <c r="C867" s="21">
        <v>170134.76684974119</v>
      </c>
      <c r="D867">
        <f t="shared" si="13"/>
        <v>21</v>
      </c>
    </row>
    <row r="868" spans="1:4" x14ac:dyDescent="0.25">
      <c r="A868" s="20">
        <v>43591.916666664576</v>
      </c>
      <c r="B868" s="22">
        <v>1.2634804248809814</v>
      </c>
      <c r="C868" s="21">
        <v>154534.66848661465</v>
      </c>
      <c r="D868">
        <f t="shared" si="13"/>
        <v>22</v>
      </c>
    </row>
    <row r="869" spans="1:4" x14ac:dyDescent="0.25">
      <c r="A869" s="20">
        <v>43591.95833333124</v>
      </c>
      <c r="B869" s="22">
        <v>0.83386391401290894</v>
      </c>
      <c r="C869" s="21">
        <v>101988.82466032221</v>
      </c>
      <c r="D869">
        <f t="shared" si="13"/>
        <v>23</v>
      </c>
    </row>
    <row r="870" spans="1:4" x14ac:dyDescent="0.25">
      <c r="A870" s="20">
        <v>43591.999999997905</v>
      </c>
      <c r="B870" s="22">
        <v>0.74662315845489502</v>
      </c>
      <c r="C870" s="21">
        <v>91318.519863198482</v>
      </c>
      <c r="D870">
        <f t="shared" si="13"/>
        <v>0</v>
      </c>
    </row>
    <row r="871" spans="1:4" x14ac:dyDescent="0.25">
      <c r="A871" s="20">
        <v>43592.041666664569</v>
      </c>
      <c r="B871" s="22">
        <v>0.68086940050125122</v>
      </c>
      <c r="C871" s="21">
        <v>83276.262154241398</v>
      </c>
      <c r="D871">
        <f t="shared" si="13"/>
        <v>1</v>
      </c>
    </row>
    <row r="872" spans="1:4" x14ac:dyDescent="0.25">
      <c r="A872" s="20">
        <v>43592.083333331233</v>
      </c>
      <c r="B872" s="22">
        <v>0.67679297924041748</v>
      </c>
      <c r="C872" s="21">
        <v>82777.680303862449</v>
      </c>
      <c r="D872">
        <f t="shared" si="13"/>
        <v>2</v>
      </c>
    </row>
    <row r="873" spans="1:4" x14ac:dyDescent="0.25">
      <c r="A873" s="20">
        <v>43592.124999997897</v>
      </c>
      <c r="B873" s="22">
        <v>0.66119498014450073</v>
      </c>
      <c r="C873" s="21">
        <v>80869.909061922503</v>
      </c>
      <c r="D873">
        <f t="shared" si="13"/>
        <v>3</v>
      </c>
    </row>
    <row r="874" spans="1:4" x14ac:dyDescent="0.25">
      <c r="A874" s="20">
        <v>43592.166666664561</v>
      </c>
      <c r="B874" s="22">
        <v>0.69449359178543091</v>
      </c>
      <c r="C874" s="21">
        <v>84942.61949705283</v>
      </c>
      <c r="D874">
        <f t="shared" si="13"/>
        <v>4</v>
      </c>
    </row>
    <row r="875" spans="1:4" x14ac:dyDescent="0.25">
      <c r="A875" s="20">
        <v>43592.208333331226</v>
      </c>
      <c r="B875" s="22">
        <v>0.86371827125549316</v>
      </c>
      <c r="C875" s="21">
        <v>105640.27276233638</v>
      </c>
      <c r="D875">
        <f t="shared" si="13"/>
        <v>5</v>
      </c>
    </row>
    <row r="876" spans="1:4" x14ac:dyDescent="0.25">
      <c r="A876" s="20">
        <v>43592.24999999789</v>
      </c>
      <c r="B876" s="22">
        <v>1.2374774217605591</v>
      </c>
      <c r="C876" s="21">
        <v>151354.27456222964</v>
      </c>
      <c r="D876">
        <f t="shared" si="13"/>
        <v>6</v>
      </c>
    </row>
    <row r="877" spans="1:4" x14ac:dyDescent="0.25">
      <c r="A877" s="20">
        <v>43592.291666664554</v>
      </c>
      <c r="B877" s="22">
        <v>1.271886944770813</v>
      </c>
      <c r="C877" s="21">
        <v>155562.8591405566</v>
      </c>
      <c r="D877">
        <f t="shared" si="13"/>
        <v>7</v>
      </c>
    </row>
    <row r="878" spans="1:4" x14ac:dyDescent="0.25">
      <c r="A878" s="20">
        <v>43592.333333331218</v>
      </c>
      <c r="B878" s="22">
        <v>1.1492722034454346</v>
      </c>
      <c r="C878" s="21">
        <v>140566.00756363227</v>
      </c>
      <c r="D878">
        <f t="shared" si="13"/>
        <v>8</v>
      </c>
    </row>
    <row r="879" spans="1:4" x14ac:dyDescent="0.25">
      <c r="A879" s="20">
        <v>43592.374999997883</v>
      </c>
      <c r="B879" s="22">
        <v>0.90680384635925293</v>
      </c>
      <c r="C879" s="21">
        <v>110910.01413236342</v>
      </c>
      <c r="D879">
        <f t="shared" si="13"/>
        <v>9</v>
      </c>
    </row>
    <row r="880" spans="1:4" x14ac:dyDescent="0.25">
      <c r="A880" s="20">
        <v>43592.416666664547</v>
      </c>
      <c r="B880" s="22">
        <v>0.9229695200920105</v>
      </c>
      <c r="C880" s="21">
        <v>112887.21693025385</v>
      </c>
      <c r="D880">
        <f t="shared" si="13"/>
        <v>10</v>
      </c>
    </row>
    <row r="881" spans="1:4" x14ac:dyDescent="0.25">
      <c r="A881" s="20">
        <v>43592.458333331211</v>
      </c>
      <c r="B881" s="22">
        <v>0.89863008260726929</v>
      </c>
      <c r="C881" s="21">
        <v>109910.29158278796</v>
      </c>
      <c r="D881">
        <f t="shared" si="13"/>
        <v>11</v>
      </c>
    </row>
    <row r="882" spans="1:4" x14ac:dyDescent="0.25">
      <c r="A882" s="20">
        <v>43592.499999997875</v>
      </c>
      <c r="B882" s="22">
        <v>0.95895963907241821</v>
      </c>
      <c r="C882" s="21">
        <v>117289.1221722405</v>
      </c>
      <c r="D882">
        <f t="shared" si="13"/>
        <v>12</v>
      </c>
    </row>
    <row r="883" spans="1:4" x14ac:dyDescent="0.25">
      <c r="A883" s="20">
        <v>43592.54166666454</v>
      </c>
      <c r="B883" s="22">
        <v>1.0926152467727661</v>
      </c>
      <c r="C883" s="21">
        <v>133636.3679392621</v>
      </c>
      <c r="D883">
        <f t="shared" si="13"/>
        <v>13</v>
      </c>
    </row>
    <row r="884" spans="1:4" x14ac:dyDescent="0.25">
      <c r="A884" s="20">
        <v>43592.583333331204</v>
      </c>
      <c r="B884" s="22">
        <v>1.2396862506866455</v>
      </c>
      <c r="C884" s="21">
        <v>151624.43359209236</v>
      </c>
      <c r="D884">
        <f t="shared" si="13"/>
        <v>14</v>
      </c>
    </row>
    <row r="885" spans="1:4" x14ac:dyDescent="0.25">
      <c r="A885" s="20">
        <v>43592.624999997868</v>
      </c>
      <c r="B885" s="22">
        <v>1.5283445119857788</v>
      </c>
      <c r="C885" s="21">
        <v>186929.85490084445</v>
      </c>
      <c r="D885">
        <f t="shared" si="13"/>
        <v>15</v>
      </c>
    </row>
    <row r="886" spans="1:4" x14ac:dyDescent="0.25">
      <c r="A886" s="20">
        <v>43592.666666664532</v>
      </c>
      <c r="B886" s="22">
        <v>1.6537778377532959</v>
      </c>
      <c r="C886" s="21">
        <v>202271.44392188746</v>
      </c>
      <c r="D886">
        <f t="shared" si="13"/>
        <v>16</v>
      </c>
    </row>
    <row r="887" spans="1:4" x14ac:dyDescent="0.25">
      <c r="A887" s="20">
        <v>43592.708333331197</v>
      </c>
      <c r="B887" s="22">
        <v>1.6976234912872314</v>
      </c>
      <c r="C887" s="21">
        <v>207634.1495087856</v>
      </c>
      <c r="D887">
        <f t="shared" si="13"/>
        <v>17</v>
      </c>
    </row>
    <row r="888" spans="1:4" x14ac:dyDescent="0.25">
      <c r="A888" s="20">
        <v>43592.749999997861</v>
      </c>
      <c r="B888" s="22">
        <v>1.5943299531936646</v>
      </c>
      <c r="C888" s="21">
        <v>195000.44949115178</v>
      </c>
      <c r="D888">
        <f t="shared" si="13"/>
        <v>18</v>
      </c>
    </row>
    <row r="889" spans="1:4" x14ac:dyDescent="0.25">
      <c r="A889" s="20">
        <v>43592.791666664525</v>
      </c>
      <c r="B889" s="22">
        <v>1.5962051153182983</v>
      </c>
      <c r="C889" s="21">
        <v>195229.79816294953</v>
      </c>
      <c r="D889">
        <f t="shared" si="13"/>
        <v>19</v>
      </c>
    </row>
    <row r="890" spans="1:4" x14ac:dyDescent="0.25">
      <c r="A890" s="20">
        <v>43592.833333331189</v>
      </c>
      <c r="B890" s="22">
        <v>1.6470237970352173</v>
      </c>
      <c r="C890" s="21">
        <v>201445.36587369631</v>
      </c>
      <c r="D890">
        <f t="shared" si="13"/>
        <v>20</v>
      </c>
    </row>
    <row r="891" spans="1:4" x14ac:dyDescent="0.25">
      <c r="A891" s="20">
        <v>43592.874999997854</v>
      </c>
      <c r="B891" s="22">
        <v>1.4810881614685059</v>
      </c>
      <c r="C891" s="21">
        <v>181149.99134517289</v>
      </c>
      <c r="D891">
        <f t="shared" si="13"/>
        <v>21</v>
      </c>
    </row>
    <row r="892" spans="1:4" x14ac:dyDescent="0.25">
      <c r="A892" s="20">
        <v>43592.916666664518</v>
      </c>
      <c r="B892" s="22">
        <v>1.2706100940704346</v>
      </c>
      <c r="C892" s="21">
        <v>155406.68917084104</v>
      </c>
      <c r="D892">
        <f t="shared" si="13"/>
        <v>22</v>
      </c>
    </row>
    <row r="893" spans="1:4" x14ac:dyDescent="0.25">
      <c r="A893" s="20">
        <v>43592.958333331182</v>
      </c>
      <c r="B893" s="22">
        <v>0.94491750001907349</v>
      </c>
      <c r="C893" s="21">
        <v>115571.64617441807</v>
      </c>
      <c r="D893">
        <f t="shared" si="13"/>
        <v>23</v>
      </c>
    </row>
    <row r="894" spans="1:4" x14ac:dyDescent="0.25">
      <c r="A894" s="20">
        <v>43592.999999997846</v>
      </c>
      <c r="B894" s="22">
        <v>0.83947473764419556</v>
      </c>
      <c r="C894" s="21">
        <v>102675.07729449296</v>
      </c>
      <c r="D894">
        <f t="shared" si="13"/>
        <v>0</v>
      </c>
    </row>
    <row r="895" spans="1:4" x14ac:dyDescent="0.25">
      <c r="A895" s="20">
        <v>43593.041666664511</v>
      </c>
      <c r="B895" s="22">
        <v>0.63721197843551636</v>
      </c>
      <c r="C895" s="21">
        <v>77936.578916533865</v>
      </c>
      <c r="D895">
        <f t="shared" si="13"/>
        <v>1</v>
      </c>
    </row>
    <row r="896" spans="1:4" x14ac:dyDescent="0.25">
      <c r="A896" s="20">
        <v>43593.083333331175</v>
      </c>
      <c r="B896" s="22">
        <v>0.58322799205780029</v>
      </c>
      <c r="C896" s="21">
        <v>71333.866856905312</v>
      </c>
      <c r="D896">
        <f t="shared" si="13"/>
        <v>2</v>
      </c>
    </row>
    <row r="897" spans="1:4" x14ac:dyDescent="0.25">
      <c r="A897" s="20">
        <v>43593.124999997839</v>
      </c>
      <c r="B897" s="22">
        <v>0.57451701164245605</v>
      </c>
      <c r="C897" s="21">
        <v>70268.438027008393</v>
      </c>
      <c r="D897">
        <f t="shared" si="13"/>
        <v>3</v>
      </c>
    </row>
    <row r="898" spans="1:4" x14ac:dyDescent="0.25">
      <c r="A898" s="20">
        <v>43593.166666664503</v>
      </c>
      <c r="B898" s="22">
        <v>0.59377622604370117</v>
      </c>
      <c r="C898" s="21">
        <v>72624.007812024574</v>
      </c>
      <c r="D898">
        <f t="shared" si="13"/>
        <v>4</v>
      </c>
    </row>
    <row r="899" spans="1:4" x14ac:dyDescent="0.25">
      <c r="A899" s="20">
        <v>43593.208333331168</v>
      </c>
      <c r="B899" s="22">
        <v>0.7174835205078125</v>
      </c>
      <c r="C899" s="21">
        <v>87754.488160533554</v>
      </c>
      <c r="D899">
        <f t="shared" si="13"/>
        <v>5</v>
      </c>
    </row>
    <row r="900" spans="1:4" x14ac:dyDescent="0.25">
      <c r="A900" s="20">
        <v>43593.249999997832</v>
      </c>
      <c r="B900" s="22">
        <v>1.0050477981567383</v>
      </c>
      <c r="C900" s="21">
        <v>122926.10573367929</v>
      </c>
      <c r="D900">
        <f t="shared" si="13"/>
        <v>6</v>
      </c>
    </row>
    <row r="901" spans="1:4" x14ac:dyDescent="0.25">
      <c r="A901" s="20">
        <v>43593.291666664496</v>
      </c>
      <c r="B901" s="22">
        <v>0.89699023962020874</v>
      </c>
      <c r="C901" s="21">
        <v>109709.72449256227</v>
      </c>
      <c r="D901">
        <f t="shared" si="13"/>
        <v>7</v>
      </c>
    </row>
    <row r="902" spans="1:4" x14ac:dyDescent="0.25">
      <c r="A902" s="20">
        <v>43593.33333333116</v>
      </c>
      <c r="B902" s="22">
        <v>0.89052623510360718</v>
      </c>
      <c r="C902" s="21">
        <v>108919.1203997738</v>
      </c>
      <c r="D902">
        <f t="shared" si="13"/>
        <v>8</v>
      </c>
    </row>
    <row r="903" spans="1:4" x14ac:dyDescent="0.25">
      <c r="A903" s="20">
        <v>43593.374999997824</v>
      </c>
      <c r="B903" s="22">
        <v>0.9234582781791687</v>
      </c>
      <c r="C903" s="21">
        <v>112946.99630433973</v>
      </c>
      <c r="D903">
        <f t="shared" ref="D903:D966" si="14">HOUR(A903)</f>
        <v>9</v>
      </c>
    </row>
    <row r="904" spans="1:4" x14ac:dyDescent="0.25">
      <c r="A904" s="20">
        <v>43593.416666664489</v>
      </c>
      <c r="B904" s="22">
        <v>0.92612618207931519</v>
      </c>
      <c r="C904" s="21">
        <v>113273.30420483777</v>
      </c>
      <c r="D904">
        <f t="shared" si="14"/>
        <v>10</v>
      </c>
    </row>
    <row r="905" spans="1:4" x14ac:dyDescent="0.25">
      <c r="A905" s="20">
        <v>43593.458333331153</v>
      </c>
      <c r="B905" s="22">
        <v>0.99363249540328979</v>
      </c>
      <c r="C905" s="21">
        <v>121529.91471089814</v>
      </c>
      <c r="D905">
        <f t="shared" si="14"/>
        <v>11</v>
      </c>
    </row>
    <row r="906" spans="1:4" x14ac:dyDescent="0.25">
      <c r="A906" s="20">
        <v>43593.499999997817</v>
      </c>
      <c r="B906" s="22">
        <v>1.2156107425689697</v>
      </c>
      <c r="C906" s="21">
        <v>148679.78910663284</v>
      </c>
      <c r="D906">
        <f t="shared" si="14"/>
        <v>12</v>
      </c>
    </row>
    <row r="907" spans="1:4" x14ac:dyDescent="0.25">
      <c r="A907" s="20">
        <v>43593.541666664481</v>
      </c>
      <c r="B907" s="22">
        <v>1.410844087600708</v>
      </c>
      <c r="C907" s="21">
        <v>172558.52886222073</v>
      </c>
      <c r="D907">
        <f t="shared" si="14"/>
        <v>13</v>
      </c>
    </row>
    <row r="908" spans="1:4" x14ac:dyDescent="0.25">
      <c r="A908" s="20">
        <v>43593.583333331146</v>
      </c>
      <c r="B908" s="22">
        <v>1.5544537305831909</v>
      </c>
      <c r="C908" s="21">
        <v>190123.23990384181</v>
      </c>
      <c r="D908">
        <f t="shared" si="14"/>
        <v>14</v>
      </c>
    </row>
    <row r="909" spans="1:4" x14ac:dyDescent="0.25">
      <c r="A909" s="20">
        <v>43593.62499999781</v>
      </c>
      <c r="B909" s="22">
        <v>1.7791856527328491</v>
      </c>
      <c r="C909" s="21">
        <v>217609.91275120986</v>
      </c>
      <c r="D909">
        <f t="shared" si="14"/>
        <v>15</v>
      </c>
    </row>
    <row r="910" spans="1:4" x14ac:dyDescent="0.25">
      <c r="A910" s="20">
        <v>43593.666666664474</v>
      </c>
      <c r="B910" s="22">
        <v>1.9863936901092529</v>
      </c>
      <c r="C910" s="21">
        <v>242953.2617522369</v>
      </c>
      <c r="D910">
        <f t="shared" si="14"/>
        <v>16</v>
      </c>
    </row>
    <row r="911" spans="1:4" x14ac:dyDescent="0.25">
      <c r="A911" s="20">
        <v>43593.708333331138</v>
      </c>
      <c r="B911" s="22">
        <v>2.0242033004760742</v>
      </c>
      <c r="C911" s="21">
        <v>247577.70664950958</v>
      </c>
      <c r="D911">
        <f t="shared" si="14"/>
        <v>17</v>
      </c>
    </row>
    <row r="912" spans="1:4" x14ac:dyDescent="0.25">
      <c r="A912" s="20">
        <v>43593.749999997803</v>
      </c>
      <c r="B912" s="22">
        <v>2.1002285480499268</v>
      </c>
      <c r="C912" s="21">
        <v>256876.25706555168</v>
      </c>
      <c r="D912">
        <f t="shared" si="14"/>
        <v>18</v>
      </c>
    </row>
    <row r="913" spans="1:4" x14ac:dyDescent="0.25">
      <c r="A913" s="20">
        <v>43593.791666664467</v>
      </c>
      <c r="B913" s="22">
        <v>1.9069557189941406</v>
      </c>
      <c r="C913" s="21">
        <v>233237.30550172392</v>
      </c>
      <c r="D913">
        <f t="shared" si="14"/>
        <v>19</v>
      </c>
    </row>
    <row r="914" spans="1:4" x14ac:dyDescent="0.25">
      <c r="A914" s="20">
        <v>43593.833333331131</v>
      </c>
      <c r="B914" s="22">
        <v>2.0540847778320313</v>
      </c>
      <c r="C914" s="21">
        <v>251232.47177776872</v>
      </c>
      <c r="D914">
        <f t="shared" si="14"/>
        <v>20</v>
      </c>
    </row>
    <row r="915" spans="1:4" x14ac:dyDescent="0.25">
      <c r="A915" s="20">
        <v>43593.874999997795</v>
      </c>
      <c r="B915" s="22">
        <v>2.0658385753631592</v>
      </c>
      <c r="C915" s="21">
        <v>252670.06366218816</v>
      </c>
      <c r="D915">
        <f t="shared" si="14"/>
        <v>21</v>
      </c>
    </row>
    <row r="916" spans="1:4" x14ac:dyDescent="0.25">
      <c r="A916" s="20">
        <v>43593.91666666446</v>
      </c>
      <c r="B916" s="22">
        <v>1.7256299257278442</v>
      </c>
      <c r="C916" s="21">
        <v>211059.58054558217</v>
      </c>
      <c r="D916">
        <f t="shared" si="14"/>
        <v>22</v>
      </c>
    </row>
    <row r="917" spans="1:4" x14ac:dyDescent="0.25">
      <c r="A917" s="20">
        <v>43593.958333331124</v>
      </c>
      <c r="B917" s="22">
        <v>1.142342209815979</v>
      </c>
      <c r="C917" s="21">
        <v>139718.40894077026</v>
      </c>
      <c r="D917">
        <f t="shared" si="14"/>
        <v>23</v>
      </c>
    </row>
    <row r="918" spans="1:4" x14ac:dyDescent="0.25">
      <c r="A918" s="20">
        <v>43593.999999997788</v>
      </c>
      <c r="B918" s="22">
        <v>0.86300092935562134</v>
      </c>
      <c r="C918" s="21">
        <v>105552.535595614</v>
      </c>
      <c r="D918">
        <f t="shared" si="14"/>
        <v>0</v>
      </c>
    </row>
    <row r="919" spans="1:4" x14ac:dyDescent="0.25">
      <c r="A919" s="20">
        <v>43594.041666664452</v>
      </c>
      <c r="B919" s="22">
        <v>0.7608414888381958</v>
      </c>
      <c r="C919" s="21">
        <v>93057.545596362121</v>
      </c>
      <c r="D919">
        <f t="shared" si="14"/>
        <v>1</v>
      </c>
    </row>
    <row r="920" spans="1:4" x14ac:dyDescent="0.25">
      <c r="A920" s="20">
        <v>43594.083333331117</v>
      </c>
      <c r="B920" s="22">
        <v>0.65354067087173462</v>
      </c>
      <c r="C920" s="21">
        <v>79933.720322732217</v>
      </c>
      <c r="D920">
        <f t="shared" si="14"/>
        <v>2</v>
      </c>
    </row>
    <row r="921" spans="1:4" x14ac:dyDescent="0.25">
      <c r="A921" s="20">
        <v>43594.124999997781</v>
      </c>
      <c r="B921" s="22">
        <v>0.65133142471313477</v>
      </c>
      <c r="C921" s="21">
        <v>79663.510261696472</v>
      </c>
      <c r="D921">
        <f t="shared" si="14"/>
        <v>3</v>
      </c>
    </row>
    <row r="922" spans="1:4" x14ac:dyDescent="0.25">
      <c r="A922" s="20">
        <v>43594.166666664445</v>
      </c>
      <c r="B922" s="22">
        <v>0.63383525609970093</v>
      </c>
      <c r="C922" s="21">
        <v>77523.57634327616</v>
      </c>
      <c r="D922">
        <f t="shared" si="14"/>
        <v>4</v>
      </c>
    </row>
    <row r="923" spans="1:4" x14ac:dyDescent="0.25">
      <c r="A923" s="20">
        <v>43594.208333331109</v>
      </c>
      <c r="B923" s="22">
        <v>0.65273863077163696</v>
      </c>
      <c r="C923" s="21">
        <v>79835.623827890799</v>
      </c>
      <c r="D923">
        <f t="shared" si="14"/>
        <v>5</v>
      </c>
    </row>
    <row r="924" spans="1:4" x14ac:dyDescent="0.25">
      <c r="A924" s="20">
        <v>43594.249999997774</v>
      </c>
      <c r="B924" s="22">
        <v>0.89258325099945068</v>
      </c>
      <c r="C924" s="21">
        <v>109170.71137283207</v>
      </c>
      <c r="D924">
        <f t="shared" si="14"/>
        <v>6</v>
      </c>
    </row>
    <row r="925" spans="1:4" x14ac:dyDescent="0.25">
      <c r="A925" s="20">
        <v>43594.291666664438</v>
      </c>
      <c r="B925" s="22">
        <v>0.92609298229217529</v>
      </c>
      <c r="C925" s="21">
        <v>113269.24358150047</v>
      </c>
      <c r="D925">
        <f t="shared" si="14"/>
        <v>7</v>
      </c>
    </row>
    <row r="926" spans="1:4" x14ac:dyDescent="0.25">
      <c r="A926" s="20">
        <v>43594.333333331102</v>
      </c>
      <c r="B926" s="22">
        <v>0.88621652126312256</v>
      </c>
      <c r="C926" s="21">
        <v>108392.00483352022</v>
      </c>
      <c r="D926">
        <f t="shared" si="14"/>
        <v>8</v>
      </c>
    </row>
    <row r="927" spans="1:4" x14ac:dyDescent="0.25">
      <c r="A927" s="20">
        <v>43594.374999997766</v>
      </c>
      <c r="B927" s="22">
        <v>0.87956875562667847</v>
      </c>
      <c r="C927" s="21">
        <v>107578.92515410899</v>
      </c>
      <c r="D927">
        <f t="shared" si="14"/>
        <v>9</v>
      </c>
    </row>
    <row r="928" spans="1:4" x14ac:dyDescent="0.25">
      <c r="A928" s="20">
        <v>43594.416666664431</v>
      </c>
      <c r="B928" s="22">
        <v>0.98602914810180664</v>
      </c>
      <c r="C928" s="21">
        <v>120599.95906498146</v>
      </c>
      <c r="D928">
        <f t="shared" si="14"/>
        <v>10</v>
      </c>
    </row>
    <row r="929" spans="1:4" x14ac:dyDescent="0.25">
      <c r="A929" s="20">
        <v>43594.458333331095</v>
      </c>
      <c r="B929" s="22">
        <v>1.2505722045898438</v>
      </c>
      <c r="C929" s="21">
        <v>152955.88063667147</v>
      </c>
      <c r="D929">
        <f t="shared" si="14"/>
        <v>11</v>
      </c>
    </row>
    <row r="930" spans="1:4" x14ac:dyDescent="0.25">
      <c r="A930" s="20">
        <v>43594.499999997759</v>
      </c>
      <c r="B930" s="22">
        <v>1.322262167930603</v>
      </c>
      <c r="C930" s="21">
        <v>161724.18800457183</v>
      </c>
      <c r="D930">
        <f t="shared" si="14"/>
        <v>12</v>
      </c>
    </row>
    <row r="931" spans="1:4" x14ac:dyDescent="0.25">
      <c r="A931" s="20">
        <v>43594.541666664423</v>
      </c>
      <c r="B931" s="22">
        <v>1.4369250535964966</v>
      </c>
      <c r="C931" s="21">
        <v>175748.45832578919</v>
      </c>
      <c r="D931">
        <f t="shared" si="14"/>
        <v>13</v>
      </c>
    </row>
    <row r="932" spans="1:4" x14ac:dyDescent="0.25">
      <c r="A932" s="20">
        <v>43594.583333331087</v>
      </c>
      <c r="B932" s="22">
        <v>1.3315830230712891</v>
      </c>
      <c r="C932" s="21">
        <v>162864.20982905981</v>
      </c>
      <c r="D932">
        <f t="shared" si="14"/>
        <v>14</v>
      </c>
    </row>
    <row r="933" spans="1:4" x14ac:dyDescent="0.25">
      <c r="A933" s="20">
        <v>43594.624999997752</v>
      </c>
      <c r="B933" s="22">
        <v>1.3981461524963379</v>
      </c>
      <c r="C933" s="21">
        <v>171005.46072346962</v>
      </c>
      <c r="D933">
        <f t="shared" si="14"/>
        <v>15</v>
      </c>
    </row>
    <row r="934" spans="1:4" x14ac:dyDescent="0.25">
      <c r="A934" s="20">
        <v>43594.666666664416</v>
      </c>
      <c r="B934" s="22">
        <v>1.5698132514953613</v>
      </c>
      <c r="C934" s="21">
        <v>192001.84318532841</v>
      </c>
      <c r="D934">
        <f t="shared" si="14"/>
        <v>16</v>
      </c>
    </row>
    <row r="935" spans="1:4" x14ac:dyDescent="0.25">
      <c r="A935" s="20">
        <v>43594.70833333108</v>
      </c>
      <c r="B935" s="22">
        <v>1.7334998846054077</v>
      </c>
      <c r="C935" s="21">
        <v>212022.14511104595</v>
      </c>
      <c r="D935">
        <f t="shared" si="14"/>
        <v>17</v>
      </c>
    </row>
    <row r="936" spans="1:4" x14ac:dyDescent="0.25">
      <c r="A936" s="20">
        <v>43594.749999997744</v>
      </c>
      <c r="B936" s="22">
        <v>1.7818162441253662</v>
      </c>
      <c r="C936" s="21">
        <v>217931.65700680818</v>
      </c>
      <c r="D936">
        <f t="shared" si="14"/>
        <v>18</v>
      </c>
    </row>
    <row r="937" spans="1:4" x14ac:dyDescent="0.25">
      <c r="A937" s="20">
        <v>43594.791666664409</v>
      </c>
      <c r="B937" s="22">
        <v>1.7044826745986938</v>
      </c>
      <c r="C937" s="21">
        <v>208473.08741257279</v>
      </c>
      <c r="D937">
        <f t="shared" si="14"/>
        <v>19</v>
      </c>
    </row>
    <row r="938" spans="1:4" x14ac:dyDescent="0.25">
      <c r="A938" s="20">
        <v>43594.833333331073</v>
      </c>
      <c r="B938" s="22">
        <v>1.8517718315124512</v>
      </c>
      <c r="C938" s="21">
        <v>226487.8350787145</v>
      </c>
      <c r="D938">
        <f t="shared" si="14"/>
        <v>20</v>
      </c>
    </row>
    <row r="939" spans="1:4" x14ac:dyDescent="0.25">
      <c r="A939" s="20">
        <v>43594.874999997737</v>
      </c>
      <c r="B939" s="22">
        <v>1.721794605255127</v>
      </c>
      <c r="C939" s="21">
        <v>210590.48742302973</v>
      </c>
      <c r="D939">
        <f t="shared" si="14"/>
        <v>21</v>
      </c>
    </row>
    <row r="940" spans="1:4" x14ac:dyDescent="0.25">
      <c r="A940" s="20">
        <v>43594.916666664401</v>
      </c>
      <c r="B940" s="22">
        <v>1.2912200689315796</v>
      </c>
      <c r="C940" s="21">
        <v>157927.4687333614</v>
      </c>
      <c r="D940">
        <f t="shared" si="14"/>
        <v>22</v>
      </c>
    </row>
    <row r="941" spans="1:4" x14ac:dyDescent="0.25">
      <c r="A941" s="20">
        <v>43594.958333331066</v>
      </c>
      <c r="B941" s="22">
        <v>1.0274940729141235</v>
      </c>
      <c r="C941" s="21">
        <v>125671.48077874081</v>
      </c>
      <c r="D941">
        <f t="shared" si="14"/>
        <v>23</v>
      </c>
    </row>
    <row r="942" spans="1:4" x14ac:dyDescent="0.25">
      <c r="A942" s="20">
        <v>43594.99999999773</v>
      </c>
      <c r="B942" s="22">
        <v>0.8410179615020752</v>
      </c>
      <c r="C942" s="21">
        <v>102863.82702308532</v>
      </c>
      <c r="D942">
        <f t="shared" si="14"/>
        <v>0</v>
      </c>
    </row>
    <row r="943" spans="1:4" x14ac:dyDescent="0.25">
      <c r="A943" s="20">
        <v>43595.041666664394</v>
      </c>
      <c r="B943" s="22">
        <v>0.6788598895072937</v>
      </c>
      <c r="C943" s="21">
        <v>83030.481444737568</v>
      </c>
      <c r="D943">
        <f t="shared" si="14"/>
        <v>1</v>
      </c>
    </row>
    <row r="944" spans="1:4" x14ac:dyDescent="0.25">
      <c r="A944" s="20">
        <v>43595.083333331058</v>
      </c>
      <c r="B944" s="22">
        <v>0.65428709983825684</v>
      </c>
      <c r="C944" s="21">
        <v>80025.015091229463</v>
      </c>
      <c r="D944">
        <f t="shared" si="14"/>
        <v>2</v>
      </c>
    </row>
    <row r="945" spans="1:4" x14ac:dyDescent="0.25">
      <c r="A945" s="20">
        <v>43595.124999997723</v>
      </c>
      <c r="B945" s="22">
        <v>0.67187345027923584</v>
      </c>
      <c r="C945" s="21">
        <v>82175.979033185373</v>
      </c>
      <c r="D945">
        <f t="shared" si="14"/>
        <v>3</v>
      </c>
    </row>
    <row r="946" spans="1:4" x14ac:dyDescent="0.25">
      <c r="A946" s="20">
        <v>43595.166666664387</v>
      </c>
      <c r="B946" s="22">
        <v>0.65456843376159668</v>
      </c>
      <c r="C946" s="21">
        <v>80059.424682166704</v>
      </c>
      <c r="D946">
        <f t="shared" si="14"/>
        <v>4</v>
      </c>
    </row>
    <row r="947" spans="1:4" x14ac:dyDescent="0.25">
      <c r="A947" s="20">
        <v>43595.208333331051</v>
      </c>
      <c r="B947" s="22">
        <v>0.74416136741638184</v>
      </c>
      <c r="C947" s="21">
        <v>91017.421362162509</v>
      </c>
      <c r="D947">
        <f t="shared" si="14"/>
        <v>5</v>
      </c>
    </row>
    <row r="948" spans="1:4" x14ac:dyDescent="0.25">
      <c r="A948" s="20">
        <v>43595.249999997715</v>
      </c>
      <c r="B948" s="22">
        <v>0.96980547904968262</v>
      </c>
      <c r="C948" s="21">
        <v>118615.66293404401</v>
      </c>
      <c r="D948">
        <f t="shared" si="14"/>
        <v>6</v>
      </c>
    </row>
    <row r="949" spans="1:4" x14ac:dyDescent="0.25">
      <c r="A949" s="20">
        <v>43595.29166666438</v>
      </c>
      <c r="B949" s="22">
        <v>0.92516851425170898</v>
      </c>
      <c r="C949" s="21">
        <v>113156.17308246731</v>
      </c>
      <c r="D949">
        <f t="shared" si="14"/>
        <v>7</v>
      </c>
    </row>
    <row r="950" spans="1:4" x14ac:dyDescent="0.25">
      <c r="A950" s="20">
        <v>43595.333333331044</v>
      </c>
      <c r="B950" s="22">
        <v>0.90264654159545898</v>
      </c>
      <c r="C950" s="21">
        <v>110401.53952459003</v>
      </c>
      <c r="D950">
        <f t="shared" si="14"/>
        <v>8</v>
      </c>
    </row>
    <row r="951" spans="1:4" x14ac:dyDescent="0.25">
      <c r="A951" s="20">
        <v>43595.374999997708</v>
      </c>
      <c r="B951" s="22">
        <v>1.0285992622375488</v>
      </c>
      <c r="C951" s="21">
        <v>125806.65506585063</v>
      </c>
      <c r="D951">
        <f t="shared" si="14"/>
        <v>9</v>
      </c>
    </row>
    <row r="952" spans="1:4" x14ac:dyDescent="0.25">
      <c r="A952" s="20">
        <v>43595.416666664372</v>
      </c>
      <c r="B952" s="22">
        <v>0.99666136503219604</v>
      </c>
      <c r="C952" s="21">
        <v>121900.37186620889</v>
      </c>
      <c r="D952">
        <f t="shared" si="14"/>
        <v>10</v>
      </c>
    </row>
    <row r="953" spans="1:4" x14ac:dyDescent="0.25">
      <c r="A953" s="20">
        <v>43595.458333331037</v>
      </c>
      <c r="B953" s="22">
        <v>1.1185544729232788</v>
      </c>
      <c r="C953" s="21">
        <v>136808.96138434569</v>
      </c>
      <c r="D953">
        <f t="shared" si="14"/>
        <v>11</v>
      </c>
    </row>
    <row r="954" spans="1:4" x14ac:dyDescent="0.25">
      <c r="A954" s="20">
        <v>43595.499999997701</v>
      </c>
      <c r="B954" s="22">
        <v>1.3260756731033325</v>
      </c>
      <c r="C954" s="21">
        <v>162190.6129257931</v>
      </c>
      <c r="D954">
        <f t="shared" si="14"/>
        <v>12</v>
      </c>
    </row>
    <row r="955" spans="1:4" x14ac:dyDescent="0.25">
      <c r="A955" s="20">
        <v>43595.541666664365</v>
      </c>
      <c r="B955" s="22">
        <v>1.4025278091430664</v>
      </c>
      <c r="C955" s="21">
        <v>171541.37552198191</v>
      </c>
      <c r="D955">
        <f t="shared" si="14"/>
        <v>13</v>
      </c>
    </row>
    <row r="956" spans="1:4" x14ac:dyDescent="0.25">
      <c r="A956" s="20">
        <v>43595.583333331029</v>
      </c>
      <c r="B956" s="22">
        <v>1.6486665010452271</v>
      </c>
      <c r="C956" s="21">
        <v>201646.28289196544</v>
      </c>
      <c r="D956">
        <f t="shared" si="14"/>
        <v>14</v>
      </c>
    </row>
    <row r="957" spans="1:4" x14ac:dyDescent="0.25">
      <c r="A957" s="20">
        <v>43595.624999997694</v>
      </c>
      <c r="B957" s="22">
        <v>1.6354016065597534</v>
      </c>
      <c r="C957" s="21">
        <v>200023.8706792747</v>
      </c>
      <c r="D957">
        <f t="shared" si="14"/>
        <v>15</v>
      </c>
    </row>
    <row r="958" spans="1:4" x14ac:dyDescent="0.25">
      <c r="A958" s="20">
        <v>43595.666666664358</v>
      </c>
      <c r="B958" s="22">
        <v>1.8526697158813477</v>
      </c>
      <c r="C958" s="21">
        <v>226597.65416301083</v>
      </c>
      <c r="D958">
        <f t="shared" si="14"/>
        <v>16</v>
      </c>
    </row>
    <row r="959" spans="1:4" x14ac:dyDescent="0.25">
      <c r="A959" s="20">
        <v>43595.708333331022</v>
      </c>
      <c r="B959" s="22">
        <v>2.0701119899749756</v>
      </c>
      <c r="C959" s="21">
        <v>253192.73951639072</v>
      </c>
      <c r="D959">
        <f t="shared" si="14"/>
        <v>17</v>
      </c>
    </row>
    <row r="960" spans="1:4" x14ac:dyDescent="0.25">
      <c r="A960" s="20">
        <v>43595.749999997686</v>
      </c>
      <c r="B960" s="22">
        <v>1.7625235319137573</v>
      </c>
      <c r="C960" s="21">
        <v>215571.99014761683</v>
      </c>
      <c r="D960">
        <f t="shared" si="14"/>
        <v>18</v>
      </c>
    </row>
    <row r="961" spans="1:4" x14ac:dyDescent="0.25">
      <c r="A961" s="20">
        <v>43595.79166666435</v>
      </c>
      <c r="B961" s="22">
        <v>1.6678777933120728</v>
      </c>
      <c r="C961" s="21">
        <v>203995.9913822542</v>
      </c>
      <c r="D961">
        <f t="shared" si="14"/>
        <v>19</v>
      </c>
    </row>
    <row r="962" spans="1:4" x14ac:dyDescent="0.25">
      <c r="A962" s="20">
        <v>43595.833333331015</v>
      </c>
      <c r="B962" s="22">
        <v>1.5633780956268311</v>
      </c>
      <c r="C962" s="21">
        <v>191214.76753364451</v>
      </c>
      <c r="D962">
        <f t="shared" si="14"/>
        <v>20</v>
      </c>
    </row>
    <row r="963" spans="1:4" x14ac:dyDescent="0.25">
      <c r="A963" s="20">
        <v>43595.874999997679</v>
      </c>
      <c r="B963" s="22">
        <v>1.5678833723068237</v>
      </c>
      <c r="C963" s="21">
        <v>191765.80213970001</v>
      </c>
      <c r="D963">
        <f t="shared" si="14"/>
        <v>21</v>
      </c>
    </row>
    <row r="964" spans="1:4" x14ac:dyDescent="0.25">
      <c r="A964" s="20">
        <v>43595.916666664343</v>
      </c>
      <c r="B964" s="22">
        <v>1.2546095848083496</v>
      </c>
      <c r="C964" s="21">
        <v>153449.68742729109</v>
      </c>
      <c r="D964">
        <f t="shared" si="14"/>
        <v>22</v>
      </c>
    </row>
    <row r="965" spans="1:4" x14ac:dyDescent="0.25">
      <c r="A965" s="20">
        <v>43595.958333331007</v>
      </c>
      <c r="B965" s="22">
        <v>1.1575485467910767</v>
      </c>
      <c r="C965" s="21">
        <v>141578.27649159823</v>
      </c>
      <c r="D965">
        <f t="shared" si="14"/>
        <v>23</v>
      </c>
    </row>
    <row r="966" spans="1:4" x14ac:dyDescent="0.25">
      <c r="A966" s="20">
        <v>43595.999999997672</v>
      </c>
      <c r="B966" s="22">
        <v>0.93964856863021851</v>
      </c>
      <c r="C966" s="21">
        <v>114927.20994143716</v>
      </c>
      <c r="D966">
        <f t="shared" si="14"/>
        <v>0</v>
      </c>
    </row>
    <row r="967" spans="1:4" x14ac:dyDescent="0.25">
      <c r="A967" s="20">
        <v>43596.041666664336</v>
      </c>
      <c r="B967" s="22">
        <v>0.79635399580001831</v>
      </c>
      <c r="C967" s="21">
        <v>97401.034725598758</v>
      </c>
      <c r="D967">
        <f t="shared" ref="D967:D1030" si="15">HOUR(A967)</f>
        <v>1</v>
      </c>
    </row>
    <row r="968" spans="1:4" x14ac:dyDescent="0.25">
      <c r="A968" s="20">
        <v>43596.083333331</v>
      </c>
      <c r="B968" s="22">
        <v>0.70762377977371216</v>
      </c>
      <c r="C968" s="21">
        <v>86548.555931032097</v>
      </c>
      <c r="D968">
        <f t="shared" si="15"/>
        <v>2</v>
      </c>
    </row>
    <row r="969" spans="1:4" x14ac:dyDescent="0.25">
      <c r="A969" s="20">
        <v>43596.124999997664</v>
      </c>
      <c r="B969" s="22">
        <v>0.67064076662063599</v>
      </c>
      <c r="C969" s="21">
        <v>82025.211077640255</v>
      </c>
      <c r="D969">
        <f t="shared" si="15"/>
        <v>3</v>
      </c>
    </row>
    <row r="970" spans="1:4" x14ac:dyDescent="0.25">
      <c r="A970" s="20">
        <v>43596.166666664329</v>
      </c>
      <c r="B970" s="22">
        <v>0.59657043218612671</v>
      </c>
      <c r="C970" s="21">
        <v>72965.763577606514</v>
      </c>
      <c r="D970">
        <f t="shared" si="15"/>
        <v>4</v>
      </c>
    </row>
    <row r="971" spans="1:4" x14ac:dyDescent="0.25">
      <c r="A971" s="20">
        <v>43596.208333330993</v>
      </c>
      <c r="B971" s="22">
        <v>0.70246607065200806</v>
      </c>
      <c r="C971" s="21">
        <v>85917.723150739504</v>
      </c>
      <c r="D971">
        <f t="shared" si="15"/>
        <v>5</v>
      </c>
    </row>
    <row r="972" spans="1:4" x14ac:dyDescent="0.25">
      <c r="A972" s="20">
        <v>43596.249999997657</v>
      </c>
      <c r="B972" s="22">
        <v>0.68579250574111938</v>
      </c>
      <c r="C972" s="21">
        <v>83878.400834972766</v>
      </c>
      <c r="D972">
        <f t="shared" si="15"/>
        <v>6</v>
      </c>
    </row>
    <row r="973" spans="1:4" x14ac:dyDescent="0.25">
      <c r="A973" s="20">
        <v>43596.291666664321</v>
      </c>
      <c r="B973" s="22">
        <v>0.69651037454605103</v>
      </c>
      <c r="C973" s="21">
        <v>85189.289607000377</v>
      </c>
      <c r="D973">
        <f t="shared" si="15"/>
        <v>7</v>
      </c>
    </row>
    <row r="974" spans="1:4" x14ac:dyDescent="0.25">
      <c r="A974" s="20">
        <v>43596.333333330986</v>
      </c>
      <c r="B974" s="22">
        <v>1.0760067701339722</v>
      </c>
      <c r="C974" s="21">
        <v>131605.00648648341</v>
      </c>
      <c r="D974">
        <f t="shared" si="15"/>
        <v>8</v>
      </c>
    </row>
    <row r="975" spans="1:4" x14ac:dyDescent="0.25">
      <c r="A975" s="20">
        <v>43596.37499999765</v>
      </c>
      <c r="B975" s="22">
        <v>1.0681763887405396</v>
      </c>
      <c r="C975" s="21">
        <v>130647.28259228705</v>
      </c>
      <c r="D975">
        <f t="shared" si="15"/>
        <v>9</v>
      </c>
    </row>
    <row r="976" spans="1:4" x14ac:dyDescent="0.25">
      <c r="A976" s="20">
        <v>43596.416666664314</v>
      </c>
      <c r="B976" s="22">
        <v>1.004359245300293</v>
      </c>
      <c r="C976" s="21">
        <v>122841.88971789391</v>
      </c>
      <c r="D976">
        <f t="shared" si="15"/>
        <v>10</v>
      </c>
    </row>
    <row r="977" spans="1:4" x14ac:dyDescent="0.25">
      <c r="A977" s="20">
        <v>43596.458333330978</v>
      </c>
      <c r="B977" s="22">
        <v>0.95866578817367554</v>
      </c>
      <c r="C977" s="21">
        <v>117253.18164611327</v>
      </c>
      <c r="D977">
        <f t="shared" si="15"/>
        <v>11</v>
      </c>
    </row>
    <row r="978" spans="1:4" x14ac:dyDescent="0.25">
      <c r="A978" s="20">
        <v>43596.499999997643</v>
      </c>
      <c r="B978" s="22">
        <v>0.96004939079284668</v>
      </c>
      <c r="C978" s="21">
        <v>117422.40830594931</v>
      </c>
      <c r="D978">
        <f t="shared" si="15"/>
        <v>12</v>
      </c>
    </row>
    <row r="979" spans="1:4" x14ac:dyDescent="0.25">
      <c r="A979" s="20">
        <v>43596.541666664307</v>
      </c>
      <c r="B979" s="22">
        <v>1.1128081083297729</v>
      </c>
      <c r="C979" s="21">
        <v>136106.13090911746</v>
      </c>
      <c r="D979">
        <f t="shared" si="15"/>
        <v>13</v>
      </c>
    </row>
    <row r="980" spans="1:4" x14ac:dyDescent="0.25">
      <c r="A980" s="20">
        <v>43596.583333330971</v>
      </c>
      <c r="B980" s="22">
        <v>1.0939719676971436</v>
      </c>
      <c r="C980" s="21">
        <v>133802.30673352341</v>
      </c>
      <c r="D980">
        <f t="shared" si="15"/>
        <v>14</v>
      </c>
    </row>
    <row r="981" spans="1:4" x14ac:dyDescent="0.25">
      <c r="A981" s="20">
        <v>43596.624999997635</v>
      </c>
      <c r="B981" s="22">
        <v>1.1790214776992798</v>
      </c>
      <c r="C981" s="21">
        <v>144204.603100218</v>
      </c>
      <c r="D981">
        <f t="shared" si="15"/>
        <v>15</v>
      </c>
    </row>
    <row r="982" spans="1:4" x14ac:dyDescent="0.25">
      <c r="A982" s="20">
        <v>43596.6666666643</v>
      </c>
      <c r="B982" s="22">
        <v>1.1206151247024536</v>
      </c>
      <c r="C982" s="21">
        <v>137060.99705762582</v>
      </c>
      <c r="D982">
        <f t="shared" si="15"/>
        <v>16</v>
      </c>
    </row>
    <row r="983" spans="1:4" x14ac:dyDescent="0.25">
      <c r="A983" s="20">
        <v>43596.708333330964</v>
      </c>
      <c r="B983" s="22">
        <v>1.2558269500732422</v>
      </c>
      <c r="C983" s="21">
        <v>153598.58180977034</v>
      </c>
      <c r="D983">
        <f t="shared" si="15"/>
        <v>17</v>
      </c>
    </row>
    <row r="984" spans="1:4" x14ac:dyDescent="0.25">
      <c r="A984" s="20">
        <v>43596.749999997628</v>
      </c>
      <c r="B984" s="22">
        <v>1.2114467620849609</v>
      </c>
      <c r="C984" s="21">
        <v>148170.49800009147</v>
      </c>
      <c r="D984">
        <f t="shared" si="15"/>
        <v>18</v>
      </c>
    </row>
    <row r="985" spans="1:4" x14ac:dyDescent="0.25">
      <c r="A985" s="20">
        <v>43596.791666664292</v>
      </c>
      <c r="B985" s="22">
        <v>1.0655145645141602</v>
      </c>
      <c r="C985" s="21">
        <v>130321.71828888131</v>
      </c>
      <c r="D985">
        <f t="shared" si="15"/>
        <v>19</v>
      </c>
    </row>
    <row r="986" spans="1:4" x14ac:dyDescent="0.25">
      <c r="A986" s="20">
        <v>43596.833333330957</v>
      </c>
      <c r="B986" s="22">
        <v>1.320686936378479</v>
      </c>
      <c r="C986" s="21">
        <v>161531.52345599356</v>
      </c>
      <c r="D986">
        <f t="shared" si="15"/>
        <v>20</v>
      </c>
    </row>
    <row r="987" spans="1:4" x14ac:dyDescent="0.25">
      <c r="A987" s="20">
        <v>43596.874999997621</v>
      </c>
      <c r="B987" s="22">
        <v>1.1989392042160034</v>
      </c>
      <c r="C987" s="21">
        <v>146640.71465656353</v>
      </c>
      <c r="D987">
        <f t="shared" si="15"/>
        <v>21</v>
      </c>
    </row>
    <row r="988" spans="1:4" x14ac:dyDescent="0.25">
      <c r="A988" s="20">
        <v>43596.916666664285</v>
      </c>
      <c r="B988" s="22">
        <v>1.1661025285720825</v>
      </c>
      <c r="C988" s="21">
        <v>142624.50302011194</v>
      </c>
      <c r="D988">
        <f t="shared" si="15"/>
        <v>22</v>
      </c>
    </row>
    <row r="989" spans="1:4" x14ac:dyDescent="0.25">
      <c r="A989" s="20">
        <v>43596.958333330949</v>
      </c>
      <c r="B989" s="22">
        <v>0.87958359718322754</v>
      </c>
      <c r="C989" s="21">
        <v>107580.74040583428</v>
      </c>
      <c r="D989">
        <f t="shared" si="15"/>
        <v>23</v>
      </c>
    </row>
    <row r="990" spans="1:4" x14ac:dyDescent="0.25">
      <c r="A990" s="20">
        <v>43596.999999997613</v>
      </c>
      <c r="B990" s="22">
        <v>0.89299309253692627</v>
      </c>
      <c r="C990" s="21">
        <v>109220.83856505335</v>
      </c>
      <c r="D990">
        <f t="shared" si="15"/>
        <v>0</v>
      </c>
    </row>
    <row r="991" spans="1:4" x14ac:dyDescent="0.25">
      <c r="A991" s="20">
        <v>43597.041666664278</v>
      </c>
      <c r="B991" s="22">
        <v>0.78871965408325195</v>
      </c>
      <c r="C991" s="21">
        <v>96467.288192544904</v>
      </c>
      <c r="D991">
        <f t="shared" si="15"/>
        <v>1</v>
      </c>
    </row>
    <row r="992" spans="1:4" x14ac:dyDescent="0.25">
      <c r="A992" s="20">
        <v>43597.083333330942</v>
      </c>
      <c r="B992" s="22">
        <v>0.67910730838775635</v>
      </c>
      <c r="C992" s="21">
        <v>83060.742930326669</v>
      </c>
      <c r="D992">
        <f t="shared" si="15"/>
        <v>2</v>
      </c>
    </row>
    <row r="993" spans="1:4" x14ac:dyDescent="0.25">
      <c r="A993" s="20">
        <v>43597.124999997606</v>
      </c>
      <c r="B993" s="22">
        <v>0.6752007007598877</v>
      </c>
      <c r="C993" s="21">
        <v>82582.930767358775</v>
      </c>
      <c r="D993">
        <f t="shared" si="15"/>
        <v>3</v>
      </c>
    </row>
    <row r="994" spans="1:4" x14ac:dyDescent="0.25">
      <c r="A994" s="20">
        <v>43597.16666666427</v>
      </c>
      <c r="B994" s="22">
        <v>0.65661776065826416</v>
      </c>
      <c r="C994" s="21">
        <v>80310.075223608248</v>
      </c>
      <c r="D994">
        <f t="shared" si="15"/>
        <v>4</v>
      </c>
    </row>
    <row r="995" spans="1:4" x14ac:dyDescent="0.25">
      <c r="A995" s="20">
        <v>43597.208333330935</v>
      </c>
      <c r="B995" s="22">
        <v>0.70603317022323608</v>
      </c>
      <c r="C995" s="21">
        <v>86354.010519220406</v>
      </c>
      <c r="D995">
        <f t="shared" si="15"/>
        <v>5</v>
      </c>
    </row>
    <row r="996" spans="1:4" x14ac:dyDescent="0.25">
      <c r="A996" s="20">
        <v>43597.249999997599</v>
      </c>
      <c r="B996" s="22">
        <v>0.78492319583892822</v>
      </c>
      <c r="C996" s="21">
        <v>96002.948259249053</v>
      </c>
      <c r="D996">
        <f t="shared" si="15"/>
        <v>6</v>
      </c>
    </row>
    <row r="997" spans="1:4" x14ac:dyDescent="0.25">
      <c r="A997" s="20">
        <v>43597.291666664263</v>
      </c>
      <c r="B997" s="22">
        <v>0.89121592044830322</v>
      </c>
      <c r="C997" s="21">
        <v>109003.47492874305</v>
      </c>
      <c r="D997">
        <f t="shared" si="15"/>
        <v>7</v>
      </c>
    </row>
    <row r="998" spans="1:4" x14ac:dyDescent="0.25">
      <c r="A998" s="20">
        <v>43597.333333330927</v>
      </c>
      <c r="B998" s="22">
        <v>0.93635421991348267</v>
      </c>
      <c r="C998" s="21">
        <v>114524.28237976322</v>
      </c>
      <c r="D998">
        <f t="shared" si="15"/>
        <v>8</v>
      </c>
    </row>
    <row r="999" spans="1:4" x14ac:dyDescent="0.25">
      <c r="A999" s="20">
        <v>43597.374999997592</v>
      </c>
      <c r="B999" s="22">
        <v>1.0510910749435425</v>
      </c>
      <c r="C999" s="21">
        <v>128557.59979893675</v>
      </c>
      <c r="D999">
        <f t="shared" si="15"/>
        <v>9</v>
      </c>
    </row>
    <row r="1000" spans="1:4" x14ac:dyDescent="0.25">
      <c r="A1000" s="20">
        <v>43597.416666664256</v>
      </c>
      <c r="B1000" s="22">
        <v>0.98731303215026855</v>
      </c>
      <c r="C1000" s="21">
        <v>120756.98927447046</v>
      </c>
      <c r="D1000">
        <f t="shared" si="15"/>
        <v>10</v>
      </c>
    </row>
    <row r="1001" spans="1:4" x14ac:dyDescent="0.25">
      <c r="A1001" s="20">
        <v>43597.45833333092</v>
      </c>
      <c r="B1001" s="22">
        <v>1.248857855796814</v>
      </c>
      <c r="C1001" s="21">
        <v>152746.20083698147</v>
      </c>
      <c r="D1001">
        <f t="shared" si="15"/>
        <v>11</v>
      </c>
    </row>
    <row r="1002" spans="1:4" x14ac:dyDescent="0.25">
      <c r="A1002" s="20">
        <v>43597.499999997584</v>
      </c>
      <c r="B1002" s="22">
        <v>1.2304327487945557</v>
      </c>
      <c r="C1002" s="21">
        <v>150492.64965696013</v>
      </c>
      <c r="D1002">
        <f t="shared" si="15"/>
        <v>12</v>
      </c>
    </row>
    <row r="1003" spans="1:4" x14ac:dyDescent="0.25">
      <c r="A1003" s="20">
        <v>43597.541666664249</v>
      </c>
      <c r="B1003" s="22">
        <v>1.2409462928771973</v>
      </c>
      <c r="C1003" s="21">
        <v>151778.54773455279</v>
      </c>
      <c r="D1003">
        <f t="shared" si="15"/>
        <v>13</v>
      </c>
    </row>
    <row r="1004" spans="1:4" x14ac:dyDescent="0.25">
      <c r="A1004" s="20">
        <v>43597.583333330913</v>
      </c>
      <c r="B1004" s="22">
        <v>1.0943249464035034</v>
      </c>
      <c r="C1004" s="21">
        <v>133845.47910588153</v>
      </c>
      <c r="D1004">
        <f t="shared" si="15"/>
        <v>14</v>
      </c>
    </row>
    <row r="1005" spans="1:4" x14ac:dyDescent="0.25">
      <c r="A1005" s="20">
        <v>43597.624999997577</v>
      </c>
      <c r="B1005" s="22">
        <v>1.0894778966903687</v>
      </c>
      <c r="C1005" s="21">
        <v>133252.64267897137</v>
      </c>
      <c r="D1005">
        <f t="shared" si="15"/>
        <v>15</v>
      </c>
    </row>
    <row r="1006" spans="1:4" x14ac:dyDescent="0.25">
      <c r="A1006" s="20">
        <v>43597.666666664241</v>
      </c>
      <c r="B1006" s="22">
        <v>1.1086081266403198</v>
      </c>
      <c r="C1006" s="21">
        <v>135592.43654136293</v>
      </c>
      <c r="D1006">
        <f t="shared" si="15"/>
        <v>16</v>
      </c>
    </row>
    <row r="1007" spans="1:4" x14ac:dyDescent="0.25">
      <c r="A1007" s="20">
        <v>43597.708333330906</v>
      </c>
      <c r="B1007" s="22">
        <v>1.2256767749786377</v>
      </c>
      <c r="C1007" s="21">
        <v>149910.95260609908</v>
      </c>
      <c r="D1007">
        <f t="shared" si="15"/>
        <v>17</v>
      </c>
    </row>
    <row r="1008" spans="1:4" x14ac:dyDescent="0.25">
      <c r="A1008" s="20">
        <v>43597.74999999757</v>
      </c>
      <c r="B1008" s="22">
        <v>1.2235784530639648</v>
      </c>
      <c r="C1008" s="21">
        <v>149654.30954691381</v>
      </c>
      <c r="D1008">
        <f t="shared" si="15"/>
        <v>18</v>
      </c>
    </row>
    <row r="1009" spans="1:4" x14ac:dyDescent="0.25">
      <c r="A1009" s="20">
        <v>43597.791666664234</v>
      </c>
      <c r="B1009" s="22">
        <v>1.4130077362060547</v>
      </c>
      <c r="C1009" s="21">
        <v>172823.16194506429</v>
      </c>
      <c r="D1009">
        <f t="shared" si="15"/>
        <v>19</v>
      </c>
    </row>
    <row r="1010" spans="1:4" x14ac:dyDescent="0.25">
      <c r="A1010" s="20">
        <v>43597.833333330898</v>
      </c>
      <c r="B1010" s="22">
        <v>1.54149329662323</v>
      </c>
      <c r="C1010" s="21">
        <v>188538.06586710602</v>
      </c>
      <c r="D1010">
        <f t="shared" si="15"/>
        <v>20</v>
      </c>
    </row>
    <row r="1011" spans="1:4" x14ac:dyDescent="0.25">
      <c r="A1011" s="20">
        <v>43597.874999997563</v>
      </c>
      <c r="B1011" s="22">
        <v>1.3280867338180542</v>
      </c>
      <c r="C1011" s="21">
        <v>162436.5831796538</v>
      </c>
      <c r="D1011">
        <f t="shared" si="15"/>
        <v>21</v>
      </c>
    </row>
    <row r="1012" spans="1:4" x14ac:dyDescent="0.25">
      <c r="A1012" s="20">
        <v>43597.916666664227</v>
      </c>
      <c r="B1012" s="22">
        <v>1.0314894914627075</v>
      </c>
      <c r="C1012" s="21">
        <v>126160.15529139017</v>
      </c>
      <c r="D1012">
        <f t="shared" si="15"/>
        <v>22</v>
      </c>
    </row>
    <row r="1013" spans="1:4" x14ac:dyDescent="0.25">
      <c r="A1013" s="20">
        <v>43597.958333330891</v>
      </c>
      <c r="B1013" s="22">
        <v>0.92139345407485962</v>
      </c>
      <c r="C1013" s="21">
        <v>112694.45031932961</v>
      </c>
      <c r="D1013">
        <f t="shared" si="15"/>
        <v>23</v>
      </c>
    </row>
    <row r="1014" spans="1:4" x14ac:dyDescent="0.25">
      <c r="A1014" s="20">
        <v>43597.999999997555</v>
      </c>
      <c r="B1014" s="22">
        <v>0.80009984970092773</v>
      </c>
      <c r="C1014" s="21">
        <v>97859.185306626445</v>
      </c>
      <c r="D1014">
        <f t="shared" si="15"/>
        <v>0</v>
      </c>
    </row>
    <row r="1015" spans="1:4" x14ac:dyDescent="0.25">
      <c r="A1015" s="20">
        <v>43598.04166666422</v>
      </c>
      <c r="B1015" s="22">
        <v>0.66921836137771606</v>
      </c>
      <c r="C1015" s="21">
        <v>81851.238518715196</v>
      </c>
      <c r="D1015">
        <f t="shared" si="15"/>
        <v>1</v>
      </c>
    </row>
    <row r="1016" spans="1:4" x14ac:dyDescent="0.25">
      <c r="A1016" s="20">
        <v>43598.083333330884</v>
      </c>
      <c r="B1016" s="22">
        <v>0.65858078002929688</v>
      </c>
      <c r="C1016" s="21">
        <v>80550.169602406342</v>
      </c>
      <c r="D1016">
        <f t="shared" si="15"/>
        <v>2</v>
      </c>
    </row>
    <row r="1017" spans="1:4" x14ac:dyDescent="0.25">
      <c r="A1017" s="20">
        <v>43598.124999997548</v>
      </c>
      <c r="B1017" s="22">
        <v>0.68744117021560669</v>
      </c>
      <c r="C1017" s="21">
        <v>84080.046869999031</v>
      </c>
      <c r="D1017">
        <f t="shared" si="15"/>
        <v>3</v>
      </c>
    </row>
    <row r="1018" spans="1:4" x14ac:dyDescent="0.25">
      <c r="A1018" s="20">
        <v>43598.166666664212</v>
      </c>
      <c r="B1018" s="22">
        <v>0.67924487590789795</v>
      </c>
      <c r="C1018" s="21">
        <v>83077.568637081567</v>
      </c>
      <c r="D1018">
        <f t="shared" si="15"/>
        <v>4</v>
      </c>
    </row>
    <row r="1019" spans="1:4" x14ac:dyDescent="0.25">
      <c r="A1019" s="20">
        <v>43598.208333330876</v>
      </c>
      <c r="B1019" s="22">
        <v>0.78563117980957031</v>
      </c>
      <c r="C1019" s="21">
        <v>96089.540869662727</v>
      </c>
      <c r="D1019">
        <f t="shared" si="15"/>
        <v>5</v>
      </c>
    </row>
    <row r="1020" spans="1:4" x14ac:dyDescent="0.25">
      <c r="A1020" s="20">
        <v>43598.249999997541</v>
      </c>
      <c r="B1020" s="22">
        <v>1.1195155382156372</v>
      </c>
      <c r="C1020" s="21">
        <v>136926.50804626773</v>
      </c>
      <c r="D1020">
        <f t="shared" si="15"/>
        <v>6</v>
      </c>
    </row>
    <row r="1021" spans="1:4" x14ac:dyDescent="0.25">
      <c r="A1021" s="20">
        <v>43598.291666664205</v>
      </c>
      <c r="B1021" s="22">
        <v>0.99830210208892822</v>
      </c>
      <c r="C1021" s="21">
        <v>122101.04830894817</v>
      </c>
      <c r="D1021">
        <f t="shared" si="15"/>
        <v>7</v>
      </c>
    </row>
    <row r="1022" spans="1:4" x14ac:dyDescent="0.25">
      <c r="A1022" s="20">
        <v>43598.333333330869</v>
      </c>
      <c r="B1022" s="22">
        <v>0.90178298950195313</v>
      </c>
      <c r="C1022" s="21">
        <v>110295.91957681488</v>
      </c>
      <c r="D1022">
        <f t="shared" si="15"/>
        <v>8</v>
      </c>
    </row>
    <row r="1023" spans="1:4" x14ac:dyDescent="0.25">
      <c r="A1023" s="20">
        <v>43598.374999997533</v>
      </c>
      <c r="B1023" s="22">
        <v>1.0423688888549805</v>
      </c>
      <c r="C1023" s="21">
        <v>127490.80041753639</v>
      </c>
      <c r="D1023">
        <f t="shared" si="15"/>
        <v>9</v>
      </c>
    </row>
    <row r="1024" spans="1:4" x14ac:dyDescent="0.25">
      <c r="A1024" s="20">
        <v>43598.416666664198</v>
      </c>
      <c r="B1024" s="22">
        <v>1.0110883712768555</v>
      </c>
      <c r="C1024" s="21">
        <v>123664.92047604016</v>
      </c>
      <c r="D1024">
        <f t="shared" si="15"/>
        <v>10</v>
      </c>
    </row>
    <row r="1025" spans="1:4" x14ac:dyDescent="0.25">
      <c r="A1025" s="20">
        <v>43598.458333330862</v>
      </c>
      <c r="B1025" s="22">
        <v>1.0027400255203247</v>
      </c>
      <c r="C1025" s="21">
        <v>122643.84502564793</v>
      </c>
      <c r="D1025">
        <f t="shared" si="15"/>
        <v>11</v>
      </c>
    </row>
    <row r="1026" spans="1:4" x14ac:dyDescent="0.25">
      <c r="A1026" s="20">
        <v>43598.499999997526</v>
      </c>
      <c r="B1026" s="22">
        <v>1.1182373762130737</v>
      </c>
      <c r="C1026" s="21">
        <v>136770.17769286557</v>
      </c>
      <c r="D1026">
        <f t="shared" si="15"/>
        <v>12</v>
      </c>
    </row>
    <row r="1027" spans="1:4" x14ac:dyDescent="0.25">
      <c r="A1027" s="20">
        <v>43598.54166666419</v>
      </c>
      <c r="B1027" s="22">
        <v>1.0011711120605469</v>
      </c>
      <c r="C1027" s="21">
        <v>122451.95323483227</v>
      </c>
      <c r="D1027">
        <f t="shared" si="15"/>
        <v>13</v>
      </c>
    </row>
    <row r="1028" spans="1:4" x14ac:dyDescent="0.25">
      <c r="A1028" s="20">
        <v>43598.583333330855</v>
      </c>
      <c r="B1028" s="22">
        <v>0.98932445049285889</v>
      </c>
      <c r="C1028" s="21">
        <v>121003.00326933656</v>
      </c>
      <c r="D1028">
        <f t="shared" si="15"/>
        <v>14</v>
      </c>
    </row>
    <row r="1029" spans="1:4" x14ac:dyDescent="0.25">
      <c r="A1029" s="20">
        <v>43598.624999997519</v>
      </c>
      <c r="B1029" s="22">
        <v>1.0186032056808472</v>
      </c>
      <c r="C1029" s="21">
        <v>124584.05022311327</v>
      </c>
      <c r="D1029">
        <f t="shared" si="15"/>
        <v>15</v>
      </c>
    </row>
    <row r="1030" spans="1:4" x14ac:dyDescent="0.25">
      <c r="A1030" s="20">
        <v>43598.666666664183</v>
      </c>
      <c r="B1030" s="22">
        <v>1.1936197280883789</v>
      </c>
      <c r="C1030" s="21">
        <v>145990.09636148202</v>
      </c>
      <c r="D1030">
        <f t="shared" si="15"/>
        <v>16</v>
      </c>
    </row>
    <row r="1031" spans="1:4" x14ac:dyDescent="0.25">
      <c r="A1031" s="20">
        <v>43598.708333330847</v>
      </c>
      <c r="B1031" s="22">
        <v>1.3439915180206299</v>
      </c>
      <c r="C1031" s="21">
        <v>164381.87691408396</v>
      </c>
      <c r="D1031">
        <f t="shared" ref="D1031:D1094" si="16">HOUR(A1031)</f>
        <v>17</v>
      </c>
    </row>
    <row r="1032" spans="1:4" x14ac:dyDescent="0.25">
      <c r="A1032" s="20">
        <v>43598.749999997512</v>
      </c>
      <c r="B1032" s="22">
        <v>1.2437213659286499</v>
      </c>
      <c r="C1032" s="21">
        <v>152117.96335634429</v>
      </c>
      <c r="D1032">
        <f t="shared" si="16"/>
        <v>18</v>
      </c>
    </row>
    <row r="1033" spans="1:4" x14ac:dyDescent="0.25">
      <c r="A1033" s="20">
        <v>43598.791666664176</v>
      </c>
      <c r="B1033" s="22">
        <v>1.3470462560653687</v>
      </c>
      <c r="C1033" s="21">
        <v>164755.49800212073</v>
      </c>
      <c r="D1033">
        <f t="shared" si="16"/>
        <v>19</v>
      </c>
    </row>
    <row r="1034" spans="1:4" x14ac:dyDescent="0.25">
      <c r="A1034" s="20">
        <v>43598.83333333084</v>
      </c>
      <c r="B1034" s="22">
        <v>1.3176180124282837</v>
      </c>
      <c r="C1034" s="21">
        <v>161156.16730807483</v>
      </c>
      <c r="D1034">
        <f t="shared" si="16"/>
        <v>20</v>
      </c>
    </row>
    <row r="1035" spans="1:4" x14ac:dyDescent="0.25">
      <c r="A1035" s="20">
        <v>43598.874999997504</v>
      </c>
      <c r="B1035" s="22">
        <v>1.3971782922744751</v>
      </c>
      <c r="C1035" s="21">
        <v>170887.08298244441</v>
      </c>
      <c r="D1035">
        <f t="shared" si="16"/>
        <v>21</v>
      </c>
    </row>
    <row r="1036" spans="1:4" x14ac:dyDescent="0.25">
      <c r="A1036" s="20">
        <v>43598.916666664169</v>
      </c>
      <c r="B1036" s="22">
        <v>1.3298318386077881</v>
      </c>
      <c r="C1036" s="21">
        <v>162650.02470581065</v>
      </c>
      <c r="D1036">
        <f t="shared" si="16"/>
        <v>22</v>
      </c>
    </row>
    <row r="1037" spans="1:4" x14ac:dyDescent="0.25">
      <c r="A1037" s="20">
        <v>43598.958333330833</v>
      </c>
      <c r="B1037" s="22">
        <v>0.93933558464050293</v>
      </c>
      <c r="C1037" s="21">
        <v>114888.92927151949</v>
      </c>
      <c r="D1037">
        <f t="shared" si="16"/>
        <v>23</v>
      </c>
    </row>
    <row r="1038" spans="1:4" x14ac:dyDescent="0.25">
      <c r="A1038" s="20">
        <v>43598.999999997497</v>
      </c>
      <c r="B1038" s="22">
        <v>0.88666331768035889</v>
      </c>
      <c r="C1038" s="21">
        <v>108446.6519296358</v>
      </c>
      <c r="D1038">
        <f t="shared" si="16"/>
        <v>0</v>
      </c>
    </row>
    <row r="1039" spans="1:4" x14ac:dyDescent="0.25">
      <c r="A1039" s="20">
        <v>43599.041666664161</v>
      </c>
      <c r="B1039" s="22">
        <v>0.8497917652130127</v>
      </c>
      <c r="C1039" s="21">
        <v>103936.93968960256</v>
      </c>
      <c r="D1039">
        <f t="shared" si="16"/>
        <v>1</v>
      </c>
    </row>
    <row r="1040" spans="1:4" x14ac:dyDescent="0.25">
      <c r="A1040" s="20">
        <v>43599.083333330826</v>
      </c>
      <c r="B1040" s="22">
        <v>0.8280947208404541</v>
      </c>
      <c r="C1040" s="21">
        <v>101283.20205091413</v>
      </c>
      <c r="D1040">
        <f t="shared" si="16"/>
        <v>2</v>
      </c>
    </row>
    <row r="1041" spans="1:4" x14ac:dyDescent="0.25">
      <c r="A1041" s="20">
        <v>43599.12499999749</v>
      </c>
      <c r="B1041" s="22">
        <v>0.83013457059860229</v>
      </c>
      <c r="C1041" s="21">
        <v>101532.69345571182</v>
      </c>
      <c r="D1041">
        <f t="shared" si="16"/>
        <v>3</v>
      </c>
    </row>
    <row r="1042" spans="1:4" x14ac:dyDescent="0.25">
      <c r="A1042" s="20">
        <v>43599.166666664154</v>
      </c>
      <c r="B1042" s="22">
        <v>0.84999954700469971</v>
      </c>
      <c r="C1042" s="21">
        <v>103962.35321375664</v>
      </c>
      <c r="D1042">
        <f t="shared" si="16"/>
        <v>4</v>
      </c>
    </row>
    <row r="1043" spans="1:4" x14ac:dyDescent="0.25">
      <c r="A1043" s="20">
        <v>43599.208333330818</v>
      </c>
      <c r="B1043" s="22">
        <v>0.91956430673599243</v>
      </c>
      <c r="C1043" s="21">
        <v>112470.72965689699</v>
      </c>
      <c r="D1043">
        <f t="shared" si="16"/>
        <v>5</v>
      </c>
    </row>
    <row r="1044" spans="1:4" x14ac:dyDescent="0.25">
      <c r="A1044" s="20">
        <v>43599.249999997483</v>
      </c>
      <c r="B1044" s="22">
        <v>1.1916978359222412</v>
      </c>
      <c r="C1044" s="21">
        <v>145755.03219830824</v>
      </c>
      <c r="D1044">
        <f t="shared" si="16"/>
        <v>6</v>
      </c>
    </row>
    <row r="1045" spans="1:4" x14ac:dyDescent="0.25">
      <c r="A1045" s="20">
        <v>43599.291666664147</v>
      </c>
      <c r="B1045" s="22">
        <v>1.2385327816009521</v>
      </c>
      <c r="C1045" s="21">
        <v>151483.35426924968</v>
      </c>
      <c r="D1045">
        <f t="shared" si="16"/>
        <v>7</v>
      </c>
    </row>
    <row r="1046" spans="1:4" x14ac:dyDescent="0.25">
      <c r="A1046" s="20">
        <v>43599.333333330811</v>
      </c>
      <c r="B1046" s="22">
        <v>1.0965551137924194</v>
      </c>
      <c r="C1046" s="21">
        <v>134118.24801573486</v>
      </c>
      <c r="D1046">
        <f t="shared" si="16"/>
        <v>8</v>
      </c>
    </row>
    <row r="1047" spans="1:4" x14ac:dyDescent="0.25">
      <c r="A1047" s="20">
        <v>43599.374999997475</v>
      </c>
      <c r="B1047" s="22">
        <v>1.2641510963439941</v>
      </c>
      <c r="C1047" s="21">
        <v>154616.69745212857</v>
      </c>
      <c r="D1047">
        <f t="shared" si="16"/>
        <v>9</v>
      </c>
    </row>
    <row r="1048" spans="1:4" x14ac:dyDescent="0.25">
      <c r="A1048" s="20">
        <v>43599.416666664139</v>
      </c>
      <c r="B1048" s="22">
        <v>0.9799923300743103</v>
      </c>
      <c r="C1048" s="21">
        <v>119861.60360317759</v>
      </c>
      <c r="D1048">
        <f t="shared" si="16"/>
        <v>10</v>
      </c>
    </row>
    <row r="1049" spans="1:4" x14ac:dyDescent="0.25">
      <c r="A1049" s="20">
        <v>43599.458333330804</v>
      </c>
      <c r="B1049" s="22">
        <v>0.85925984382629395</v>
      </c>
      <c r="C1049" s="21">
        <v>105094.96822799202</v>
      </c>
      <c r="D1049">
        <f t="shared" si="16"/>
        <v>11</v>
      </c>
    </row>
    <row r="1050" spans="1:4" x14ac:dyDescent="0.25">
      <c r="A1050" s="20">
        <v>43599.499999997468</v>
      </c>
      <c r="B1050" s="22">
        <v>0.9869762659072876</v>
      </c>
      <c r="C1050" s="21">
        <v>120715.79982769178</v>
      </c>
      <c r="D1050">
        <f t="shared" si="16"/>
        <v>12</v>
      </c>
    </row>
    <row r="1051" spans="1:4" x14ac:dyDescent="0.25">
      <c r="A1051" s="20">
        <v>43599.541666664132</v>
      </c>
      <c r="B1051" s="22">
        <v>0.87961405515670776</v>
      </c>
      <c r="C1051" s="21">
        <v>107584.46568146329</v>
      </c>
      <c r="D1051">
        <f t="shared" si="16"/>
        <v>13</v>
      </c>
    </row>
    <row r="1052" spans="1:4" x14ac:dyDescent="0.25">
      <c r="A1052" s="20">
        <v>43599.583333330796</v>
      </c>
      <c r="B1052" s="22">
        <v>0.82565748691558838</v>
      </c>
      <c r="C1052" s="21">
        <v>100985.10709891759</v>
      </c>
      <c r="D1052">
        <f t="shared" si="16"/>
        <v>14</v>
      </c>
    </row>
    <row r="1053" spans="1:4" x14ac:dyDescent="0.25">
      <c r="A1053" s="20">
        <v>43599.624999997461</v>
      </c>
      <c r="B1053" s="22">
        <v>0.97761791944503784</v>
      </c>
      <c r="C1053" s="21">
        <v>119571.19248780135</v>
      </c>
      <c r="D1053">
        <f t="shared" si="16"/>
        <v>15</v>
      </c>
    </row>
    <row r="1054" spans="1:4" x14ac:dyDescent="0.25">
      <c r="A1054" s="20">
        <v>43599.666666664125</v>
      </c>
      <c r="B1054" s="22">
        <v>1.0520665645599365</v>
      </c>
      <c r="C1054" s="21">
        <v>128676.91068141107</v>
      </c>
      <c r="D1054">
        <f t="shared" si="16"/>
        <v>16</v>
      </c>
    </row>
    <row r="1055" spans="1:4" x14ac:dyDescent="0.25">
      <c r="A1055" s="20">
        <v>43599.708333330789</v>
      </c>
      <c r="B1055" s="22">
        <v>1.1871763467788696</v>
      </c>
      <c r="C1055" s="21">
        <v>145202.01466667332</v>
      </c>
      <c r="D1055">
        <f t="shared" si="16"/>
        <v>17</v>
      </c>
    </row>
    <row r="1056" spans="1:4" x14ac:dyDescent="0.25">
      <c r="A1056" s="20">
        <v>43599.749999997453</v>
      </c>
      <c r="B1056" s="22">
        <v>1.2482208013534546</v>
      </c>
      <c r="C1056" s="21">
        <v>152668.28352597781</v>
      </c>
      <c r="D1056">
        <f t="shared" si="16"/>
        <v>18</v>
      </c>
    </row>
    <row r="1057" spans="1:4" x14ac:dyDescent="0.25">
      <c r="A1057" s="20">
        <v>43599.791666664118</v>
      </c>
      <c r="B1057" s="22">
        <v>1.203732967376709</v>
      </c>
      <c r="C1057" s="21">
        <v>147227.03367366485</v>
      </c>
      <c r="D1057">
        <f t="shared" si="16"/>
        <v>19</v>
      </c>
    </row>
    <row r="1058" spans="1:4" x14ac:dyDescent="0.25">
      <c r="A1058" s="20">
        <v>43599.833333330782</v>
      </c>
      <c r="B1058" s="22">
        <v>1.2282645702362061</v>
      </c>
      <c r="C1058" s="21">
        <v>150227.46252138109</v>
      </c>
      <c r="D1058">
        <f t="shared" si="16"/>
        <v>20</v>
      </c>
    </row>
    <row r="1059" spans="1:4" x14ac:dyDescent="0.25">
      <c r="A1059" s="20">
        <v>43599.874999997446</v>
      </c>
      <c r="B1059" s="22">
        <v>1.2463747262954712</v>
      </c>
      <c r="C1059" s="21">
        <v>152442.4924559549</v>
      </c>
      <c r="D1059">
        <f t="shared" si="16"/>
        <v>21</v>
      </c>
    </row>
    <row r="1060" spans="1:4" x14ac:dyDescent="0.25">
      <c r="A1060" s="20">
        <v>43599.91666666411</v>
      </c>
      <c r="B1060" s="22">
        <v>1.2101099491119385</v>
      </c>
      <c r="C1060" s="21">
        <v>148006.99412179901</v>
      </c>
      <c r="D1060">
        <f t="shared" si="16"/>
        <v>22</v>
      </c>
    </row>
    <row r="1061" spans="1:4" x14ac:dyDescent="0.25">
      <c r="A1061" s="20">
        <v>43599.958333330775</v>
      </c>
      <c r="B1061" s="22">
        <v>0.89085125923156738</v>
      </c>
      <c r="C1061" s="21">
        <v>108958.87368354092</v>
      </c>
      <c r="D1061">
        <f t="shared" si="16"/>
        <v>23</v>
      </c>
    </row>
    <row r="1062" spans="1:4" x14ac:dyDescent="0.25">
      <c r="A1062" s="20">
        <v>43599.999999997439</v>
      </c>
      <c r="B1062" s="22">
        <v>0.96031910181045532</v>
      </c>
      <c r="C1062" s="21">
        <v>117455.3963142101</v>
      </c>
      <c r="D1062">
        <f t="shared" si="16"/>
        <v>0</v>
      </c>
    </row>
    <row r="1063" spans="1:4" x14ac:dyDescent="0.25">
      <c r="A1063" s="20">
        <v>43600.041666664103</v>
      </c>
      <c r="B1063" s="22">
        <v>0.95004230737686157</v>
      </c>
      <c r="C1063" s="21">
        <v>116198.45478221124</v>
      </c>
      <c r="D1063">
        <f t="shared" si="16"/>
        <v>1</v>
      </c>
    </row>
    <row r="1064" spans="1:4" x14ac:dyDescent="0.25">
      <c r="A1064" s="20">
        <v>43600.083333330767</v>
      </c>
      <c r="B1064" s="22">
        <v>1.103584885597229</v>
      </c>
      <c r="C1064" s="21">
        <v>134978.05037911152</v>
      </c>
      <c r="D1064">
        <f t="shared" si="16"/>
        <v>2</v>
      </c>
    </row>
    <row r="1065" spans="1:4" x14ac:dyDescent="0.25">
      <c r="A1065" s="20">
        <v>43600.124999997432</v>
      </c>
      <c r="B1065" s="22">
        <v>1.1196554899215698</v>
      </c>
      <c r="C1065" s="21">
        <v>136943.62535972547</v>
      </c>
      <c r="D1065">
        <f t="shared" si="16"/>
        <v>3</v>
      </c>
    </row>
    <row r="1066" spans="1:4" x14ac:dyDescent="0.25">
      <c r="A1066" s="20">
        <v>43600.166666664096</v>
      </c>
      <c r="B1066" s="22">
        <v>1.0818960666656494</v>
      </c>
      <c r="C1066" s="21">
        <v>132325.31878354793</v>
      </c>
      <c r="D1066">
        <f t="shared" si="16"/>
        <v>4</v>
      </c>
    </row>
    <row r="1067" spans="1:4" x14ac:dyDescent="0.25">
      <c r="A1067" s="20">
        <v>43600.20833333076</v>
      </c>
      <c r="B1067" s="22">
        <v>1.2211645841598511</v>
      </c>
      <c r="C1067" s="21">
        <v>149359.07234060529</v>
      </c>
      <c r="D1067">
        <f t="shared" si="16"/>
        <v>5</v>
      </c>
    </row>
    <row r="1068" spans="1:4" x14ac:dyDescent="0.25">
      <c r="A1068" s="20">
        <v>43600.249999997424</v>
      </c>
      <c r="B1068" s="22">
        <v>1.3824877738952637</v>
      </c>
      <c r="C1068" s="21">
        <v>169090.30454177977</v>
      </c>
      <c r="D1068">
        <f t="shared" si="16"/>
        <v>6</v>
      </c>
    </row>
    <row r="1069" spans="1:4" x14ac:dyDescent="0.25">
      <c r="A1069" s="20">
        <v>43600.291666664089</v>
      </c>
      <c r="B1069" s="22">
        <v>1.3285220861434937</v>
      </c>
      <c r="C1069" s="21">
        <v>162489.83056359563</v>
      </c>
      <c r="D1069">
        <f t="shared" si="16"/>
        <v>7</v>
      </c>
    </row>
    <row r="1070" spans="1:4" x14ac:dyDescent="0.25">
      <c r="A1070" s="20">
        <v>43600.333333330753</v>
      </c>
      <c r="B1070" s="22">
        <v>1.1452301740646362</v>
      </c>
      <c r="C1070" s="21">
        <v>140071.63213994208</v>
      </c>
      <c r="D1070">
        <f t="shared" si="16"/>
        <v>8</v>
      </c>
    </row>
    <row r="1071" spans="1:4" x14ac:dyDescent="0.25">
      <c r="A1071" s="20">
        <v>43600.374999997417</v>
      </c>
      <c r="B1071" s="22">
        <v>1.212113618850708</v>
      </c>
      <c r="C1071" s="21">
        <v>148252.06039488083</v>
      </c>
      <c r="D1071">
        <f t="shared" si="16"/>
        <v>9</v>
      </c>
    </row>
    <row r="1072" spans="1:4" x14ac:dyDescent="0.25">
      <c r="A1072" s="20">
        <v>43600.416666664081</v>
      </c>
      <c r="B1072" s="22">
        <v>0.92662793397903442</v>
      </c>
      <c r="C1072" s="21">
        <v>113334.67283545423</v>
      </c>
      <c r="D1072">
        <f t="shared" si="16"/>
        <v>10</v>
      </c>
    </row>
    <row r="1073" spans="1:4" x14ac:dyDescent="0.25">
      <c r="A1073" s="20">
        <v>43600.458333330746</v>
      </c>
      <c r="B1073" s="22">
        <v>0.83629661798477173</v>
      </c>
      <c r="C1073" s="21">
        <v>102286.36555958331</v>
      </c>
      <c r="D1073">
        <f t="shared" si="16"/>
        <v>11</v>
      </c>
    </row>
    <row r="1074" spans="1:4" x14ac:dyDescent="0.25">
      <c r="A1074" s="20">
        <v>43600.49999999741</v>
      </c>
      <c r="B1074" s="22">
        <v>0.9078223705291748</v>
      </c>
      <c r="C1074" s="21">
        <v>111034.58851582433</v>
      </c>
      <c r="D1074">
        <f t="shared" si="16"/>
        <v>12</v>
      </c>
    </row>
    <row r="1075" spans="1:4" x14ac:dyDescent="0.25">
      <c r="A1075" s="20">
        <v>43600.541666664074</v>
      </c>
      <c r="B1075" s="22">
        <v>0.8398168683052063</v>
      </c>
      <c r="C1075" s="21">
        <v>102716.92285635308</v>
      </c>
      <c r="D1075">
        <f t="shared" si="16"/>
        <v>13</v>
      </c>
    </row>
    <row r="1076" spans="1:4" x14ac:dyDescent="0.25">
      <c r="A1076" s="20">
        <v>43600.583333330738</v>
      </c>
      <c r="B1076" s="22">
        <v>0.96273308992385864</v>
      </c>
      <c r="C1076" s="21">
        <v>117750.64810085378</v>
      </c>
      <c r="D1076">
        <f t="shared" si="16"/>
        <v>14</v>
      </c>
    </row>
    <row r="1077" spans="1:4" x14ac:dyDescent="0.25">
      <c r="A1077" s="20">
        <v>43600.624999997402</v>
      </c>
      <c r="B1077" s="22">
        <v>0.94142937660217285</v>
      </c>
      <c r="C1077" s="21">
        <v>115145.01827796934</v>
      </c>
      <c r="D1077">
        <f t="shared" si="16"/>
        <v>15</v>
      </c>
    </row>
    <row r="1078" spans="1:4" x14ac:dyDescent="0.25">
      <c r="A1078" s="20">
        <v>43600.666666664067</v>
      </c>
      <c r="B1078" s="22">
        <v>1.0300911664962769</v>
      </c>
      <c r="C1078" s="21">
        <v>125989.12796016397</v>
      </c>
      <c r="D1078">
        <f t="shared" si="16"/>
        <v>16</v>
      </c>
    </row>
    <row r="1079" spans="1:4" x14ac:dyDescent="0.25">
      <c r="A1079" s="20">
        <v>43600.708333330731</v>
      </c>
      <c r="B1079" s="22">
        <v>1.1498708724975586</v>
      </c>
      <c r="C1079" s="21">
        <v>140639.23000671991</v>
      </c>
      <c r="D1079">
        <f t="shared" si="16"/>
        <v>17</v>
      </c>
    </row>
    <row r="1080" spans="1:4" x14ac:dyDescent="0.25">
      <c r="A1080" s="20">
        <v>43600.749999997395</v>
      </c>
      <c r="B1080" s="22">
        <v>1.1762591600418091</v>
      </c>
      <c r="C1080" s="21">
        <v>143866.7475742868</v>
      </c>
      <c r="D1080">
        <f t="shared" si="16"/>
        <v>18</v>
      </c>
    </row>
    <row r="1081" spans="1:4" x14ac:dyDescent="0.25">
      <c r="A1081" s="20">
        <v>43600.791666664059</v>
      </c>
      <c r="B1081" s="22">
        <v>1.2047755718231201</v>
      </c>
      <c r="C1081" s="21">
        <v>147354.55328482465</v>
      </c>
      <c r="D1081">
        <f t="shared" si="16"/>
        <v>19</v>
      </c>
    </row>
    <row r="1082" spans="1:4" x14ac:dyDescent="0.25">
      <c r="A1082" s="20">
        <v>43600.833333330724</v>
      </c>
      <c r="B1082" s="22">
        <v>1.086335301399231</v>
      </c>
      <c r="C1082" s="21">
        <v>132868.27588393429</v>
      </c>
      <c r="D1082">
        <f t="shared" si="16"/>
        <v>20</v>
      </c>
    </row>
    <row r="1083" spans="1:4" x14ac:dyDescent="0.25">
      <c r="A1083" s="20">
        <v>43600.874999997388</v>
      </c>
      <c r="B1083" s="22">
        <v>1.1518929004669189</v>
      </c>
      <c r="C1083" s="21">
        <v>140886.54165141375</v>
      </c>
      <c r="D1083">
        <f t="shared" si="16"/>
        <v>21</v>
      </c>
    </row>
    <row r="1084" spans="1:4" x14ac:dyDescent="0.25">
      <c r="A1084" s="20">
        <v>43600.916666664052</v>
      </c>
      <c r="B1084" s="22">
        <v>1.0358561277389526</v>
      </c>
      <c r="C1084" s="21">
        <v>126694.23296767448</v>
      </c>
      <c r="D1084">
        <f t="shared" si="16"/>
        <v>22</v>
      </c>
    </row>
    <row r="1085" spans="1:4" x14ac:dyDescent="0.25">
      <c r="A1085" s="20">
        <v>43600.958333330716</v>
      </c>
      <c r="B1085" s="22">
        <v>0.74145585298538208</v>
      </c>
      <c r="C1085" s="21">
        <v>90686.51336592689</v>
      </c>
      <c r="D1085">
        <f t="shared" si="16"/>
        <v>23</v>
      </c>
    </row>
    <row r="1086" spans="1:4" x14ac:dyDescent="0.25">
      <c r="A1086" s="20">
        <v>43600.999999997381</v>
      </c>
      <c r="B1086" s="22">
        <v>0.76401752233505249</v>
      </c>
      <c r="C1086" s="21">
        <v>93446.002175406757</v>
      </c>
      <c r="D1086">
        <f t="shared" si="16"/>
        <v>0</v>
      </c>
    </row>
    <row r="1087" spans="1:4" x14ac:dyDescent="0.25">
      <c r="A1087" s="20">
        <v>43601.041666664045</v>
      </c>
      <c r="B1087" s="22">
        <v>0.75897103548049927</v>
      </c>
      <c r="C1087" s="21">
        <v>92828.77284780248</v>
      </c>
      <c r="D1087">
        <f t="shared" si="16"/>
        <v>1</v>
      </c>
    </row>
    <row r="1088" spans="1:4" x14ac:dyDescent="0.25">
      <c r="A1088" s="20">
        <v>43601.083333330709</v>
      </c>
      <c r="B1088" s="22">
        <v>0.72059017419815063</v>
      </c>
      <c r="C1088" s="21">
        <v>88134.45898452503</v>
      </c>
      <c r="D1088">
        <f t="shared" si="16"/>
        <v>2</v>
      </c>
    </row>
    <row r="1089" spans="1:4" x14ac:dyDescent="0.25">
      <c r="A1089" s="20">
        <v>43601.124999997373</v>
      </c>
      <c r="B1089" s="22">
        <v>0.79501467943191528</v>
      </c>
      <c r="C1089" s="21">
        <v>97237.224660268301</v>
      </c>
      <c r="D1089">
        <f t="shared" si="16"/>
        <v>3</v>
      </c>
    </row>
    <row r="1090" spans="1:4" x14ac:dyDescent="0.25">
      <c r="A1090" s="20">
        <v>43601.166666664038</v>
      </c>
      <c r="B1090" s="22">
        <v>0.91211551427841187</v>
      </c>
      <c r="C1090" s="21">
        <v>111559.67741549306</v>
      </c>
      <c r="D1090">
        <f t="shared" si="16"/>
        <v>4</v>
      </c>
    </row>
    <row r="1091" spans="1:4" x14ac:dyDescent="0.25">
      <c r="A1091" s="20">
        <v>43601.208333330702</v>
      </c>
      <c r="B1091" s="22">
        <v>0.953624427318573</v>
      </c>
      <c r="C1091" s="21">
        <v>116636.57927292015</v>
      </c>
      <c r="D1091">
        <f t="shared" si="16"/>
        <v>5</v>
      </c>
    </row>
    <row r="1092" spans="1:4" x14ac:dyDescent="0.25">
      <c r="A1092" s="20">
        <v>43601.249999997366</v>
      </c>
      <c r="B1092" s="22">
        <v>1.254873514175415</v>
      </c>
      <c r="C1092" s="21">
        <v>153481.96828929748</v>
      </c>
      <c r="D1092">
        <f t="shared" si="16"/>
        <v>6</v>
      </c>
    </row>
    <row r="1093" spans="1:4" x14ac:dyDescent="0.25">
      <c r="A1093" s="20">
        <v>43601.29166666403</v>
      </c>
      <c r="B1093" s="22">
        <v>1.1595532894134521</v>
      </c>
      <c r="C1093" s="21">
        <v>141823.47398769631</v>
      </c>
      <c r="D1093">
        <f t="shared" si="16"/>
        <v>7</v>
      </c>
    </row>
    <row r="1094" spans="1:4" x14ac:dyDescent="0.25">
      <c r="A1094" s="20">
        <v>43601.333333330695</v>
      </c>
      <c r="B1094" s="22">
        <v>1.2619909048080444</v>
      </c>
      <c r="C1094" s="21">
        <v>154352.48719900416</v>
      </c>
      <c r="D1094">
        <f t="shared" si="16"/>
        <v>8</v>
      </c>
    </row>
    <row r="1095" spans="1:4" x14ac:dyDescent="0.25">
      <c r="A1095" s="20">
        <v>43601.374999997359</v>
      </c>
      <c r="B1095" s="22">
        <v>1.0281065702438354</v>
      </c>
      <c r="C1095" s="21">
        <v>125746.39454070503</v>
      </c>
      <c r="D1095">
        <f t="shared" ref="D1095:D1158" si="17">HOUR(A1095)</f>
        <v>9</v>
      </c>
    </row>
    <row r="1096" spans="1:4" x14ac:dyDescent="0.25">
      <c r="A1096" s="20">
        <v>43601.416666664023</v>
      </c>
      <c r="B1096" s="22">
        <v>0.86017900705337524</v>
      </c>
      <c r="C1096" s="21">
        <v>105207.38990211133</v>
      </c>
      <c r="D1096">
        <f t="shared" si="17"/>
        <v>10</v>
      </c>
    </row>
    <row r="1097" spans="1:4" x14ac:dyDescent="0.25">
      <c r="A1097" s="20">
        <v>43601.458333330687</v>
      </c>
      <c r="B1097" s="22">
        <v>0.78013283014297485</v>
      </c>
      <c r="C1097" s="21">
        <v>95417.044781699311</v>
      </c>
      <c r="D1097">
        <f t="shared" si="17"/>
        <v>11</v>
      </c>
    </row>
    <row r="1098" spans="1:4" x14ac:dyDescent="0.25">
      <c r="A1098" s="20">
        <v>43601.499999997352</v>
      </c>
      <c r="B1098" s="22">
        <v>0.90331435203552246</v>
      </c>
      <c r="C1098" s="21">
        <v>110483.21856206053</v>
      </c>
      <c r="D1098">
        <f t="shared" si="17"/>
        <v>12</v>
      </c>
    </row>
    <row r="1099" spans="1:4" x14ac:dyDescent="0.25">
      <c r="A1099" s="20">
        <v>43601.541666664016</v>
      </c>
      <c r="B1099" s="22">
        <v>0.87020063400268555</v>
      </c>
      <c r="C1099" s="21">
        <v>106433.12222673684</v>
      </c>
      <c r="D1099">
        <f t="shared" si="17"/>
        <v>13</v>
      </c>
    </row>
    <row r="1100" spans="1:4" x14ac:dyDescent="0.25">
      <c r="A1100" s="20">
        <v>43601.58333333068</v>
      </c>
      <c r="B1100" s="22">
        <v>1.0201795101165771</v>
      </c>
      <c r="C1100" s="21">
        <v>124776.84599470778</v>
      </c>
      <c r="D1100">
        <f t="shared" si="17"/>
        <v>14</v>
      </c>
    </row>
    <row r="1101" spans="1:4" x14ac:dyDescent="0.25">
      <c r="A1101" s="20">
        <v>43601.624999997344</v>
      </c>
      <c r="B1101" s="22">
        <v>1.2025008201599121</v>
      </c>
      <c r="C1101" s="21">
        <v>147076.33132962786</v>
      </c>
      <c r="D1101">
        <f t="shared" si="17"/>
        <v>15</v>
      </c>
    </row>
    <row r="1102" spans="1:4" x14ac:dyDescent="0.25">
      <c r="A1102" s="20">
        <v>43601.666666664009</v>
      </c>
      <c r="B1102" s="22">
        <v>1.4367333650588989</v>
      </c>
      <c r="C1102" s="21">
        <v>175725.01314687941</v>
      </c>
      <c r="D1102">
        <f t="shared" si="17"/>
        <v>16</v>
      </c>
    </row>
    <row r="1103" spans="1:4" x14ac:dyDescent="0.25">
      <c r="A1103" s="20">
        <v>43601.708333330673</v>
      </c>
      <c r="B1103" s="22">
        <v>1.4982767105102539</v>
      </c>
      <c r="C1103" s="21">
        <v>183252.30070875693</v>
      </c>
      <c r="D1103">
        <f t="shared" si="17"/>
        <v>17</v>
      </c>
    </row>
    <row r="1104" spans="1:4" x14ac:dyDescent="0.25">
      <c r="A1104" s="20">
        <v>43601.749999997337</v>
      </c>
      <c r="B1104" s="22">
        <v>1.4189079999923706</v>
      </c>
      <c r="C1104" s="21">
        <v>173544.81563296201</v>
      </c>
      <c r="D1104">
        <f t="shared" si="17"/>
        <v>18</v>
      </c>
    </row>
    <row r="1105" spans="1:4" x14ac:dyDescent="0.25">
      <c r="A1105" s="20">
        <v>43601.791666664001</v>
      </c>
      <c r="B1105" s="22">
        <v>1.5797618627548218</v>
      </c>
      <c r="C1105" s="21">
        <v>193218.6450546789</v>
      </c>
      <c r="D1105">
        <f t="shared" si="17"/>
        <v>19</v>
      </c>
    </row>
    <row r="1106" spans="1:4" x14ac:dyDescent="0.25">
      <c r="A1106" s="20">
        <v>43601.833333330665</v>
      </c>
      <c r="B1106" s="22">
        <v>1.3850736618041992</v>
      </c>
      <c r="C1106" s="21">
        <v>169406.58117169948</v>
      </c>
      <c r="D1106">
        <f t="shared" si="17"/>
        <v>20</v>
      </c>
    </row>
    <row r="1107" spans="1:4" x14ac:dyDescent="0.25">
      <c r="A1107" s="20">
        <v>43601.87499999733</v>
      </c>
      <c r="B1107" s="22">
        <v>1.3668231964111328</v>
      </c>
      <c r="C1107" s="21">
        <v>167174.39018266249</v>
      </c>
      <c r="D1107">
        <f t="shared" si="17"/>
        <v>21</v>
      </c>
    </row>
    <row r="1108" spans="1:4" x14ac:dyDescent="0.25">
      <c r="A1108" s="20">
        <v>43601.916666663994</v>
      </c>
      <c r="B1108" s="22">
        <v>1.2756927013397217</v>
      </c>
      <c r="C1108" s="21">
        <v>156028.33633999361</v>
      </c>
      <c r="D1108">
        <f t="shared" si="17"/>
        <v>22</v>
      </c>
    </row>
    <row r="1109" spans="1:4" x14ac:dyDescent="0.25">
      <c r="A1109" s="20">
        <v>43601.958333330658</v>
      </c>
      <c r="B1109" s="22">
        <v>1.0554593801498413</v>
      </c>
      <c r="C1109" s="21">
        <v>129091.88159991306</v>
      </c>
      <c r="D1109">
        <f t="shared" si="17"/>
        <v>23</v>
      </c>
    </row>
    <row r="1110" spans="1:4" x14ac:dyDescent="0.25">
      <c r="A1110" s="20">
        <v>43601.999999997322</v>
      </c>
      <c r="B1110" s="22">
        <v>0.88389009237289429</v>
      </c>
      <c r="C1110" s="21">
        <v>108107.46230303901</v>
      </c>
      <c r="D1110">
        <f t="shared" si="17"/>
        <v>0</v>
      </c>
    </row>
    <row r="1111" spans="1:4" x14ac:dyDescent="0.25">
      <c r="A1111" s="20">
        <v>43602.041666663987</v>
      </c>
      <c r="B1111" s="22">
        <v>0.75432473421096802</v>
      </c>
      <c r="C1111" s="21">
        <v>92260.489705272921</v>
      </c>
      <c r="D1111">
        <f t="shared" si="17"/>
        <v>1</v>
      </c>
    </row>
    <row r="1112" spans="1:4" x14ac:dyDescent="0.25">
      <c r="A1112" s="20">
        <v>43602.083333330651</v>
      </c>
      <c r="B1112" s="22">
        <v>0.6435626745223999</v>
      </c>
      <c r="C1112" s="21">
        <v>78713.324400769008</v>
      </c>
      <c r="D1112">
        <f t="shared" si="17"/>
        <v>2</v>
      </c>
    </row>
    <row r="1113" spans="1:4" x14ac:dyDescent="0.25">
      <c r="A1113" s="20">
        <v>43602.124999997315</v>
      </c>
      <c r="B1113" s="22">
        <v>0.69328057765960693</v>
      </c>
      <c r="C1113" s="21">
        <v>84794.257296806289</v>
      </c>
      <c r="D1113">
        <f t="shared" si="17"/>
        <v>3</v>
      </c>
    </row>
    <row r="1114" spans="1:4" x14ac:dyDescent="0.25">
      <c r="A1114" s="20">
        <v>43602.166666663979</v>
      </c>
      <c r="B1114" s="22">
        <v>0.72386568784713745</v>
      </c>
      <c r="C1114" s="21">
        <v>88535.082853246407</v>
      </c>
      <c r="D1114">
        <f t="shared" si="17"/>
        <v>4</v>
      </c>
    </row>
    <row r="1115" spans="1:4" x14ac:dyDescent="0.25">
      <c r="A1115" s="20">
        <v>43602.208333330644</v>
      </c>
      <c r="B1115" s="22">
        <v>0.78520822525024414</v>
      </c>
      <c r="C1115" s="21">
        <v>96037.809840575734</v>
      </c>
      <c r="D1115">
        <f t="shared" si="17"/>
        <v>5</v>
      </c>
    </row>
    <row r="1116" spans="1:4" x14ac:dyDescent="0.25">
      <c r="A1116" s="20">
        <v>43602.249999997308</v>
      </c>
      <c r="B1116" s="22">
        <v>0.8817901611328125</v>
      </c>
      <c r="C1116" s="21">
        <v>107850.6224093293</v>
      </c>
      <c r="D1116">
        <f t="shared" si="17"/>
        <v>6</v>
      </c>
    </row>
    <row r="1117" spans="1:4" x14ac:dyDescent="0.25">
      <c r="A1117" s="20">
        <v>43602.291666663972</v>
      </c>
      <c r="B1117" s="22">
        <v>0.94039648771286011</v>
      </c>
      <c r="C1117" s="21">
        <v>115018.6869641237</v>
      </c>
      <c r="D1117">
        <f t="shared" si="17"/>
        <v>7</v>
      </c>
    </row>
    <row r="1118" spans="1:4" x14ac:dyDescent="0.25">
      <c r="A1118" s="20">
        <v>43602.333333330636</v>
      </c>
      <c r="B1118" s="22">
        <v>0.92714083194732666</v>
      </c>
      <c r="C1118" s="21">
        <v>113397.40472740654</v>
      </c>
      <c r="D1118">
        <f t="shared" si="17"/>
        <v>8</v>
      </c>
    </row>
    <row r="1119" spans="1:4" x14ac:dyDescent="0.25">
      <c r="A1119" s="20">
        <v>43602.374999997301</v>
      </c>
      <c r="B1119" s="22">
        <v>0.93122023344039917</v>
      </c>
      <c r="C1119" s="21">
        <v>113896.35108616405</v>
      </c>
      <c r="D1119">
        <f t="shared" si="17"/>
        <v>9</v>
      </c>
    </row>
    <row r="1120" spans="1:4" x14ac:dyDescent="0.25">
      <c r="A1120" s="20">
        <v>43602.416666663965</v>
      </c>
      <c r="B1120" s="22">
        <v>0.94000977277755737</v>
      </c>
      <c r="C1120" s="21">
        <v>114971.38835692014</v>
      </c>
      <c r="D1120">
        <f t="shared" si="17"/>
        <v>10</v>
      </c>
    </row>
    <row r="1121" spans="1:4" x14ac:dyDescent="0.25">
      <c r="A1121" s="20">
        <v>43602.458333330629</v>
      </c>
      <c r="B1121" s="22">
        <v>1.0372190475463867</v>
      </c>
      <c r="C1121" s="21">
        <v>126860.92993936321</v>
      </c>
      <c r="D1121">
        <f t="shared" si="17"/>
        <v>11</v>
      </c>
    </row>
    <row r="1122" spans="1:4" x14ac:dyDescent="0.25">
      <c r="A1122" s="20">
        <v>43602.499999997293</v>
      </c>
      <c r="B1122" s="22">
        <v>1.2202248573303223</v>
      </c>
      <c r="C1122" s="21">
        <v>149244.13555867385</v>
      </c>
      <c r="D1122">
        <f t="shared" si="17"/>
        <v>12</v>
      </c>
    </row>
    <row r="1123" spans="1:4" x14ac:dyDescent="0.25">
      <c r="A1123" s="20">
        <v>43602.541666663958</v>
      </c>
      <c r="B1123" s="22">
        <v>1.4273724555969238</v>
      </c>
      <c r="C1123" s="21">
        <v>174580.09232978342</v>
      </c>
      <c r="D1123">
        <f t="shared" si="17"/>
        <v>13</v>
      </c>
    </row>
    <row r="1124" spans="1:4" x14ac:dyDescent="0.25">
      <c r="A1124" s="20">
        <v>43602.583333330622</v>
      </c>
      <c r="B1124" s="22">
        <v>1.5508614778518677</v>
      </c>
      <c r="C1124" s="21">
        <v>189683.87608464574</v>
      </c>
      <c r="D1124">
        <f t="shared" si="17"/>
        <v>14</v>
      </c>
    </row>
    <row r="1125" spans="1:4" x14ac:dyDescent="0.25">
      <c r="A1125" s="20">
        <v>43602.624999997286</v>
      </c>
      <c r="B1125" s="22">
        <v>1.8707585334777832</v>
      </c>
      <c r="C1125" s="21">
        <v>228810.07421759405</v>
      </c>
      <c r="D1125">
        <f t="shared" si="17"/>
        <v>15</v>
      </c>
    </row>
    <row r="1126" spans="1:4" x14ac:dyDescent="0.25">
      <c r="A1126" s="20">
        <v>43602.66666666395</v>
      </c>
      <c r="B1126" s="22">
        <v>1.9420617818832397</v>
      </c>
      <c r="C1126" s="21">
        <v>237531.08297829083</v>
      </c>
      <c r="D1126">
        <f t="shared" si="17"/>
        <v>16</v>
      </c>
    </row>
    <row r="1127" spans="1:4" x14ac:dyDescent="0.25">
      <c r="A1127" s="20">
        <v>43602.708333330615</v>
      </c>
      <c r="B1127" s="22">
        <v>1.9256660938262939</v>
      </c>
      <c r="C1127" s="21">
        <v>235525.7474237422</v>
      </c>
      <c r="D1127">
        <f t="shared" si="17"/>
        <v>17</v>
      </c>
    </row>
    <row r="1128" spans="1:4" x14ac:dyDescent="0.25">
      <c r="A1128" s="20">
        <v>43602.749999997279</v>
      </c>
      <c r="B1128" s="22">
        <v>1.9058922529220581</v>
      </c>
      <c r="C1128" s="21">
        <v>233107.23433191411</v>
      </c>
      <c r="D1128">
        <f t="shared" si="17"/>
        <v>18</v>
      </c>
    </row>
    <row r="1129" spans="1:4" x14ac:dyDescent="0.25">
      <c r="A1129" s="20">
        <v>43602.791666663943</v>
      </c>
      <c r="B1129" s="22">
        <v>1.7799512147903442</v>
      </c>
      <c r="C1129" s="21">
        <v>217703.54766349756</v>
      </c>
      <c r="D1129">
        <f t="shared" si="17"/>
        <v>19</v>
      </c>
    </row>
    <row r="1130" spans="1:4" x14ac:dyDescent="0.25">
      <c r="A1130" s="20">
        <v>43602.833333330607</v>
      </c>
      <c r="B1130" s="22">
        <v>1.7564657926559448</v>
      </c>
      <c r="C1130" s="21">
        <v>214831.07583699535</v>
      </c>
      <c r="D1130">
        <f t="shared" si="17"/>
        <v>20</v>
      </c>
    </row>
    <row r="1131" spans="1:4" x14ac:dyDescent="0.25">
      <c r="A1131" s="20">
        <v>43602.874999997272</v>
      </c>
      <c r="B1131" s="22">
        <v>1.7289208173751831</v>
      </c>
      <c r="C1131" s="21">
        <v>211462.08527753697</v>
      </c>
      <c r="D1131">
        <f t="shared" si="17"/>
        <v>21</v>
      </c>
    </row>
    <row r="1132" spans="1:4" x14ac:dyDescent="0.25">
      <c r="A1132" s="20">
        <v>43602.916666663936</v>
      </c>
      <c r="B1132" s="22">
        <v>1.5226180553436279</v>
      </c>
      <c r="C1132" s="21">
        <v>186229.45934158511</v>
      </c>
      <c r="D1132">
        <f t="shared" si="17"/>
        <v>22</v>
      </c>
    </row>
    <row r="1133" spans="1:4" x14ac:dyDescent="0.25">
      <c r="A1133" s="20">
        <v>43602.9583333306</v>
      </c>
      <c r="B1133" s="22">
        <v>1.1838557720184326</v>
      </c>
      <c r="C1133" s="21">
        <v>144795.87943126791</v>
      </c>
      <c r="D1133">
        <f t="shared" si="17"/>
        <v>23</v>
      </c>
    </row>
    <row r="1134" spans="1:4" x14ac:dyDescent="0.25">
      <c r="A1134" s="20">
        <v>43602.999999997264</v>
      </c>
      <c r="B1134" s="22">
        <v>0.93457365036010742</v>
      </c>
      <c r="C1134" s="21">
        <v>114306.50320390132</v>
      </c>
      <c r="D1134">
        <f t="shared" si="17"/>
        <v>0</v>
      </c>
    </row>
    <row r="1135" spans="1:4" x14ac:dyDescent="0.25">
      <c r="A1135" s="20">
        <v>43603.041666663928</v>
      </c>
      <c r="B1135" s="22">
        <v>0.85696762800216675</v>
      </c>
      <c r="C1135" s="21">
        <v>104814.61025369682</v>
      </c>
      <c r="D1135">
        <f t="shared" si="17"/>
        <v>1</v>
      </c>
    </row>
    <row r="1136" spans="1:4" x14ac:dyDescent="0.25">
      <c r="A1136" s="20">
        <v>43603.083333330593</v>
      </c>
      <c r="B1136" s="22">
        <v>0.71436333656311035</v>
      </c>
      <c r="C1136" s="21">
        <v>87372.862468503357</v>
      </c>
      <c r="D1136">
        <f t="shared" si="17"/>
        <v>2</v>
      </c>
    </row>
    <row r="1137" spans="1:4" x14ac:dyDescent="0.25">
      <c r="A1137" s="20">
        <v>43603.124999997257</v>
      </c>
      <c r="B1137" s="22">
        <v>0.75887632369995117</v>
      </c>
      <c r="C1137" s="21">
        <v>92817.188771531451</v>
      </c>
      <c r="D1137">
        <f t="shared" si="17"/>
        <v>3</v>
      </c>
    </row>
    <row r="1138" spans="1:4" x14ac:dyDescent="0.25">
      <c r="A1138" s="20">
        <v>43603.166666663921</v>
      </c>
      <c r="B1138" s="22">
        <v>0.67739790678024292</v>
      </c>
      <c r="C1138" s="21">
        <v>82851.66821454509</v>
      </c>
      <c r="D1138">
        <f t="shared" si="17"/>
        <v>4</v>
      </c>
    </row>
    <row r="1139" spans="1:4" x14ac:dyDescent="0.25">
      <c r="A1139" s="20">
        <v>43603.208333330585</v>
      </c>
      <c r="B1139" s="22">
        <v>0.64800691604614258</v>
      </c>
      <c r="C1139" s="21">
        <v>79256.893875231355</v>
      </c>
      <c r="D1139">
        <f t="shared" si="17"/>
        <v>5</v>
      </c>
    </row>
    <row r="1140" spans="1:4" x14ac:dyDescent="0.25">
      <c r="A1140" s="20">
        <v>43603.24999999725</v>
      </c>
      <c r="B1140" s="22">
        <v>0.71717453002929688</v>
      </c>
      <c r="C1140" s="21">
        <v>87716.695931843162</v>
      </c>
      <c r="D1140">
        <f t="shared" si="17"/>
        <v>6</v>
      </c>
    </row>
    <row r="1141" spans="1:4" x14ac:dyDescent="0.25">
      <c r="A1141" s="20">
        <v>43603.291666663914</v>
      </c>
      <c r="B1141" s="22">
        <v>0.77463871240615845</v>
      </c>
      <c r="C1141" s="21">
        <v>94745.066295633471</v>
      </c>
      <c r="D1141">
        <f t="shared" si="17"/>
        <v>7</v>
      </c>
    </row>
    <row r="1142" spans="1:4" x14ac:dyDescent="0.25">
      <c r="A1142" s="20">
        <v>43603.333333330578</v>
      </c>
      <c r="B1142" s="22">
        <v>1.0614182949066162</v>
      </c>
      <c r="C1142" s="21">
        <v>129820.70881270108</v>
      </c>
      <c r="D1142">
        <f t="shared" si="17"/>
        <v>8</v>
      </c>
    </row>
    <row r="1143" spans="1:4" x14ac:dyDescent="0.25">
      <c r="A1143" s="20">
        <v>43603.374999997242</v>
      </c>
      <c r="B1143" s="22">
        <v>1.2458055019378662</v>
      </c>
      <c r="C1143" s="21">
        <v>152372.87135564757</v>
      </c>
      <c r="D1143">
        <f t="shared" si="17"/>
        <v>9</v>
      </c>
    </row>
    <row r="1144" spans="1:4" x14ac:dyDescent="0.25">
      <c r="A1144" s="20">
        <v>43603.416666663907</v>
      </c>
      <c r="B1144" s="22">
        <v>1.5884079933166504</v>
      </c>
      <c r="C1144" s="21">
        <v>194276.14218225807</v>
      </c>
      <c r="D1144">
        <f t="shared" si="17"/>
        <v>10</v>
      </c>
    </row>
    <row r="1145" spans="1:4" x14ac:dyDescent="0.25">
      <c r="A1145" s="20">
        <v>43603.458333330571</v>
      </c>
      <c r="B1145" s="22">
        <v>1.6862499713897705</v>
      </c>
      <c r="C1145" s="21">
        <v>206243.06889347205</v>
      </c>
      <c r="D1145">
        <f t="shared" si="17"/>
        <v>11</v>
      </c>
    </row>
    <row r="1146" spans="1:4" x14ac:dyDescent="0.25">
      <c r="A1146" s="20">
        <v>43603.499999997235</v>
      </c>
      <c r="B1146" s="22">
        <v>1.9841321706771851</v>
      </c>
      <c r="C1146" s="21">
        <v>242676.65821424098</v>
      </c>
      <c r="D1146">
        <f t="shared" si="17"/>
        <v>12</v>
      </c>
    </row>
    <row r="1147" spans="1:4" x14ac:dyDescent="0.25">
      <c r="A1147" s="20">
        <v>43603.541666663899</v>
      </c>
      <c r="B1147" s="22">
        <v>1.9615641832351685</v>
      </c>
      <c r="C1147" s="21">
        <v>239916.39664699853</v>
      </c>
      <c r="D1147">
        <f t="shared" si="17"/>
        <v>13</v>
      </c>
    </row>
    <row r="1148" spans="1:4" x14ac:dyDescent="0.25">
      <c r="A1148" s="20">
        <v>43603.583333330564</v>
      </c>
      <c r="B1148" s="22">
        <v>2.162506103515625</v>
      </c>
      <c r="C1148" s="21">
        <v>264493.34491157427</v>
      </c>
      <c r="D1148">
        <f t="shared" si="17"/>
        <v>14</v>
      </c>
    </row>
    <row r="1149" spans="1:4" x14ac:dyDescent="0.25">
      <c r="A1149" s="20">
        <v>43603.624999997228</v>
      </c>
      <c r="B1149" s="22">
        <v>2.30460524559021</v>
      </c>
      <c r="C1149" s="21">
        <v>281873.30852659978</v>
      </c>
      <c r="D1149">
        <f t="shared" si="17"/>
        <v>15</v>
      </c>
    </row>
    <row r="1150" spans="1:4" x14ac:dyDescent="0.25">
      <c r="A1150" s="20">
        <v>43603.666666663892</v>
      </c>
      <c r="B1150" s="22">
        <v>2.3336763381958008</v>
      </c>
      <c r="C1150" s="21">
        <v>285428.95653655753</v>
      </c>
      <c r="D1150">
        <f t="shared" si="17"/>
        <v>16</v>
      </c>
    </row>
    <row r="1151" spans="1:4" x14ac:dyDescent="0.25">
      <c r="A1151" s="20">
        <v>43603.708333330556</v>
      </c>
      <c r="B1151" s="22">
        <v>2.4008450508117676</v>
      </c>
      <c r="C1151" s="21">
        <v>293644.2755334932</v>
      </c>
      <c r="D1151">
        <f t="shared" si="17"/>
        <v>17</v>
      </c>
    </row>
    <row r="1152" spans="1:4" x14ac:dyDescent="0.25">
      <c r="A1152" s="20">
        <v>43603.749999997221</v>
      </c>
      <c r="B1152" s="22">
        <v>2.3710176944732666</v>
      </c>
      <c r="C1152" s="21">
        <v>289996.12987738894</v>
      </c>
      <c r="D1152">
        <f t="shared" si="17"/>
        <v>18</v>
      </c>
    </row>
    <row r="1153" spans="1:4" x14ac:dyDescent="0.25">
      <c r="A1153" s="20">
        <v>43603.791666663885</v>
      </c>
      <c r="B1153" s="22">
        <v>2.2252833843231201</v>
      </c>
      <c r="C1153" s="21">
        <v>272171.55352251598</v>
      </c>
      <c r="D1153">
        <f t="shared" si="17"/>
        <v>19</v>
      </c>
    </row>
    <row r="1154" spans="1:4" x14ac:dyDescent="0.25">
      <c r="A1154" s="20">
        <v>43603.833333330549</v>
      </c>
      <c r="B1154" s="22">
        <v>2.0128030776977539</v>
      </c>
      <c r="C1154" s="21">
        <v>246183.36003912406</v>
      </c>
      <c r="D1154">
        <f t="shared" si="17"/>
        <v>20</v>
      </c>
    </row>
    <row r="1155" spans="1:4" x14ac:dyDescent="0.25">
      <c r="A1155" s="20">
        <v>43603.874999997213</v>
      </c>
      <c r="B1155" s="22">
        <v>1.8305193185806274</v>
      </c>
      <c r="C1155" s="21">
        <v>223888.46750977394</v>
      </c>
      <c r="D1155">
        <f t="shared" si="17"/>
        <v>21</v>
      </c>
    </row>
    <row r="1156" spans="1:4" x14ac:dyDescent="0.25">
      <c r="A1156" s="20">
        <v>43603.916666663878</v>
      </c>
      <c r="B1156" s="22">
        <v>1.6851181983947754</v>
      </c>
      <c r="C1156" s="21">
        <v>206104.64319162539</v>
      </c>
      <c r="D1156">
        <f t="shared" si="17"/>
        <v>22</v>
      </c>
    </row>
    <row r="1157" spans="1:4" x14ac:dyDescent="0.25">
      <c r="A1157" s="20">
        <v>43603.958333330542</v>
      </c>
      <c r="B1157" s="22">
        <v>1.4105744361877441</v>
      </c>
      <c r="C1157" s="21">
        <v>172525.54814412748</v>
      </c>
      <c r="D1157">
        <f t="shared" si="17"/>
        <v>23</v>
      </c>
    </row>
    <row r="1158" spans="1:4" x14ac:dyDescent="0.25">
      <c r="A1158" s="20">
        <v>43603.999999997206</v>
      </c>
      <c r="B1158" s="22">
        <v>1.1452628374099731</v>
      </c>
      <c r="C1158" s="21">
        <v>140075.62715177124</v>
      </c>
      <c r="D1158">
        <f t="shared" si="17"/>
        <v>0</v>
      </c>
    </row>
    <row r="1159" spans="1:4" x14ac:dyDescent="0.25">
      <c r="A1159" s="20">
        <v>43604.04166666387</v>
      </c>
      <c r="B1159" s="22">
        <v>0.93899697065353394</v>
      </c>
      <c r="C1159" s="21">
        <v>114847.51382954608</v>
      </c>
      <c r="D1159">
        <f t="shared" ref="D1159:D1222" si="18">HOUR(A1159)</f>
        <v>1</v>
      </c>
    </row>
    <row r="1160" spans="1:4" x14ac:dyDescent="0.25">
      <c r="A1160" s="20">
        <v>43604.083333330535</v>
      </c>
      <c r="B1160" s="22">
        <v>0.82329690456390381</v>
      </c>
      <c r="C1160" s="21">
        <v>100696.38730241795</v>
      </c>
      <c r="D1160">
        <f t="shared" si="18"/>
        <v>2</v>
      </c>
    </row>
    <row r="1161" spans="1:4" x14ac:dyDescent="0.25">
      <c r="A1161" s="20">
        <v>43604.124999997199</v>
      </c>
      <c r="B1161" s="22">
        <v>0.75623351335525513</v>
      </c>
      <c r="C1161" s="21">
        <v>92493.950031580986</v>
      </c>
      <c r="D1161">
        <f t="shared" si="18"/>
        <v>3</v>
      </c>
    </row>
    <row r="1162" spans="1:4" x14ac:dyDescent="0.25">
      <c r="A1162" s="20">
        <v>43604.166666663863</v>
      </c>
      <c r="B1162" s="22">
        <v>0.71156954765319824</v>
      </c>
      <c r="C1162" s="21">
        <v>87031.15773409442</v>
      </c>
      <c r="D1162">
        <f t="shared" si="18"/>
        <v>4</v>
      </c>
    </row>
    <row r="1163" spans="1:4" x14ac:dyDescent="0.25">
      <c r="A1163" s="20">
        <v>43604.208333330527</v>
      </c>
      <c r="B1163" s="22">
        <v>0.65750366449356079</v>
      </c>
      <c r="C1163" s="21">
        <v>80418.428984222686</v>
      </c>
      <c r="D1163">
        <f t="shared" si="18"/>
        <v>5</v>
      </c>
    </row>
    <row r="1164" spans="1:4" x14ac:dyDescent="0.25">
      <c r="A1164" s="20">
        <v>43604.249999997191</v>
      </c>
      <c r="B1164" s="22">
        <v>0.81405138969421387</v>
      </c>
      <c r="C1164" s="21">
        <v>99565.580249740262</v>
      </c>
      <c r="D1164">
        <f t="shared" si="18"/>
        <v>6</v>
      </c>
    </row>
    <row r="1165" spans="1:4" x14ac:dyDescent="0.25">
      <c r="A1165" s="20">
        <v>43604.291666663856</v>
      </c>
      <c r="B1165" s="22">
        <v>1.0101510286331177</v>
      </c>
      <c r="C1165" s="21">
        <v>123550.27530081155</v>
      </c>
      <c r="D1165">
        <f t="shared" si="18"/>
        <v>7</v>
      </c>
    </row>
    <row r="1166" spans="1:4" x14ac:dyDescent="0.25">
      <c r="A1166" s="20">
        <v>43604.33333333052</v>
      </c>
      <c r="B1166" s="22">
        <v>1.1371798515319824</v>
      </c>
      <c r="C1166" s="21">
        <v>139087.00752740708</v>
      </c>
      <c r="D1166">
        <f t="shared" si="18"/>
        <v>8</v>
      </c>
    </row>
    <row r="1167" spans="1:4" x14ac:dyDescent="0.25">
      <c r="A1167" s="20">
        <v>43604.374999997184</v>
      </c>
      <c r="B1167" s="22">
        <v>1.5311605930328369</v>
      </c>
      <c r="C1167" s="21">
        <v>187274.28615792512</v>
      </c>
      <c r="D1167">
        <f t="shared" si="18"/>
        <v>9</v>
      </c>
    </row>
    <row r="1168" spans="1:4" x14ac:dyDescent="0.25">
      <c r="A1168" s="20">
        <v>43604.416666663848</v>
      </c>
      <c r="B1168" s="22">
        <v>1.4460060596466064</v>
      </c>
      <c r="C1168" s="21">
        <v>176859.14451596967</v>
      </c>
      <c r="D1168">
        <f t="shared" si="18"/>
        <v>10</v>
      </c>
    </row>
    <row r="1169" spans="1:4" x14ac:dyDescent="0.25">
      <c r="A1169" s="20">
        <v>43604.458333330513</v>
      </c>
      <c r="B1169" s="22">
        <v>1.5420814752578735</v>
      </c>
      <c r="C1169" s="21">
        <v>188610.00524070108</v>
      </c>
      <c r="D1169">
        <f t="shared" si="18"/>
        <v>11</v>
      </c>
    </row>
    <row r="1170" spans="1:4" x14ac:dyDescent="0.25">
      <c r="A1170" s="20">
        <v>43604.499999997177</v>
      </c>
      <c r="B1170" s="22">
        <v>1.9831386804580688</v>
      </c>
      <c r="C1170" s="21">
        <v>242555.1457011601</v>
      </c>
      <c r="D1170">
        <f t="shared" si="18"/>
        <v>12</v>
      </c>
    </row>
    <row r="1171" spans="1:4" x14ac:dyDescent="0.25">
      <c r="A1171" s="20">
        <v>43604.541666663841</v>
      </c>
      <c r="B1171" s="22">
        <v>2.1385147571563721</v>
      </c>
      <c r="C1171" s="21">
        <v>261558.99414272569</v>
      </c>
      <c r="D1171">
        <f t="shared" si="18"/>
        <v>13</v>
      </c>
    </row>
    <row r="1172" spans="1:4" x14ac:dyDescent="0.25">
      <c r="A1172" s="20">
        <v>43604.583333330505</v>
      </c>
      <c r="B1172" s="22">
        <v>2.1841602325439453</v>
      </c>
      <c r="C1172" s="21">
        <v>267141.8336296113</v>
      </c>
      <c r="D1172">
        <f t="shared" si="18"/>
        <v>14</v>
      </c>
    </row>
    <row r="1173" spans="1:4" x14ac:dyDescent="0.25">
      <c r="A1173" s="20">
        <v>43604.62499999717</v>
      </c>
      <c r="B1173" s="22">
        <v>2.4101791381835938</v>
      </c>
      <c r="C1173" s="21">
        <v>294785.91577518207</v>
      </c>
      <c r="D1173">
        <f t="shared" si="18"/>
        <v>15</v>
      </c>
    </row>
    <row r="1174" spans="1:4" x14ac:dyDescent="0.25">
      <c r="A1174" s="20">
        <v>43604.666666663834</v>
      </c>
      <c r="B1174" s="22">
        <v>2.4718139171600342</v>
      </c>
      <c r="C1174" s="21">
        <v>302324.38645411422</v>
      </c>
      <c r="D1174">
        <f t="shared" si="18"/>
        <v>16</v>
      </c>
    </row>
    <row r="1175" spans="1:4" x14ac:dyDescent="0.25">
      <c r="A1175" s="20">
        <v>43604.708333330498</v>
      </c>
      <c r="B1175" s="22">
        <v>2.2973411083221436</v>
      </c>
      <c r="C1175" s="21">
        <v>280984.84122433217</v>
      </c>
      <c r="D1175">
        <f t="shared" si="18"/>
        <v>17</v>
      </c>
    </row>
    <row r="1176" spans="1:4" x14ac:dyDescent="0.25">
      <c r="A1176" s="20">
        <v>43604.749999997162</v>
      </c>
      <c r="B1176" s="22">
        <v>2.4162976741790771</v>
      </c>
      <c r="C1176" s="21">
        <v>295534.26605672645</v>
      </c>
      <c r="D1176">
        <f t="shared" si="18"/>
        <v>18</v>
      </c>
    </row>
    <row r="1177" spans="1:4" x14ac:dyDescent="0.25">
      <c r="A1177" s="20">
        <v>43604.791666663827</v>
      </c>
      <c r="B1177" s="22">
        <v>2.3319687843322754</v>
      </c>
      <c r="C1177" s="21">
        <v>285220.10781597067</v>
      </c>
      <c r="D1177">
        <f t="shared" si="18"/>
        <v>19</v>
      </c>
    </row>
    <row r="1178" spans="1:4" x14ac:dyDescent="0.25">
      <c r="A1178" s="20">
        <v>43604.833333330491</v>
      </c>
      <c r="B1178" s="22">
        <v>2.0691814422607422</v>
      </c>
      <c r="C1178" s="21">
        <v>253078.92542026524</v>
      </c>
      <c r="D1178">
        <f t="shared" si="18"/>
        <v>20</v>
      </c>
    </row>
    <row r="1179" spans="1:4" x14ac:dyDescent="0.25">
      <c r="A1179" s="20">
        <v>43604.874999997155</v>
      </c>
      <c r="B1179" s="22">
        <v>1.8975049257278442</v>
      </c>
      <c r="C1179" s="21">
        <v>232081.39111193016</v>
      </c>
      <c r="D1179">
        <f t="shared" si="18"/>
        <v>21</v>
      </c>
    </row>
    <row r="1180" spans="1:4" x14ac:dyDescent="0.25">
      <c r="A1180" s="20">
        <v>43604.916666663819</v>
      </c>
      <c r="B1180" s="22">
        <v>1.6690472364425659</v>
      </c>
      <c r="C1180" s="21">
        <v>204139.024470006</v>
      </c>
      <c r="D1180">
        <f t="shared" si="18"/>
        <v>22</v>
      </c>
    </row>
    <row r="1181" spans="1:4" x14ac:dyDescent="0.25">
      <c r="A1181" s="20">
        <v>43604.958333330484</v>
      </c>
      <c r="B1181" s="22">
        <v>1.4436060190200806</v>
      </c>
      <c r="C1181" s="21">
        <v>176565.59862853773</v>
      </c>
      <c r="D1181">
        <f t="shared" si="18"/>
        <v>23</v>
      </c>
    </row>
    <row r="1182" spans="1:4" x14ac:dyDescent="0.25">
      <c r="A1182" s="20">
        <v>43604.999999997148</v>
      </c>
      <c r="B1182" s="22">
        <v>1.1997493505477905</v>
      </c>
      <c r="C1182" s="21">
        <v>146739.80261419466</v>
      </c>
      <c r="D1182">
        <f t="shared" si="18"/>
        <v>0</v>
      </c>
    </row>
    <row r="1183" spans="1:4" x14ac:dyDescent="0.25">
      <c r="A1183" s="20">
        <v>43605.041666663812</v>
      </c>
      <c r="B1183" s="22">
        <v>1.0156790018081665</v>
      </c>
      <c r="C1183" s="21">
        <v>124226.39460205799</v>
      </c>
      <c r="D1183">
        <f t="shared" si="18"/>
        <v>1</v>
      </c>
    </row>
    <row r="1184" spans="1:4" x14ac:dyDescent="0.25">
      <c r="A1184" s="20">
        <v>43605.083333330476</v>
      </c>
      <c r="B1184" s="22">
        <v>0.88605612516403198</v>
      </c>
      <c r="C1184" s="21">
        <v>108372.38699258545</v>
      </c>
      <c r="D1184">
        <f t="shared" si="18"/>
        <v>2</v>
      </c>
    </row>
    <row r="1185" spans="1:4" x14ac:dyDescent="0.25">
      <c r="A1185" s="20">
        <v>43605.124999997141</v>
      </c>
      <c r="B1185" s="22">
        <v>0.83583903312683105</v>
      </c>
      <c r="C1185" s="21">
        <v>102230.3989431373</v>
      </c>
      <c r="D1185">
        <f t="shared" si="18"/>
        <v>3</v>
      </c>
    </row>
    <row r="1186" spans="1:4" x14ac:dyDescent="0.25">
      <c r="A1186" s="20">
        <v>43605.166666663805</v>
      </c>
      <c r="B1186" s="22">
        <v>0.83426332473754883</v>
      </c>
      <c r="C1186" s="21">
        <v>102037.67607321848</v>
      </c>
      <c r="D1186">
        <f t="shared" si="18"/>
        <v>4</v>
      </c>
    </row>
    <row r="1187" spans="1:4" x14ac:dyDescent="0.25">
      <c r="A1187" s="20">
        <v>43605.208333330469</v>
      </c>
      <c r="B1187" s="22">
        <v>0.84781253337860107</v>
      </c>
      <c r="C1187" s="21">
        <v>103694.86238522505</v>
      </c>
      <c r="D1187">
        <f t="shared" si="18"/>
        <v>5</v>
      </c>
    </row>
    <row r="1188" spans="1:4" x14ac:dyDescent="0.25">
      <c r="A1188" s="20">
        <v>43605.249999997133</v>
      </c>
      <c r="B1188" s="22">
        <v>0.9394877552986145</v>
      </c>
      <c r="C1188" s="21">
        <v>114907.5410693294</v>
      </c>
      <c r="D1188">
        <f t="shared" si="18"/>
        <v>6</v>
      </c>
    </row>
    <row r="1189" spans="1:4" x14ac:dyDescent="0.25">
      <c r="A1189" s="20">
        <v>43605.291666663798</v>
      </c>
      <c r="B1189" s="22">
        <v>0.92439663410186768</v>
      </c>
      <c r="C1189" s="21">
        <v>113061.76541241705</v>
      </c>
      <c r="D1189">
        <f t="shared" si="18"/>
        <v>7</v>
      </c>
    </row>
    <row r="1190" spans="1:4" x14ac:dyDescent="0.25">
      <c r="A1190" s="20">
        <v>43605.333333330462</v>
      </c>
      <c r="B1190" s="22">
        <v>0.89912897348403931</v>
      </c>
      <c r="C1190" s="21">
        <v>109971.31028536099</v>
      </c>
      <c r="D1190">
        <f t="shared" si="18"/>
        <v>8</v>
      </c>
    </row>
    <row r="1191" spans="1:4" x14ac:dyDescent="0.25">
      <c r="A1191" s="20">
        <v>43605.374999997126</v>
      </c>
      <c r="B1191" s="22">
        <v>1.1700857877731323</v>
      </c>
      <c r="C1191" s="21">
        <v>143111.69033857671</v>
      </c>
      <c r="D1191">
        <f t="shared" si="18"/>
        <v>9</v>
      </c>
    </row>
    <row r="1192" spans="1:4" x14ac:dyDescent="0.25">
      <c r="A1192" s="20">
        <v>43605.41666666379</v>
      </c>
      <c r="B1192" s="22">
        <v>1.2415419816970825</v>
      </c>
      <c r="C1192" s="21">
        <v>151851.40566926188</v>
      </c>
      <c r="D1192">
        <f t="shared" si="18"/>
        <v>10</v>
      </c>
    </row>
    <row r="1193" spans="1:4" x14ac:dyDescent="0.25">
      <c r="A1193" s="20">
        <v>43605.458333330454</v>
      </c>
      <c r="B1193" s="22">
        <v>1.2729014158248901</v>
      </c>
      <c r="C1193" s="21">
        <v>155686.93779262269</v>
      </c>
      <c r="D1193">
        <f t="shared" si="18"/>
        <v>11</v>
      </c>
    </row>
    <row r="1194" spans="1:4" x14ac:dyDescent="0.25">
      <c r="A1194" s="20">
        <v>43605.499999997119</v>
      </c>
      <c r="B1194" s="22">
        <v>1.5237017869949341</v>
      </c>
      <c r="C1194" s="21">
        <v>186362.0091683692</v>
      </c>
      <c r="D1194">
        <f t="shared" si="18"/>
        <v>12</v>
      </c>
    </row>
    <row r="1195" spans="1:4" x14ac:dyDescent="0.25">
      <c r="A1195" s="20">
        <v>43605.541666663783</v>
      </c>
      <c r="B1195" s="22">
        <v>1.7552744150161743</v>
      </c>
      <c r="C1195" s="21">
        <v>214685.35996757724</v>
      </c>
      <c r="D1195">
        <f t="shared" si="18"/>
        <v>13</v>
      </c>
    </row>
    <row r="1196" spans="1:4" x14ac:dyDescent="0.25">
      <c r="A1196" s="20">
        <v>43605.583333330447</v>
      </c>
      <c r="B1196" s="22">
        <v>1.8092974424362183</v>
      </c>
      <c r="C1196" s="21">
        <v>221292.84708696514</v>
      </c>
      <c r="D1196">
        <f t="shared" si="18"/>
        <v>14</v>
      </c>
    </row>
    <row r="1197" spans="1:4" x14ac:dyDescent="0.25">
      <c r="A1197" s="20">
        <v>43605.624999997111</v>
      </c>
      <c r="B1197" s="22">
        <v>2.1258065700531006</v>
      </c>
      <c r="C1197" s="21">
        <v>260004.67209515229</v>
      </c>
      <c r="D1197">
        <f t="shared" si="18"/>
        <v>15</v>
      </c>
    </row>
    <row r="1198" spans="1:4" x14ac:dyDescent="0.25">
      <c r="A1198" s="20">
        <v>43605.666666663776</v>
      </c>
      <c r="B1198" s="22">
        <v>2.2975871562957764</v>
      </c>
      <c r="C1198" s="21">
        <v>281014.93503606709</v>
      </c>
      <c r="D1198">
        <f t="shared" si="18"/>
        <v>16</v>
      </c>
    </row>
    <row r="1199" spans="1:4" x14ac:dyDescent="0.25">
      <c r="A1199" s="20">
        <v>43605.70833333044</v>
      </c>
      <c r="B1199" s="22">
        <v>2.201948881149292</v>
      </c>
      <c r="C1199" s="21">
        <v>269317.54040030472</v>
      </c>
      <c r="D1199">
        <f t="shared" si="18"/>
        <v>17</v>
      </c>
    </row>
    <row r="1200" spans="1:4" x14ac:dyDescent="0.25">
      <c r="A1200" s="20">
        <v>43605.749999997104</v>
      </c>
      <c r="B1200" s="22">
        <v>2.2115805149078369</v>
      </c>
      <c r="C1200" s="21">
        <v>270495.5731585102</v>
      </c>
      <c r="D1200">
        <f t="shared" si="18"/>
        <v>18</v>
      </c>
    </row>
    <row r="1201" spans="1:4" x14ac:dyDescent="0.25">
      <c r="A1201" s="20">
        <v>43605.791666663768</v>
      </c>
      <c r="B1201" s="22">
        <v>2.0174732208251953</v>
      </c>
      <c r="C1201" s="21">
        <v>246754.55924868217</v>
      </c>
      <c r="D1201">
        <f t="shared" si="18"/>
        <v>19</v>
      </c>
    </row>
    <row r="1202" spans="1:4" x14ac:dyDescent="0.25">
      <c r="A1202" s="20">
        <v>43605.833333330433</v>
      </c>
      <c r="B1202" s="22">
        <v>1.6756453514099121</v>
      </c>
      <c r="C1202" s="21">
        <v>204946.03143983023</v>
      </c>
      <c r="D1202">
        <f t="shared" si="18"/>
        <v>20</v>
      </c>
    </row>
    <row r="1203" spans="1:4" x14ac:dyDescent="0.25">
      <c r="A1203" s="20">
        <v>43605.874999997097</v>
      </c>
      <c r="B1203" s="22">
        <v>1.6063501834869385</v>
      </c>
      <c r="C1203" s="21">
        <v>196470.62842461551</v>
      </c>
      <c r="D1203">
        <f t="shared" si="18"/>
        <v>21</v>
      </c>
    </row>
    <row r="1204" spans="1:4" x14ac:dyDescent="0.25">
      <c r="A1204" s="20">
        <v>43605.916666663761</v>
      </c>
      <c r="B1204" s="22">
        <v>1.2259600162506104</v>
      </c>
      <c r="C1204" s="21">
        <v>149945.59548239861</v>
      </c>
      <c r="D1204">
        <f t="shared" si="18"/>
        <v>22</v>
      </c>
    </row>
    <row r="1205" spans="1:4" x14ac:dyDescent="0.25">
      <c r="A1205" s="20">
        <v>43605.958333330425</v>
      </c>
      <c r="B1205" s="22">
        <v>1.0073317289352417</v>
      </c>
      <c r="C1205" s="21">
        <v>123205.45037468206</v>
      </c>
      <c r="D1205">
        <f t="shared" si="18"/>
        <v>23</v>
      </c>
    </row>
    <row r="1206" spans="1:4" x14ac:dyDescent="0.25">
      <c r="A1206" s="20">
        <v>43605.99999999709</v>
      </c>
      <c r="B1206" s="22">
        <v>0.83672797679901123</v>
      </c>
      <c r="C1206" s="21">
        <v>102339.12450229788</v>
      </c>
      <c r="D1206">
        <f t="shared" si="18"/>
        <v>0</v>
      </c>
    </row>
    <row r="1207" spans="1:4" x14ac:dyDescent="0.25">
      <c r="A1207" s="20">
        <v>43606.041666663754</v>
      </c>
      <c r="B1207" s="22">
        <v>0.67718124389648438</v>
      </c>
      <c r="C1207" s="21">
        <v>82825.16845542287</v>
      </c>
      <c r="D1207">
        <f t="shared" si="18"/>
        <v>1</v>
      </c>
    </row>
    <row r="1208" spans="1:4" x14ac:dyDescent="0.25">
      <c r="A1208" s="20">
        <v>43606.083333330418</v>
      </c>
      <c r="B1208" s="22">
        <v>0.60983371734619141</v>
      </c>
      <c r="C1208" s="21">
        <v>74587.978955772822</v>
      </c>
      <c r="D1208">
        <f t="shared" si="18"/>
        <v>2</v>
      </c>
    </row>
    <row r="1209" spans="1:4" x14ac:dyDescent="0.25">
      <c r="A1209" s="20">
        <v>43606.124999997082</v>
      </c>
      <c r="B1209" s="22">
        <v>0.61605817079544067</v>
      </c>
      <c r="C1209" s="21">
        <v>75349.283865091638</v>
      </c>
      <c r="D1209">
        <f t="shared" si="18"/>
        <v>3</v>
      </c>
    </row>
    <row r="1210" spans="1:4" x14ac:dyDescent="0.25">
      <c r="A1210" s="20">
        <v>43606.166666663747</v>
      </c>
      <c r="B1210" s="22">
        <v>0.63370043039321899</v>
      </c>
      <c r="C1210" s="21">
        <v>77507.085984229547</v>
      </c>
      <c r="D1210">
        <f t="shared" si="18"/>
        <v>4</v>
      </c>
    </row>
    <row r="1211" spans="1:4" x14ac:dyDescent="0.25">
      <c r="A1211" s="20">
        <v>43606.208333330411</v>
      </c>
      <c r="B1211" s="22">
        <v>0.65271198749542236</v>
      </c>
      <c r="C1211" s="21">
        <v>79832.365122986361</v>
      </c>
      <c r="D1211">
        <f t="shared" si="18"/>
        <v>5</v>
      </c>
    </row>
    <row r="1212" spans="1:4" x14ac:dyDescent="0.25">
      <c r="A1212" s="20">
        <v>43606.249999997075</v>
      </c>
      <c r="B1212" s="22">
        <v>0.9501151442527771</v>
      </c>
      <c r="C1212" s="21">
        <v>116207.36336698353</v>
      </c>
      <c r="D1212">
        <f t="shared" si="18"/>
        <v>6</v>
      </c>
    </row>
    <row r="1213" spans="1:4" x14ac:dyDescent="0.25">
      <c r="A1213" s="20">
        <v>43606.291666663739</v>
      </c>
      <c r="B1213" s="22">
        <v>0.96701169013977051</v>
      </c>
      <c r="C1213" s="21">
        <v>118273.95819963508</v>
      </c>
      <c r="D1213">
        <f t="shared" si="18"/>
        <v>7</v>
      </c>
    </row>
    <row r="1214" spans="1:4" x14ac:dyDescent="0.25">
      <c r="A1214" s="20">
        <v>43606.333333330404</v>
      </c>
      <c r="B1214" s="22">
        <v>0.8733365535736084</v>
      </c>
      <c r="C1214" s="21">
        <v>106816.67252300589</v>
      </c>
      <c r="D1214">
        <f t="shared" si="18"/>
        <v>8</v>
      </c>
    </row>
    <row r="1215" spans="1:4" x14ac:dyDescent="0.25">
      <c r="A1215" s="20">
        <v>43606.374999997068</v>
      </c>
      <c r="B1215" s="22">
        <v>0.81181991100311279</v>
      </c>
      <c r="C1215" s="21">
        <v>99292.650956200378</v>
      </c>
      <c r="D1215">
        <f t="shared" si="18"/>
        <v>9</v>
      </c>
    </row>
    <row r="1216" spans="1:4" x14ac:dyDescent="0.25">
      <c r="A1216" s="20">
        <v>43606.416666663732</v>
      </c>
      <c r="B1216" s="22">
        <v>0.79229152202606201</v>
      </c>
      <c r="C1216" s="21">
        <v>96904.158774431533</v>
      </c>
      <c r="D1216">
        <f t="shared" si="18"/>
        <v>10</v>
      </c>
    </row>
    <row r="1217" spans="1:4" x14ac:dyDescent="0.25">
      <c r="A1217" s="20">
        <v>43606.458333330396</v>
      </c>
      <c r="B1217" s="22">
        <v>0.88001066446304321</v>
      </c>
      <c r="C1217" s="21">
        <v>107632.97445648372</v>
      </c>
      <c r="D1217">
        <f t="shared" si="18"/>
        <v>11</v>
      </c>
    </row>
    <row r="1218" spans="1:4" x14ac:dyDescent="0.25">
      <c r="A1218" s="20">
        <v>43606.499999997061</v>
      </c>
      <c r="B1218" s="22">
        <v>1.0308170318603516</v>
      </c>
      <c r="C1218" s="21">
        <v>126077.90762084909</v>
      </c>
      <c r="D1218">
        <f t="shared" si="18"/>
        <v>12</v>
      </c>
    </row>
    <row r="1219" spans="1:4" x14ac:dyDescent="0.25">
      <c r="A1219" s="20">
        <v>43606.541666663725</v>
      </c>
      <c r="B1219" s="22">
        <v>1.132732629776001</v>
      </c>
      <c r="C1219" s="21">
        <v>138543.07354456617</v>
      </c>
      <c r="D1219">
        <f t="shared" si="18"/>
        <v>13</v>
      </c>
    </row>
    <row r="1220" spans="1:4" x14ac:dyDescent="0.25">
      <c r="A1220" s="20">
        <v>43606.583333330389</v>
      </c>
      <c r="B1220" s="22">
        <v>1.2617945671081543</v>
      </c>
      <c r="C1220" s="21">
        <v>154328.47338702381</v>
      </c>
      <c r="D1220">
        <f t="shared" si="18"/>
        <v>14</v>
      </c>
    </row>
    <row r="1221" spans="1:4" x14ac:dyDescent="0.25">
      <c r="A1221" s="20">
        <v>43606.624999997053</v>
      </c>
      <c r="B1221" s="22">
        <v>1.5090479850769043</v>
      </c>
      <c r="C1221" s="21">
        <v>184569.72147092855</v>
      </c>
      <c r="D1221">
        <f t="shared" si="18"/>
        <v>15</v>
      </c>
    </row>
    <row r="1222" spans="1:4" x14ac:dyDescent="0.25">
      <c r="A1222" s="20">
        <v>43606.666666663717</v>
      </c>
      <c r="B1222" s="22">
        <v>1.6712532043457031</v>
      </c>
      <c r="C1222" s="21">
        <v>204408.83357182532</v>
      </c>
      <c r="D1222">
        <f t="shared" si="18"/>
        <v>16</v>
      </c>
    </row>
    <row r="1223" spans="1:4" x14ac:dyDescent="0.25">
      <c r="A1223" s="20">
        <v>43606.708333330382</v>
      </c>
      <c r="B1223" s="22">
        <v>1.75593101978302</v>
      </c>
      <c r="C1223" s="21">
        <v>214765.66845354435</v>
      </c>
      <c r="D1223">
        <f t="shared" ref="D1223:D1286" si="19">HOUR(A1223)</f>
        <v>17</v>
      </c>
    </row>
    <row r="1224" spans="1:4" x14ac:dyDescent="0.25">
      <c r="A1224" s="20">
        <v>43606.749999997046</v>
      </c>
      <c r="B1224" s="22">
        <v>1.8552144765853882</v>
      </c>
      <c r="C1224" s="21">
        <v>226908.90057730625</v>
      </c>
      <c r="D1224">
        <f t="shared" si="19"/>
        <v>18</v>
      </c>
    </row>
    <row r="1225" spans="1:4" x14ac:dyDescent="0.25">
      <c r="A1225" s="20">
        <v>43606.79166666371</v>
      </c>
      <c r="B1225" s="22">
        <v>1.6499330997467041</v>
      </c>
      <c r="C1225" s="21">
        <v>201801.19895285874</v>
      </c>
      <c r="D1225">
        <f t="shared" si="19"/>
        <v>19</v>
      </c>
    </row>
    <row r="1226" spans="1:4" x14ac:dyDescent="0.25">
      <c r="A1226" s="20">
        <v>43606.833333330374</v>
      </c>
      <c r="B1226" s="22">
        <v>1.6318706274032593</v>
      </c>
      <c r="C1226" s="21">
        <v>199592.0011523421</v>
      </c>
      <c r="D1226">
        <f t="shared" si="19"/>
        <v>20</v>
      </c>
    </row>
    <row r="1227" spans="1:4" x14ac:dyDescent="0.25">
      <c r="A1227" s="20">
        <v>43606.874999997039</v>
      </c>
      <c r="B1227" s="22">
        <v>1.4607714414596558</v>
      </c>
      <c r="C1227" s="21">
        <v>178665.07940710406</v>
      </c>
      <c r="D1227">
        <f t="shared" si="19"/>
        <v>21</v>
      </c>
    </row>
    <row r="1228" spans="1:4" x14ac:dyDescent="0.25">
      <c r="A1228" s="20">
        <v>43606.916666663703</v>
      </c>
      <c r="B1228" s="22">
        <v>1.2179656028747559</v>
      </c>
      <c r="C1228" s="21">
        <v>148967.80904704565</v>
      </c>
      <c r="D1228">
        <f t="shared" si="19"/>
        <v>22</v>
      </c>
    </row>
    <row r="1229" spans="1:4" x14ac:dyDescent="0.25">
      <c r="A1229" s="20">
        <v>43606.958333330367</v>
      </c>
      <c r="B1229" s="22">
        <v>0.91162979602813721</v>
      </c>
      <c r="C1229" s="21">
        <v>111500.26983995333</v>
      </c>
      <c r="D1229">
        <f t="shared" si="19"/>
        <v>23</v>
      </c>
    </row>
    <row r="1230" spans="1:4" x14ac:dyDescent="0.25">
      <c r="A1230" s="20">
        <v>43606.999999997031</v>
      </c>
      <c r="B1230" s="22">
        <v>0.711203932762146</v>
      </c>
      <c r="C1230" s="21">
        <v>86986.439846211157</v>
      </c>
      <c r="D1230">
        <f t="shared" si="19"/>
        <v>0</v>
      </c>
    </row>
    <row r="1231" spans="1:4" x14ac:dyDescent="0.25">
      <c r="A1231" s="20">
        <v>43607.041666663696</v>
      </c>
      <c r="B1231" s="22">
        <v>0.73078209161758423</v>
      </c>
      <c r="C1231" s="21">
        <v>89381.019317902159</v>
      </c>
      <c r="D1231">
        <f t="shared" si="19"/>
        <v>1</v>
      </c>
    </row>
    <row r="1232" spans="1:4" x14ac:dyDescent="0.25">
      <c r="A1232" s="20">
        <v>43607.08333333036</v>
      </c>
      <c r="B1232" s="22">
        <v>0.61226564645767212</v>
      </c>
      <c r="C1232" s="21">
        <v>74885.425082855494</v>
      </c>
      <c r="D1232">
        <f t="shared" si="19"/>
        <v>2</v>
      </c>
    </row>
    <row r="1233" spans="1:4" x14ac:dyDescent="0.25">
      <c r="A1233" s="20">
        <v>43607.124999997024</v>
      </c>
      <c r="B1233" s="22">
        <v>0.61248224973678589</v>
      </c>
      <c r="C1233" s="21">
        <v>74911.91755181014</v>
      </c>
      <c r="D1233">
        <f t="shared" si="19"/>
        <v>3</v>
      </c>
    </row>
    <row r="1234" spans="1:4" x14ac:dyDescent="0.25">
      <c r="A1234" s="20">
        <v>43607.166666663688</v>
      </c>
      <c r="B1234" s="22">
        <v>0.65559858083724976</v>
      </c>
      <c r="C1234" s="21">
        <v>80185.420648304062</v>
      </c>
      <c r="D1234">
        <f t="shared" si="19"/>
        <v>4</v>
      </c>
    </row>
    <row r="1235" spans="1:4" x14ac:dyDescent="0.25">
      <c r="A1235" s="20">
        <v>43607.208333330353</v>
      </c>
      <c r="B1235" s="22">
        <v>0.68367666006088257</v>
      </c>
      <c r="C1235" s="21">
        <v>83619.614466521482</v>
      </c>
      <c r="D1235">
        <f t="shared" si="19"/>
        <v>5</v>
      </c>
    </row>
    <row r="1236" spans="1:4" x14ac:dyDescent="0.25">
      <c r="A1236" s="20">
        <v>43607.249999997017</v>
      </c>
      <c r="B1236" s="22">
        <v>0.81220871210098267</v>
      </c>
      <c r="C1236" s="21">
        <v>99340.204719268935</v>
      </c>
      <c r="D1236">
        <f t="shared" si="19"/>
        <v>6</v>
      </c>
    </row>
    <row r="1237" spans="1:4" x14ac:dyDescent="0.25">
      <c r="A1237" s="20">
        <v>43607.291666663681</v>
      </c>
      <c r="B1237" s="22">
        <v>0.82503491640090942</v>
      </c>
      <c r="C1237" s="21">
        <v>100908.96129863382</v>
      </c>
      <c r="D1237">
        <f t="shared" si="19"/>
        <v>7</v>
      </c>
    </row>
    <row r="1238" spans="1:4" x14ac:dyDescent="0.25">
      <c r="A1238" s="20">
        <v>43607.333333330345</v>
      </c>
      <c r="B1238" s="22">
        <v>0.81116199493408203</v>
      </c>
      <c r="C1238" s="21">
        <v>99212.182086546731</v>
      </c>
      <c r="D1238">
        <f t="shared" si="19"/>
        <v>8</v>
      </c>
    </row>
    <row r="1239" spans="1:4" x14ac:dyDescent="0.25">
      <c r="A1239" s="20">
        <v>43607.37499999701</v>
      </c>
      <c r="B1239" s="22">
        <v>0.99107354879379272</v>
      </c>
      <c r="C1239" s="21">
        <v>121216.93323672074</v>
      </c>
      <c r="D1239">
        <f t="shared" si="19"/>
        <v>9</v>
      </c>
    </row>
    <row r="1240" spans="1:4" x14ac:dyDescent="0.25">
      <c r="A1240" s="20">
        <v>43607.416666663674</v>
      </c>
      <c r="B1240" s="22">
        <v>1.1396209001541138</v>
      </c>
      <c r="C1240" s="21">
        <v>139385.56905012819</v>
      </c>
      <c r="D1240">
        <f t="shared" si="19"/>
        <v>10</v>
      </c>
    </row>
    <row r="1241" spans="1:4" x14ac:dyDescent="0.25">
      <c r="A1241" s="20">
        <v>43607.458333330338</v>
      </c>
      <c r="B1241" s="22">
        <v>1.2577828168869019</v>
      </c>
      <c r="C1241" s="21">
        <v>153837.80136845986</v>
      </c>
      <c r="D1241">
        <f t="shared" si="19"/>
        <v>11</v>
      </c>
    </row>
    <row r="1242" spans="1:4" x14ac:dyDescent="0.25">
      <c r="A1242" s="20">
        <v>43607.499999997002</v>
      </c>
      <c r="B1242" s="22">
        <v>1.5905442237854004</v>
      </c>
      <c r="C1242" s="21">
        <v>194537.42178801878</v>
      </c>
      <c r="D1242">
        <f t="shared" si="19"/>
        <v>12</v>
      </c>
    </row>
    <row r="1243" spans="1:4" x14ac:dyDescent="0.25">
      <c r="A1243" s="20">
        <v>43607.541666663667</v>
      </c>
      <c r="B1243" s="22">
        <v>1.812649130821228</v>
      </c>
      <c r="C1243" s="21">
        <v>221702.78778984281</v>
      </c>
      <c r="D1243">
        <f t="shared" si="19"/>
        <v>13</v>
      </c>
    </row>
    <row r="1244" spans="1:4" x14ac:dyDescent="0.25">
      <c r="A1244" s="20">
        <v>43607.583333330331</v>
      </c>
      <c r="B1244" s="22">
        <v>2.0230705738067627</v>
      </c>
      <c r="C1244" s="21">
        <v>247439.16430498176</v>
      </c>
      <c r="D1244">
        <f t="shared" si="19"/>
        <v>14</v>
      </c>
    </row>
    <row r="1245" spans="1:4" x14ac:dyDescent="0.25">
      <c r="A1245" s="20">
        <v>43607.624999996995</v>
      </c>
      <c r="B1245" s="22">
        <v>2.171473503112793</v>
      </c>
      <c r="C1245" s="21">
        <v>265590.13604236359</v>
      </c>
      <c r="D1245">
        <f t="shared" si="19"/>
        <v>15</v>
      </c>
    </row>
    <row r="1246" spans="1:4" x14ac:dyDescent="0.25">
      <c r="A1246" s="20">
        <v>43607.666666663659</v>
      </c>
      <c r="B1246" s="22">
        <v>2.3791515827178955</v>
      </c>
      <c r="C1246" s="21">
        <v>290990.97530485911</v>
      </c>
      <c r="D1246">
        <f t="shared" si="19"/>
        <v>16</v>
      </c>
    </row>
    <row r="1247" spans="1:4" x14ac:dyDescent="0.25">
      <c r="A1247" s="20">
        <v>43607.708333330324</v>
      </c>
      <c r="B1247" s="22">
        <v>2.4958367347717285</v>
      </c>
      <c r="C1247" s="21">
        <v>305262.58643144055</v>
      </c>
      <c r="D1247">
        <f t="shared" si="19"/>
        <v>17</v>
      </c>
    </row>
    <row r="1248" spans="1:4" x14ac:dyDescent="0.25">
      <c r="A1248" s="20">
        <v>43607.749999996988</v>
      </c>
      <c r="B1248" s="22">
        <v>2.5369386672973633</v>
      </c>
      <c r="C1248" s="21">
        <v>310289.71102468978</v>
      </c>
      <c r="D1248">
        <f t="shared" si="19"/>
        <v>18</v>
      </c>
    </row>
    <row r="1249" spans="1:4" x14ac:dyDescent="0.25">
      <c r="A1249" s="20">
        <v>43607.791666663652</v>
      </c>
      <c r="B1249" s="22">
        <v>2.2703976631164551</v>
      </c>
      <c r="C1249" s="21">
        <v>277689.42303600482</v>
      </c>
      <c r="D1249">
        <f t="shared" si="19"/>
        <v>19</v>
      </c>
    </row>
    <row r="1250" spans="1:4" x14ac:dyDescent="0.25">
      <c r="A1250" s="20">
        <v>43607.833333330316</v>
      </c>
      <c r="B1250" s="22">
        <v>2.3745026588439941</v>
      </c>
      <c r="C1250" s="21">
        <v>290422.37139495637</v>
      </c>
      <c r="D1250">
        <f t="shared" si="19"/>
        <v>20</v>
      </c>
    </row>
    <row r="1251" spans="1:4" x14ac:dyDescent="0.25">
      <c r="A1251" s="20">
        <v>43607.87499999698</v>
      </c>
      <c r="B1251" s="22">
        <v>2.2661623954772949</v>
      </c>
      <c r="C1251" s="21">
        <v>277171.41288904799</v>
      </c>
      <c r="D1251">
        <f t="shared" si="19"/>
        <v>21</v>
      </c>
    </row>
    <row r="1252" spans="1:4" x14ac:dyDescent="0.25">
      <c r="A1252" s="20">
        <v>43607.916666663645</v>
      </c>
      <c r="B1252" s="22">
        <v>1.8852607011795044</v>
      </c>
      <c r="C1252" s="21">
        <v>230583.81572873291</v>
      </c>
      <c r="D1252">
        <f t="shared" si="19"/>
        <v>22</v>
      </c>
    </row>
    <row r="1253" spans="1:4" x14ac:dyDescent="0.25">
      <c r="A1253" s="20">
        <v>43607.958333330309</v>
      </c>
      <c r="B1253" s="22">
        <v>1.433097243309021</v>
      </c>
      <c r="C1253" s="21">
        <v>175280.28376435078</v>
      </c>
      <c r="D1253">
        <f t="shared" si="19"/>
        <v>23</v>
      </c>
    </row>
    <row r="1254" spans="1:4" x14ac:dyDescent="0.25">
      <c r="A1254" s="20">
        <v>43607.999999996973</v>
      </c>
      <c r="B1254" s="22">
        <v>1.2256957292556763</v>
      </c>
      <c r="C1254" s="21">
        <v>149913.27087938684</v>
      </c>
      <c r="D1254">
        <f t="shared" si="19"/>
        <v>0</v>
      </c>
    </row>
    <row r="1255" spans="1:4" x14ac:dyDescent="0.25">
      <c r="A1255" s="20">
        <v>43608.041666663637</v>
      </c>
      <c r="B1255" s="22">
        <v>1.0580027103424072</v>
      </c>
      <c r="C1255" s="21">
        <v>129402.95305018677</v>
      </c>
      <c r="D1255">
        <f t="shared" si="19"/>
        <v>1</v>
      </c>
    </row>
    <row r="1256" spans="1:4" x14ac:dyDescent="0.25">
      <c r="A1256" s="20">
        <v>43608.083333330302</v>
      </c>
      <c r="B1256" s="22">
        <v>0.88071954250335693</v>
      </c>
      <c r="C1256" s="21">
        <v>107719.67641941096</v>
      </c>
      <c r="D1256">
        <f t="shared" si="19"/>
        <v>2</v>
      </c>
    </row>
    <row r="1257" spans="1:4" x14ac:dyDescent="0.25">
      <c r="A1257" s="20">
        <v>43608.124999996966</v>
      </c>
      <c r="B1257" s="22">
        <v>0.85364681482315063</v>
      </c>
      <c r="C1257" s="21">
        <v>104408.44585762113</v>
      </c>
      <c r="D1257">
        <f t="shared" si="19"/>
        <v>3</v>
      </c>
    </row>
    <row r="1258" spans="1:4" x14ac:dyDescent="0.25">
      <c r="A1258" s="20">
        <v>43608.16666666363</v>
      </c>
      <c r="B1258" s="22">
        <v>0.77013123035430908</v>
      </c>
      <c r="C1258" s="21">
        <v>94193.761953377805</v>
      </c>
      <c r="D1258">
        <f t="shared" si="19"/>
        <v>4</v>
      </c>
    </row>
    <row r="1259" spans="1:4" x14ac:dyDescent="0.25">
      <c r="A1259" s="20">
        <v>43608.208333330294</v>
      </c>
      <c r="B1259" s="22">
        <v>0.73696309328079224</v>
      </c>
      <c r="C1259" s="21">
        <v>90137.009695061381</v>
      </c>
      <c r="D1259">
        <f t="shared" si="19"/>
        <v>5</v>
      </c>
    </row>
    <row r="1260" spans="1:4" x14ac:dyDescent="0.25">
      <c r="A1260" s="20">
        <v>43608.249999996959</v>
      </c>
      <c r="B1260" s="22">
        <v>0.91492354869842529</v>
      </c>
      <c r="C1260" s="21">
        <v>111903.12449995158</v>
      </c>
      <c r="D1260">
        <f t="shared" si="19"/>
        <v>6</v>
      </c>
    </row>
    <row r="1261" spans="1:4" x14ac:dyDescent="0.25">
      <c r="A1261" s="20">
        <v>43608.291666663623</v>
      </c>
      <c r="B1261" s="22">
        <v>1.1019089221954346</v>
      </c>
      <c r="C1261" s="21">
        <v>134773.06544733752</v>
      </c>
      <c r="D1261">
        <f t="shared" si="19"/>
        <v>7</v>
      </c>
    </row>
    <row r="1262" spans="1:4" x14ac:dyDescent="0.25">
      <c r="A1262" s="20">
        <v>43608.333333330287</v>
      </c>
      <c r="B1262" s="22">
        <v>1.0699244737625122</v>
      </c>
      <c r="C1262" s="21">
        <v>130861.0886268225</v>
      </c>
      <c r="D1262">
        <f t="shared" si="19"/>
        <v>8</v>
      </c>
    </row>
    <row r="1263" spans="1:4" x14ac:dyDescent="0.25">
      <c r="A1263" s="20">
        <v>43608.374999996951</v>
      </c>
      <c r="B1263" s="22">
        <v>1.1146100759506226</v>
      </c>
      <c r="C1263" s="21">
        <v>136326.52725513751</v>
      </c>
      <c r="D1263">
        <f t="shared" si="19"/>
        <v>9</v>
      </c>
    </row>
    <row r="1264" spans="1:4" x14ac:dyDescent="0.25">
      <c r="A1264" s="20">
        <v>43608.416666663616</v>
      </c>
      <c r="B1264" s="22">
        <v>1.4046845436096191</v>
      </c>
      <c r="C1264" s="21">
        <v>171805.16294538722</v>
      </c>
      <c r="D1264">
        <f t="shared" si="19"/>
        <v>10</v>
      </c>
    </row>
    <row r="1265" spans="1:4" x14ac:dyDescent="0.25">
      <c r="A1265" s="20">
        <v>43608.45833333028</v>
      </c>
      <c r="B1265" s="22">
        <v>1.5374094247817993</v>
      </c>
      <c r="C1265" s="21">
        <v>188038.57274578064</v>
      </c>
      <c r="D1265">
        <f t="shared" si="19"/>
        <v>11</v>
      </c>
    </row>
    <row r="1266" spans="1:4" x14ac:dyDescent="0.25">
      <c r="A1266" s="20">
        <v>43608.499999996944</v>
      </c>
      <c r="B1266" s="22">
        <v>1.4828894138336182</v>
      </c>
      <c r="C1266" s="21">
        <v>181370.30020918205</v>
      </c>
      <c r="D1266">
        <f t="shared" si="19"/>
        <v>12</v>
      </c>
    </row>
    <row r="1267" spans="1:4" x14ac:dyDescent="0.25">
      <c r="A1267" s="20">
        <v>43608.541666663608</v>
      </c>
      <c r="B1267" s="22">
        <v>1.5812970399856567</v>
      </c>
      <c r="C1267" s="21">
        <v>193406.41061064909</v>
      </c>
      <c r="D1267">
        <f t="shared" si="19"/>
        <v>13</v>
      </c>
    </row>
    <row r="1268" spans="1:4" x14ac:dyDescent="0.25">
      <c r="A1268" s="20">
        <v>43608.583333330273</v>
      </c>
      <c r="B1268" s="22">
        <v>1.8832712173461914</v>
      </c>
      <c r="C1268" s="21">
        <v>230340.48451553311</v>
      </c>
      <c r="D1268">
        <f t="shared" si="19"/>
        <v>14</v>
      </c>
    </row>
    <row r="1269" spans="1:4" x14ac:dyDescent="0.25">
      <c r="A1269" s="20">
        <v>43608.624999996937</v>
      </c>
      <c r="B1269" s="22">
        <v>2.2304503917694092</v>
      </c>
      <c r="C1269" s="21">
        <v>272803.52356894972</v>
      </c>
      <c r="D1269">
        <f t="shared" si="19"/>
        <v>15</v>
      </c>
    </row>
    <row r="1270" spans="1:4" x14ac:dyDescent="0.25">
      <c r="A1270" s="20">
        <v>43608.666666663601</v>
      </c>
      <c r="B1270" s="22">
        <v>2.5877833366394043</v>
      </c>
      <c r="C1270" s="21">
        <v>316508.4572484977</v>
      </c>
      <c r="D1270">
        <f t="shared" si="19"/>
        <v>16</v>
      </c>
    </row>
    <row r="1271" spans="1:4" x14ac:dyDescent="0.25">
      <c r="A1271" s="20">
        <v>43608.708333330265</v>
      </c>
      <c r="B1271" s="22">
        <v>2.4362640380859375</v>
      </c>
      <c r="C1271" s="21">
        <v>297976.32638981025</v>
      </c>
      <c r="D1271">
        <f t="shared" si="19"/>
        <v>17</v>
      </c>
    </row>
    <row r="1272" spans="1:4" x14ac:dyDescent="0.25">
      <c r="A1272" s="20">
        <v>43608.74999999693</v>
      </c>
      <c r="B1272" s="22">
        <v>2.4114267826080322</v>
      </c>
      <c r="C1272" s="21">
        <v>294938.51356278762</v>
      </c>
      <c r="D1272">
        <f t="shared" si="19"/>
        <v>18</v>
      </c>
    </row>
    <row r="1273" spans="1:4" x14ac:dyDescent="0.25">
      <c r="A1273" s="20">
        <v>43608.791666663594</v>
      </c>
      <c r="B1273" s="22">
        <v>2.1870758533477783</v>
      </c>
      <c r="C1273" s="21">
        <v>267498.43946653628</v>
      </c>
      <c r="D1273">
        <f t="shared" si="19"/>
        <v>19</v>
      </c>
    </row>
    <row r="1274" spans="1:4" x14ac:dyDescent="0.25">
      <c r="A1274" s="20">
        <v>43608.833333330258</v>
      </c>
      <c r="B1274" s="22">
        <v>2.0563445091247559</v>
      </c>
      <c r="C1274" s="21">
        <v>251508.85661073751</v>
      </c>
      <c r="D1274">
        <f t="shared" si="19"/>
        <v>20</v>
      </c>
    </row>
    <row r="1275" spans="1:4" x14ac:dyDescent="0.25">
      <c r="A1275" s="20">
        <v>43608.874999996922</v>
      </c>
      <c r="B1275" s="22">
        <v>2.0641520023345947</v>
      </c>
      <c r="C1275" s="21">
        <v>252463.7810805864</v>
      </c>
      <c r="D1275">
        <f t="shared" si="19"/>
        <v>21</v>
      </c>
    </row>
    <row r="1276" spans="1:4" x14ac:dyDescent="0.25">
      <c r="A1276" s="20">
        <v>43608.916666663587</v>
      </c>
      <c r="B1276" s="22">
        <v>1.8080452680587769</v>
      </c>
      <c r="C1276" s="21">
        <v>221139.69524662412</v>
      </c>
      <c r="D1276">
        <f t="shared" si="19"/>
        <v>22</v>
      </c>
    </row>
    <row r="1277" spans="1:4" x14ac:dyDescent="0.25">
      <c r="A1277" s="20">
        <v>43608.958333330251</v>
      </c>
      <c r="B1277" s="22">
        <v>1.4571247100830078</v>
      </c>
      <c r="C1277" s="21">
        <v>178219.0523747477</v>
      </c>
      <c r="D1277">
        <f t="shared" si="19"/>
        <v>23</v>
      </c>
    </row>
    <row r="1278" spans="1:4" x14ac:dyDescent="0.25">
      <c r="A1278" s="20">
        <v>43608.999999996915</v>
      </c>
      <c r="B1278" s="22">
        <v>1.2396601438522339</v>
      </c>
      <c r="C1278" s="21">
        <v>151621.24049869608</v>
      </c>
      <c r="D1278">
        <f t="shared" si="19"/>
        <v>0</v>
      </c>
    </row>
    <row r="1279" spans="1:4" x14ac:dyDescent="0.25">
      <c r="A1279" s="20">
        <v>43609.041666663579</v>
      </c>
      <c r="B1279" s="22">
        <v>1.065255880355835</v>
      </c>
      <c r="C1279" s="21">
        <v>130290.07896162121</v>
      </c>
      <c r="D1279">
        <f t="shared" si="19"/>
        <v>1</v>
      </c>
    </row>
    <row r="1280" spans="1:4" x14ac:dyDescent="0.25">
      <c r="A1280" s="20">
        <v>43609.083333330243</v>
      </c>
      <c r="B1280" s="22">
        <v>0.92172384262084961</v>
      </c>
      <c r="C1280" s="21">
        <v>112734.85971817814</v>
      </c>
      <c r="D1280">
        <f t="shared" si="19"/>
        <v>2</v>
      </c>
    </row>
    <row r="1281" spans="1:4" x14ac:dyDescent="0.25">
      <c r="A1281" s="20">
        <v>43609.124999996908</v>
      </c>
      <c r="B1281" s="22">
        <v>0.77461433410644531</v>
      </c>
      <c r="C1281" s="21">
        <v>94742.084617096742</v>
      </c>
      <c r="D1281">
        <f t="shared" si="19"/>
        <v>3</v>
      </c>
    </row>
    <row r="1282" spans="1:4" x14ac:dyDescent="0.25">
      <c r="A1282" s="20">
        <v>43609.166666663572</v>
      </c>
      <c r="B1282" s="22">
        <v>0.83331871032714844</v>
      </c>
      <c r="C1282" s="21">
        <v>101922.14149754617</v>
      </c>
      <c r="D1282">
        <f t="shared" si="19"/>
        <v>4</v>
      </c>
    </row>
    <row r="1283" spans="1:4" x14ac:dyDescent="0.25">
      <c r="A1283" s="20">
        <v>43609.208333330236</v>
      </c>
      <c r="B1283" s="22">
        <v>0.84172213077545166</v>
      </c>
      <c r="C1283" s="21">
        <v>102949.95306277442</v>
      </c>
      <c r="D1283">
        <f t="shared" si="19"/>
        <v>5</v>
      </c>
    </row>
    <row r="1284" spans="1:4" x14ac:dyDescent="0.25">
      <c r="A1284" s="20">
        <v>43609.2499999969</v>
      </c>
      <c r="B1284" s="22">
        <v>0.93122798204421997</v>
      </c>
      <c r="C1284" s="21">
        <v>113897.29880794835</v>
      </c>
      <c r="D1284">
        <f t="shared" si="19"/>
        <v>6</v>
      </c>
    </row>
    <row r="1285" spans="1:4" x14ac:dyDescent="0.25">
      <c r="A1285" s="20">
        <v>43609.291666663565</v>
      </c>
      <c r="B1285" s="22">
        <v>1.0794756412506104</v>
      </c>
      <c r="C1285" s="21">
        <v>132029.27965880657</v>
      </c>
      <c r="D1285">
        <f t="shared" si="19"/>
        <v>7</v>
      </c>
    </row>
    <row r="1286" spans="1:4" x14ac:dyDescent="0.25">
      <c r="A1286" s="20">
        <v>43609.333333330229</v>
      </c>
      <c r="B1286" s="22">
        <v>1.3232899904251099</v>
      </c>
      <c r="C1286" s="21">
        <v>161849.8996541739</v>
      </c>
      <c r="D1286">
        <f t="shared" si="19"/>
        <v>8</v>
      </c>
    </row>
    <row r="1287" spans="1:4" x14ac:dyDescent="0.25">
      <c r="A1287" s="20">
        <v>43609.374999996893</v>
      </c>
      <c r="B1287" s="22">
        <v>1.3179441690444946</v>
      </c>
      <c r="C1287" s="21">
        <v>161196.05910502581</v>
      </c>
      <c r="D1287">
        <f t="shared" ref="D1287:D1350" si="20">HOUR(A1287)</f>
        <v>9</v>
      </c>
    </row>
    <row r="1288" spans="1:4" x14ac:dyDescent="0.25">
      <c r="A1288" s="20">
        <v>43609.416666663557</v>
      </c>
      <c r="B1288" s="22">
        <v>1.4505348205566406</v>
      </c>
      <c r="C1288" s="21">
        <v>177413.05144804833</v>
      </c>
      <c r="D1288">
        <f t="shared" si="20"/>
        <v>10</v>
      </c>
    </row>
    <row r="1289" spans="1:4" x14ac:dyDescent="0.25">
      <c r="A1289" s="20">
        <v>43609.458333330222</v>
      </c>
      <c r="B1289" s="22">
        <v>1.6751056909561157</v>
      </c>
      <c r="C1289" s="21">
        <v>204880.02626263833</v>
      </c>
      <c r="D1289">
        <f t="shared" si="20"/>
        <v>11</v>
      </c>
    </row>
    <row r="1290" spans="1:4" x14ac:dyDescent="0.25">
      <c r="A1290" s="20">
        <v>43609.499999996886</v>
      </c>
      <c r="B1290" s="22">
        <v>2.0555329322814941</v>
      </c>
      <c r="C1290" s="21">
        <v>251409.59368908466</v>
      </c>
      <c r="D1290">
        <f t="shared" si="20"/>
        <v>12</v>
      </c>
    </row>
    <row r="1291" spans="1:4" x14ac:dyDescent="0.25">
      <c r="A1291" s="20">
        <v>43609.54166666355</v>
      </c>
      <c r="B1291" s="22">
        <v>2.1888775825500488</v>
      </c>
      <c r="C1291" s="21">
        <v>267718.80665188603</v>
      </c>
      <c r="D1291">
        <f t="shared" si="20"/>
        <v>13</v>
      </c>
    </row>
    <row r="1292" spans="1:4" x14ac:dyDescent="0.25">
      <c r="A1292" s="20">
        <v>43609.583333330214</v>
      </c>
      <c r="B1292" s="22">
        <v>2.5193946361541748</v>
      </c>
      <c r="C1292" s="21">
        <v>308143.92310170963</v>
      </c>
      <c r="D1292">
        <f t="shared" si="20"/>
        <v>14</v>
      </c>
    </row>
    <row r="1293" spans="1:4" x14ac:dyDescent="0.25">
      <c r="A1293" s="20">
        <v>43609.624999996879</v>
      </c>
      <c r="B1293" s="22">
        <v>2.5659205913543701</v>
      </c>
      <c r="C1293" s="21">
        <v>313834.45294396067</v>
      </c>
      <c r="D1293">
        <f t="shared" si="20"/>
        <v>15</v>
      </c>
    </row>
    <row r="1294" spans="1:4" x14ac:dyDescent="0.25">
      <c r="A1294" s="20">
        <v>43609.666666663543</v>
      </c>
      <c r="B1294" s="22">
        <v>2.7618110179901123</v>
      </c>
      <c r="C1294" s="21">
        <v>337793.5595068562</v>
      </c>
      <c r="D1294">
        <f t="shared" si="20"/>
        <v>16</v>
      </c>
    </row>
    <row r="1295" spans="1:4" x14ac:dyDescent="0.25">
      <c r="A1295" s="20">
        <v>43609.708333330207</v>
      </c>
      <c r="B1295" s="22">
        <v>2.9205629825592041</v>
      </c>
      <c r="C1295" s="21">
        <v>357210.30845933349</v>
      </c>
      <c r="D1295">
        <f t="shared" si="20"/>
        <v>17</v>
      </c>
    </row>
    <row r="1296" spans="1:4" x14ac:dyDescent="0.25">
      <c r="A1296" s="20">
        <v>43609.749999996871</v>
      </c>
      <c r="B1296" s="22">
        <v>2.7385067939758301</v>
      </c>
      <c r="C1296" s="21">
        <v>334943.24978977122</v>
      </c>
      <c r="D1296">
        <f t="shared" si="20"/>
        <v>18</v>
      </c>
    </row>
    <row r="1297" spans="1:4" x14ac:dyDescent="0.25">
      <c r="A1297" s="20">
        <v>43609.791666663536</v>
      </c>
      <c r="B1297" s="22">
        <v>2.6079580783843994</v>
      </c>
      <c r="C1297" s="21">
        <v>318976.00400741136</v>
      </c>
      <c r="D1297">
        <f t="shared" si="20"/>
        <v>19</v>
      </c>
    </row>
    <row r="1298" spans="1:4" x14ac:dyDescent="0.25">
      <c r="A1298" s="20">
        <v>43609.8333333302</v>
      </c>
      <c r="B1298" s="22">
        <v>2.377554178237915</v>
      </c>
      <c r="C1298" s="21">
        <v>290795.59881394426</v>
      </c>
      <c r="D1298">
        <f t="shared" si="20"/>
        <v>20</v>
      </c>
    </row>
    <row r="1299" spans="1:4" x14ac:dyDescent="0.25">
      <c r="A1299" s="20">
        <v>43609.874999996864</v>
      </c>
      <c r="B1299" s="22">
        <v>2.1024174690246582</v>
      </c>
      <c r="C1299" s="21">
        <v>257143.98117944555</v>
      </c>
      <c r="D1299">
        <f t="shared" si="20"/>
        <v>21</v>
      </c>
    </row>
    <row r="1300" spans="1:4" x14ac:dyDescent="0.25">
      <c r="A1300" s="20">
        <v>43609.916666663528</v>
      </c>
      <c r="B1300" s="22">
        <v>1.8369821310043335</v>
      </c>
      <c r="C1300" s="21">
        <v>224678.92579921096</v>
      </c>
      <c r="D1300">
        <f t="shared" si="20"/>
        <v>22</v>
      </c>
    </row>
    <row r="1301" spans="1:4" x14ac:dyDescent="0.25">
      <c r="A1301" s="20">
        <v>43609.958333330193</v>
      </c>
      <c r="B1301" s="22">
        <v>1.5066156387329102</v>
      </c>
      <c r="C1301" s="21">
        <v>184272.22431267289</v>
      </c>
      <c r="D1301">
        <f t="shared" si="20"/>
        <v>23</v>
      </c>
    </row>
    <row r="1302" spans="1:4" x14ac:dyDescent="0.25">
      <c r="A1302" s="20">
        <v>43609.999999996857</v>
      </c>
      <c r="B1302" s="22">
        <v>1.2459126710891724</v>
      </c>
      <c r="C1302" s="21">
        <v>152385.97907694103</v>
      </c>
      <c r="D1302">
        <f t="shared" si="20"/>
        <v>0</v>
      </c>
    </row>
    <row r="1303" spans="1:4" x14ac:dyDescent="0.25">
      <c r="A1303" s="20">
        <v>43610.041666663521</v>
      </c>
      <c r="B1303" s="22">
        <v>1.0030726194381714</v>
      </c>
      <c r="C1303" s="21">
        <v>122684.52416069662</v>
      </c>
      <c r="D1303">
        <f t="shared" si="20"/>
        <v>1</v>
      </c>
    </row>
    <row r="1304" spans="1:4" x14ac:dyDescent="0.25">
      <c r="A1304" s="20">
        <v>43610.083333330185</v>
      </c>
      <c r="B1304" s="22">
        <v>0.87712013721466064</v>
      </c>
      <c r="C1304" s="21">
        <v>107279.43778010631</v>
      </c>
      <c r="D1304">
        <f t="shared" si="20"/>
        <v>2</v>
      </c>
    </row>
    <row r="1305" spans="1:4" x14ac:dyDescent="0.25">
      <c r="A1305" s="20">
        <v>43610.12499999685</v>
      </c>
      <c r="B1305" s="22">
        <v>0.88635671138763428</v>
      </c>
      <c r="C1305" s="21">
        <v>108409.15130764827</v>
      </c>
      <c r="D1305">
        <f t="shared" si="20"/>
        <v>3</v>
      </c>
    </row>
    <row r="1306" spans="1:4" x14ac:dyDescent="0.25">
      <c r="A1306" s="20">
        <v>43610.166666663514</v>
      </c>
      <c r="B1306" s="22">
        <v>0.81594997644424438</v>
      </c>
      <c r="C1306" s="21">
        <v>99797.793957393631</v>
      </c>
      <c r="D1306">
        <f t="shared" si="20"/>
        <v>4</v>
      </c>
    </row>
    <row r="1307" spans="1:4" x14ac:dyDescent="0.25">
      <c r="A1307" s="20">
        <v>43610.208333330178</v>
      </c>
      <c r="B1307" s="22">
        <v>0.81098908185958862</v>
      </c>
      <c r="C1307" s="21">
        <v>99191.033310421961</v>
      </c>
      <c r="D1307">
        <f t="shared" si="20"/>
        <v>5</v>
      </c>
    </row>
    <row r="1308" spans="1:4" x14ac:dyDescent="0.25">
      <c r="A1308" s="20">
        <v>43610.249999996842</v>
      </c>
      <c r="B1308" s="22">
        <v>0.76976543664932251</v>
      </c>
      <c r="C1308" s="21">
        <v>94149.02219499182</v>
      </c>
      <c r="D1308">
        <f t="shared" si="20"/>
        <v>6</v>
      </c>
    </row>
    <row r="1309" spans="1:4" x14ac:dyDescent="0.25">
      <c r="A1309" s="20">
        <v>43610.291666663506</v>
      </c>
      <c r="B1309" s="22">
        <v>0.85508084297180176</v>
      </c>
      <c r="C1309" s="21">
        <v>104583.83999922263</v>
      </c>
      <c r="D1309">
        <f t="shared" si="20"/>
        <v>7</v>
      </c>
    </row>
    <row r="1310" spans="1:4" x14ac:dyDescent="0.25">
      <c r="A1310" s="20">
        <v>43610.333333330171</v>
      </c>
      <c r="B1310" s="22">
        <v>1.1770461797714233</v>
      </c>
      <c r="C1310" s="21">
        <v>143963.00694690019</v>
      </c>
      <c r="D1310">
        <f t="shared" si="20"/>
        <v>8</v>
      </c>
    </row>
    <row r="1311" spans="1:4" x14ac:dyDescent="0.25">
      <c r="A1311" s="20">
        <v>43610.374999996835</v>
      </c>
      <c r="B1311" s="22">
        <v>1.4246766567230225</v>
      </c>
      <c r="C1311" s="21">
        <v>174250.37263086191</v>
      </c>
      <c r="D1311">
        <f t="shared" si="20"/>
        <v>9</v>
      </c>
    </row>
    <row r="1312" spans="1:4" x14ac:dyDescent="0.25">
      <c r="A1312" s="20">
        <v>43610.416666663499</v>
      </c>
      <c r="B1312" s="22">
        <v>1.6271411180496216</v>
      </c>
      <c r="C1312" s="21">
        <v>199013.54093588277</v>
      </c>
      <c r="D1312">
        <f t="shared" si="20"/>
        <v>10</v>
      </c>
    </row>
    <row r="1313" spans="1:4" x14ac:dyDescent="0.25">
      <c r="A1313" s="20">
        <v>43610.458333330163</v>
      </c>
      <c r="B1313" s="22">
        <v>1.7517106533050537</v>
      </c>
      <c r="C1313" s="21">
        <v>214249.48084848034</v>
      </c>
      <c r="D1313">
        <f t="shared" si="20"/>
        <v>11</v>
      </c>
    </row>
    <row r="1314" spans="1:4" x14ac:dyDescent="0.25">
      <c r="A1314" s="20">
        <v>43610.499999996828</v>
      </c>
      <c r="B1314" s="22">
        <v>2.0758278369903564</v>
      </c>
      <c r="C1314" s="21">
        <v>253891.83742582233</v>
      </c>
      <c r="D1314">
        <f t="shared" si="20"/>
        <v>12</v>
      </c>
    </row>
    <row r="1315" spans="1:4" x14ac:dyDescent="0.25">
      <c r="A1315" s="20">
        <v>43610.541666663492</v>
      </c>
      <c r="B1315" s="22">
        <v>2.4299581050872803</v>
      </c>
      <c r="C1315" s="21">
        <v>297205.05582142127</v>
      </c>
      <c r="D1315">
        <f t="shared" si="20"/>
        <v>13</v>
      </c>
    </row>
    <row r="1316" spans="1:4" x14ac:dyDescent="0.25">
      <c r="A1316" s="20">
        <v>43610.583333330156</v>
      </c>
      <c r="B1316" s="22">
        <v>2.7356798648834229</v>
      </c>
      <c r="C1316" s="21">
        <v>334597.4917221925</v>
      </c>
      <c r="D1316">
        <f t="shared" si="20"/>
        <v>14</v>
      </c>
    </row>
    <row r="1317" spans="1:4" x14ac:dyDescent="0.25">
      <c r="A1317" s="20">
        <v>43610.62499999682</v>
      </c>
      <c r="B1317" s="22">
        <v>2.8193478584289551</v>
      </c>
      <c r="C1317" s="21">
        <v>344830.81658491609</v>
      </c>
      <c r="D1317">
        <f t="shared" si="20"/>
        <v>15</v>
      </c>
    </row>
    <row r="1318" spans="1:4" x14ac:dyDescent="0.25">
      <c r="A1318" s="20">
        <v>43610.666666663485</v>
      </c>
      <c r="B1318" s="22">
        <v>2.8737998008728027</v>
      </c>
      <c r="C1318" s="21">
        <v>351490.76375014806</v>
      </c>
      <c r="D1318">
        <f t="shared" si="20"/>
        <v>16</v>
      </c>
    </row>
    <row r="1319" spans="1:4" x14ac:dyDescent="0.25">
      <c r="A1319" s="20">
        <v>43610.708333330149</v>
      </c>
      <c r="B1319" s="22">
        <v>2.7243826389312744</v>
      </c>
      <c r="C1319" s="21">
        <v>333215.74252137047</v>
      </c>
      <c r="D1319">
        <f t="shared" si="20"/>
        <v>17</v>
      </c>
    </row>
    <row r="1320" spans="1:4" x14ac:dyDescent="0.25">
      <c r="A1320" s="20">
        <v>43610.749999996813</v>
      </c>
      <c r="B1320" s="22">
        <v>2.5823633670806885</v>
      </c>
      <c r="C1320" s="21">
        <v>315845.5477308908</v>
      </c>
      <c r="D1320">
        <f t="shared" si="20"/>
        <v>18</v>
      </c>
    </row>
    <row r="1321" spans="1:4" x14ac:dyDescent="0.25">
      <c r="A1321" s="20">
        <v>43610.791666663477</v>
      </c>
      <c r="B1321" s="22">
        <v>2.3933718204498291</v>
      </c>
      <c r="C1321" s="21">
        <v>292730.234323385</v>
      </c>
      <c r="D1321">
        <f t="shared" si="20"/>
        <v>19</v>
      </c>
    </row>
    <row r="1322" spans="1:4" x14ac:dyDescent="0.25">
      <c r="A1322" s="20">
        <v>43610.833333330142</v>
      </c>
      <c r="B1322" s="22">
        <v>2.0446782112121582</v>
      </c>
      <c r="C1322" s="21">
        <v>250081.966692313</v>
      </c>
      <c r="D1322">
        <f t="shared" si="20"/>
        <v>20</v>
      </c>
    </row>
    <row r="1323" spans="1:4" x14ac:dyDescent="0.25">
      <c r="A1323" s="20">
        <v>43610.874999996806</v>
      </c>
      <c r="B1323" s="22">
        <v>2.0706498622894287</v>
      </c>
      <c r="C1323" s="21">
        <v>253258.52598855546</v>
      </c>
      <c r="D1323">
        <f t="shared" si="20"/>
        <v>21</v>
      </c>
    </row>
    <row r="1324" spans="1:4" x14ac:dyDescent="0.25">
      <c r="A1324" s="20">
        <v>43610.91666666347</v>
      </c>
      <c r="B1324" s="22">
        <v>1.8500839471817017</v>
      </c>
      <c r="C1324" s="21">
        <v>226281.39211342626</v>
      </c>
      <c r="D1324">
        <f t="shared" si="20"/>
        <v>22</v>
      </c>
    </row>
    <row r="1325" spans="1:4" x14ac:dyDescent="0.25">
      <c r="A1325" s="20">
        <v>43610.958333330134</v>
      </c>
      <c r="B1325" s="22">
        <v>1.8001140356063843</v>
      </c>
      <c r="C1325" s="21">
        <v>220169.63638889688</v>
      </c>
      <c r="D1325">
        <f t="shared" si="20"/>
        <v>23</v>
      </c>
    </row>
    <row r="1326" spans="1:4" x14ac:dyDescent="0.25">
      <c r="A1326" s="20">
        <v>43610.999999996799</v>
      </c>
      <c r="B1326" s="22">
        <v>1.3438363075256348</v>
      </c>
      <c r="C1326" s="21">
        <v>164362.89331772793</v>
      </c>
      <c r="D1326">
        <f t="shared" si="20"/>
        <v>0</v>
      </c>
    </row>
    <row r="1327" spans="1:4" x14ac:dyDescent="0.25">
      <c r="A1327" s="20">
        <v>43611.041666663463</v>
      </c>
      <c r="B1327" s="22">
        <v>1.1564608812332153</v>
      </c>
      <c r="C1327" s="21">
        <v>141445.24551375443</v>
      </c>
      <c r="D1327">
        <f t="shared" si="20"/>
        <v>1</v>
      </c>
    </row>
    <row r="1328" spans="1:4" x14ac:dyDescent="0.25">
      <c r="A1328" s="20">
        <v>43611.083333330127</v>
      </c>
      <c r="B1328" s="22">
        <v>0.90831345319747925</v>
      </c>
      <c r="C1328" s="21">
        <v>111094.65220644549</v>
      </c>
      <c r="D1328">
        <f t="shared" si="20"/>
        <v>2</v>
      </c>
    </row>
    <row r="1329" spans="1:4" x14ac:dyDescent="0.25">
      <c r="A1329" s="20">
        <v>43611.124999996791</v>
      </c>
      <c r="B1329" s="22">
        <v>0.81540447473526001</v>
      </c>
      <c r="C1329" s="21">
        <v>99731.074343779721</v>
      </c>
      <c r="D1329">
        <f t="shared" si="20"/>
        <v>3</v>
      </c>
    </row>
    <row r="1330" spans="1:4" x14ac:dyDescent="0.25">
      <c r="A1330" s="20">
        <v>43611.166666663456</v>
      </c>
      <c r="B1330" s="22">
        <v>0.78519737720489502</v>
      </c>
      <c r="C1330" s="21">
        <v>96036.48303007771</v>
      </c>
      <c r="D1330">
        <f t="shared" si="20"/>
        <v>4</v>
      </c>
    </row>
    <row r="1331" spans="1:4" x14ac:dyDescent="0.25">
      <c r="A1331" s="20">
        <v>43611.20833333012</v>
      </c>
      <c r="B1331" s="22">
        <v>0.70957785844802856</v>
      </c>
      <c r="C1331" s="21">
        <v>86787.556784694461</v>
      </c>
      <c r="D1331">
        <f t="shared" si="20"/>
        <v>5</v>
      </c>
    </row>
    <row r="1332" spans="1:4" x14ac:dyDescent="0.25">
      <c r="A1332" s="20">
        <v>43611.249999996784</v>
      </c>
      <c r="B1332" s="22">
        <v>0.78738969564437866</v>
      </c>
      <c r="C1332" s="21">
        <v>96304.622683523165</v>
      </c>
      <c r="D1332">
        <f t="shared" si="20"/>
        <v>6</v>
      </c>
    </row>
    <row r="1333" spans="1:4" x14ac:dyDescent="0.25">
      <c r="A1333" s="20">
        <v>43611.291666663448</v>
      </c>
      <c r="B1333" s="22">
        <v>0.8529738187789917</v>
      </c>
      <c r="C1333" s="21">
        <v>104326.13257557192</v>
      </c>
      <c r="D1333">
        <f t="shared" si="20"/>
        <v>7</v>
      </c>
    </row>
    <row r="1334" spans="1:4" x14ac:dyDescent="0.25">
      <c r="A1334" s="20">
        <v>43611.333333330113</v>
      </c>
      <c r="B1334" s="22">
        <v>1.0954691171646118</v>
      </c>
      <c r="C1334" s="21">
        <v>133985.42116258308</v>
      </c>
      <c r="D1334">
        <f t="shared" si="20"/>
        <v>8</v>
      </c>
    </row>
    <row r="1335" spans="1:4" x14ac:dyDescent="0.25">
      <c r="A1335" s="20">
        <v>43611.374999996777</v>
      </c>
      <c r="B1335" s="22">
        <v>1.476253867149353</v>
      </c>
      <c r="C1335" s="21">
        <v>180558.71501412298</v>
      </c>
      <c r="D1335">
        <f t="shared" si="20"/>
        <v>9</v>
      </c>
    </row>
    <row r="1336" spans="1:4" x14ac:dyDescent="0.25">
      <c r="A1336" s="20">
        <v>43611.416666663441</v>
      </c>
      <c r="B1336" s="22">
        <v>1.7288819551467896</v>
      </c>
      <c r="C1336" s="21">
        <v>211457.33208828041</v>
      </c>
      <c r="D1336">
        <f t="shared" si="20"/>
        <v>10</v>
      </c>
    </row>
    <row r="1337" spans="1:4" x14ac:dyDescent="0.25">
      <c r="A1337" s="20">
        <v>43611.458333330105</v>
      </c>
      <c r="B1337" s="22">
        <v>1.9899207353591919</v>
      </c>
      <c r="C1337" s="21">
        <v>243384.65012810976</v>
      </c>
      <c r="D1337">
        <f t="shared" si="20"/>
        <v>11</v>
      </c>
    </row>
    <row r="1338" spans="1:4" x14ac:dyDescent="0.25">
      <c r="A1338" s="20">
        <v>43611.499999996769</v>
      </c>
      <c r="B1338" s="22">
        <v>2.2317700386047363</v>
      </c>
      <c r="C1338" s="21">
        <v>272964.92787898157</v>
      </c>
      <c r="D1338">
        <f t="shared" si="20"/>
        <v>12</v>
      </c>
    </row>
    <row r="1339" spans="1:4" x14ac:dyDescent="0.25">
      <c r="A1339" s="20">
        <v>43611.541666663434</v>
      </c>
      <c r="B1339" s="22">
        <v>2.3803155422210693</v>
      </c>
      <c r="C1339" s="21">
        <v>291133.33769719431</v>
      </c>
      <c r="D1339">
        <f t="shared" si="20"/>
        <v>13</v>
      </c>
    </row>
    <row r="1340" spans="1:4" x14ac:dyDescent="0.25">
      <c r="A1340" s="20">
        <v>43611.583333330098</v>
      </c>
      <c r="B1340" s="22">
        <v>2.6292085647583008</v>
      </c>
      <c r="C1340" s="21">
        <v>321575.1237106545</v>
      </c>
      <c r="D1340">
        <f t="shared" si="20"/>
        <v>14</v>
      </c>
    </row>
    <row r="1341" spans="1:4" x14ac:dyDescent="0.25">
      <c r="A1341" s="20">
        <v>43611.624999996762</v>
      </c>
      <c r="B1341" s="22">
        <v>2.8847308158874512</v>
      </c>
      <c r="C1341" s="21">
        <v>352827.72216141119</v>
      </c>
      <c r="D1341">
        <f t="shared" si="20"/>
        <v>15</v>
      </c>
    </row>
    <row r="1342" spans="1:4" x14ac:dyDescent="0.25">
      <c r="A1342" s="20">
        <v>43611.666666663426</v>
      </c>
      <c r="B1342" s="22">
        <v>2.9124548435211182</v>
      </c>
      <c r="C1342" s="21">
        <v>356218.61238425423</v>
      </c>
      <c r="D1342">
        <f t="shared" si="20"/>
        <v>16</v>
      </c>
    </row>
    <row r="1343" spans="1:4" x14ac:dyDescent="0.25">
      <c r="A1343" s="20">
        <v>43611.708333330091</v>
      </c>
      <c r="B1343" s="22">
        <v>2.8743481636047363</v>
      </c>
      <c r="C1343" s="21">
        <v>351557.83329180541</v>
      </c>
      <c r="D1343">
        <f t="shared" si="20"/>
        <v>17</v>
      </c>
    </row>
    <row r="1344" spans="1:4" x14ac:dyDescent="0.25">
      <c r="A1344" s="20">
        <v>43611.749999996755</v>
      </c>
      <c r="B1344" s="22">
        <v>2.6912868022918701</v>
      </c>
      <c r="C1344" s="21">
        <v>329167.8332363182</v>
      </c>
      <c r="D1344">
        <f t="shared" si="20"/>
        <v>18</v>
      </c>
    </row>
    <row r="1345" spans="1:4" x14ac:dyDescent="0.25">
      <c r="A1345" s="20">
        <v>43611.791666663419</v>
      </c>
      <c r="B1345" s="22">
        <v>2.5355451107025146</v>
      </c>
      <c r="C1345" s="21">
        <v>310119.26690686931</v>
      </c>
      <c r="D1345">
        <f t="shared" si="20"/>
        <v>19</v>
      </c>
    </row>
    <row r="1346" spans="1:4" x14ac:dyDescent="0.25">
      <c r="A1346" s="20">
        <v>43611.833333330083</v>
      </c>
      <c r="B1346" s="22">
        <v>2.095775842666626</v>
      </c>
      <c r="C1346" s="21">
        <v>256331.65238729419</v>
      </c>
      <c r="D1346">
        <f t="shared" si="20"/>
        <v>20</v>
      </c>
    </row>
    <row r="1347" spans="1:4" x14ac:dyDescent="0.25">
      <c r="A1347" s="20">
        <v>43611.874999996748</v>
      </c>
      <c r="B1347" s="22">
        <v>1.8798565864562988</v>
      </c>
      <c r="C1347" s="21">
        <v>229922.84539569999</v>
      </c>
      <c r="D1347">
        <f t="shared" si="20"/>
        <v>21</v>
      </c>
    </row>
    <row r="1348" spans="1:4" x14ac:dyDescent="0.25">
      <c r="A1348" s="20">
        <v>43611.916666663412</v>
      </c>
      <c r="B1348" s="22">
        <v>1.6769754886627197</v>
      </c>
      <c r="C1348" s="21">
        <v>205108.71881935466</v>
      </c>
      <c r="D1348">
        <f t="shared" si="20"/>
        <v>22</v>
      </c>
    </row>
    <row r="1349" spans="1:4" x14ac:dyDescent="0.25">
      <c r="A1349" s="20">
        <v>43611.958333330076</v>
      </c>
      <c r="B1349" s="22">
        <v>1.4435828924179077</v>
      </c>
      <c r="C1349" s="21">
        <v>176562.77004351999</v>
      </c>
      <c r="D1349">
        <f t="shared" si="20"/>
        <v>23</v>
      </c>
    </row>
    <row r="1350" spans="1:4" x14ac:dyDescent="0.25">
      <c r="A1350" s="20">
        <v>43611.99999999674</v>
      </c>
      <c r="B1350" s="22">
        <v>1.1291326284408569</v>
      </c>
      <c r="C1350" s="21">
        <v>138102.76200358581</v>
      </c>
      <c r="D1350">
        <f t="shared" si="20"/>
        <v>0</v>
      </c>
    </row>
    <row r="1351" spans="1:4" x14ac:dyDescent="0.25">
      <c r="A1351" s="20">
        <v>43612.041666663405</v>
      </c>
      <c r="B1351" s="22">
        <v>0.96176648139953613</v>
      </c>
      <c r="C1351" s="21">
        <v>117632.42345334761</v>
      </c>
      <c r="D1351">
        <f t="shared" ref="D1351:D1414" si="21">HOUR(A1351)</f>
        <v>1</v>
      </c>
    </row>
    <row r="1352" spans="1:4" x14ac:dyDescent="0.25">
      <c r="A1352" s="20">
        <v>43612.083333330069</v>
      </c>
      <c r="B1352" s="22">
        <v>0.8990013599395752</v>
      </c>
      <c r="C1352" s="21">
        <v>109955.70203659052</v>
      </c>
      <c r="D1352">
        <f t="shared" si="21"/>
        <v>2</v>
      </c>
    </row>
    <row r="1353" spans="1:4" x14ac:dyDescent="0.25">
      <c r="A1353" s="20">
        <v>43612.124999996733</v>
      </c>
      <c r="B1353" s="22">
        <v>0.75533819198608398</v>
      </c>
      <c r="C1353" s="21">
        <v>92384.444424490255</v>
      </c>
      <c r="D1353">
        <f t="shared" si="21"/>
        <v>3</v>
      </c>
    </row>
    <row r="1354" spans="1:4" x14ac:dyDescent="0.25">
      <c r="A1354" s="20">
        <v>43612.166666663397</v>
      </c>
      <c r="B1354" s="22">
        <v>0.78002399206161499</v>
      </c>
      <c r="C1354" s="21">
        <v>95403.732935713851</v>
      </c>
      <c r="D1354">
        <f t="shared" si="21"/>
        <v>4</v>
      </c>
    </row>
    <row r="1355" spans="1:4" x14ac:dyDescent="0.25">
      <c r="A1355" s="20">
        <v>43612.208333330062</v>
      </c>
      <c r="B1355" s="22">
        <v>0.77233755588531494</v>
      </c>
      <c r="C1355" s="21">
        <v>94463.614796202557</v>
      </c>
      <c r="D1355">
        <f t="shared" si="21"/>
        <v>5</v>
      </c>
    </row>
    <row r="1356" spans="1:4" x14ac:dyDescent="0.25">
      <c r="A1356" s="20">
        <v>43612.249999996726</v>
      </c>
      <c r="B1356" s="22">
        <v>0.77357733249664307</v>
      </c>
      <c r="C1356" s="21">
        <v>94615.25028168867</v>
      </c>
      <c r="D1356">
        <f t="shared" si="21"/>
        <v>6</v>
      </c>
    </row>
    <row r="1357" spans="1:4" x14ac:dyDescent="0.25">
      <c r="A1357" s="20">
        <v>43612.29166666339</v>
      </c>
      <c r="B1357" s="22">
        <v>0.82013380527496338</v>
      </c>
      <c r="C1357" s="21">
        <v>100309.51268973631</v>
      </c>
      <c r="D1357">
        <f t="shared" si="21"/>
        <v>7</v>
      </c>
    </row>
    <row r="1358" spans="1:4" x14ac:dyDescent="0.25">
      <c r="A1358" s="20">
        <v>43612.333333330054</v>
      </c>
      <c r="B1358" s="22">
        <v>1.0546849966049194</v>
      </c>
      <c r="C1358" s="21">
        <v>128997.16774282481</v>
      </c>
      <c r="D1358">
        <f t="shared" si="21"/>
        <v>8</v>
      </c>
    </row>
    <row r="1359" spans="1:4" x14ac:dyDescent="0.25">
      <c r="A1359" s="20">
        <v>43612.374999996719</v>
      </c>
      <c r="B1359" s="22">
        <v>1.2467163801193237</v>
      </c>
      <c r="C1359" s="21">
        <v>152484.27969647446</v>
      </c>
      <c r="D1359">
        <f t="shared" si="21"/>
        <v>9</v>
      </c>
    </row>
    <row r="1360" spans="1:4" x14ac:dyDescent="0.25">
      <c r="A1360" s="20">
        <v>43612.416666663383</v>
      </c>
      <c r="B1360" s="22">
        <v>1.5558968782424927</v>
      </c>
      <c r="C1360" s="21">
        <v>190299.74944108172</v>
      </c>
      <c r="D1360">
        <f t="shared" si="21"/>
        <v>10</v>
      </c>
    </row>
    <row r="1361" spans="1:4" x14ac:dyDescent="0.25">
      <c r="A1361" s="20">
        <v>43612.458333330047</v>
      </c>
      <c r="B1361" s="22">
        <v>1.7792066335678101</v>
      </c>
      <c r="C1361" s="21">
        <v>217612.47889019499</v>
      </c>
      <c r="D1361">
        <f t="shared" si="21"/>
        <v>11</v>
      </c>
    </row>
    <row r="1362" spans="1:4" x14ac:dyDescent="0.25">
      <c r="A1362" s="20">
        <v>43612.499999996711</v>
      </c>
      <c r="B1362" s="22">
        <v>1.9194246530532837</v>
      </c>
      <c r="C1362" s="21">
        <v>234762.36481666553</v>
      </c>
      <c r="D1362">
        <f t="shared" si="21"/>
        <v>12</v>
      </c>
    </row>
    <row r="1363" spans="1:4" x14ac:dyDescent="0.25">
      <c r="A1363" s="20">
        <v>43612.541666663376</v>
      </c>
      <c r="B1363" s="22">
        <v>1.960318922996521</v>
      </c>
      <c r="C1363" s="21">
        <v>239764.09046609586</v>
      </c>
      <c r="D1363">
        <f t="shared" si="21"/>
        <v>13</v>
      </c>
    </row>
    <row r="1364" spans="1:4" x14ac:dyDescent="0.25">
      <c r="A1364" s="20">
        <v>43612.58333333004</v>
      </c>
      <c r="B1364" s="22">
        <v>2.3376975059509277</v>
      </c>
      <c r="C1364" s="21">
        <v>285920.78040159773</v>
      </c>
      <c r="D1364">
        <f t="shared" si="21"/>
        <v>14</v>
      </c>
    </row>
    <row r="1365" spans="1:4" x14ac:dyDescent="0.25">
      <c r="A1365" s="20">
        <v>43612.624999996704</v>
      </c>
      <c r="B1365" s="22">
        <v>2.5250868797302246</v>
      </c>
      <c r="C1365" s="21">
        <v>308840.13410478295</v>
      </c>
      <c r="D1365">
        <f t="shared" si="21"/>
        <v>15</v>
      </c>
    </row>
    <row r="1366" spans="1:4" x14ac:dyDescent="0.25">
      <c r="A1366" s="20">
        <v>43612.666666663368</v>
      </c>
      <c r="B1366" s="22">
        <v>2.4836866855621338</v>
      </c>
      <c r="C1366" s="21">
        <v>303776.52951300621</v>
      </c>
      <c r="D1366">
        <f t="shared" si="21"/>
        <v>16</v>
      </c>
    </row>
    <row r="1367" spans="1:4" x14ac:dyDescent="0.25">
      <c r="A1367" s="20">
        <v>43612.708333330032</v>
      </c>
      <c r="B1367" s="22">
        <v>2.5427076816558838</v>
      </c>
      <c r="C1367" s="21">
        <v>310995.31176359515</v>
      </c>
      <c r="D1367">
        <f t="shared" si="21"/>
        <v>17</v>
      </c>
    </row>
    <row r="1368" spans="1:4" x14ac:dyDescent="0.25">
      <c r="A1368" s="20">
        <v>43612.749999996697</v>
      </c>
      <c r="B1368" s="22">
        <v>2.4873354434967041</v>
      </c>
      <c r="C1368" s="21">
        <v>304222.80441105994</v>
      </c>
      <c r="D1368">
        <f t="shared" si="21"/>
        <v>18</v>
      </c>
    </row>
    <row r="1369" spans="1:4" x14ac:dyDescent="0.25">
      <c r="A1369" s="20">
        <v>43612.791666663361</v>
      </c>
      <c r="B1369" s="22">
        <v>2.3976566791534424</v>
      </c>
      <c r="C1369" s="21">
        <v>293254.30988976132</v>
      </c>
      <c r="D1369">
        <f t="shared" si="21"/>
        <v>19</v>
      </c>
    </row>
    <row r="1370" spans="1:4" x14ac:dyDescent="0.25">
      <c r="A1370" s="20">
        <v>43612.833333330025</v>
      </c>
      <c r="B1370" s="22">
        <v>2.1372191905975342</v>
      </c>
      <c r="C1370" s="21">
        <v>261400.53506039269</v>
      </c>
      <c r="D1370">
        <f t="shared" si="21"/>
        <v>20</v>
      </c>
    </row>
    <row r="1371" spans="1:4" x14ac:dyDescent="0.25">
      <c r="A1371" s="20">
        <v>43612.874999996689</v>
      </c>
      <c r="B1371" s="22">
        <v>2.126028299331665</v>
      </c>
      <c r="C1371" s="21">
        <v>260031.79151851809</v>
      </c>
      <c r="D1371">
        <f t="shared" si="21"/>
        <v>21</v>
      </c>
    </row>
    <row r="1372" spans="1:4" x14ac:dyDescent="0.25">
      <c r="A1372" s="20">
        <v>43612.916666663354</v>
      </c>
      <c r="B1372" s="22">
        <v>1.8118374347686768</v>
      </c>
      <c r="C1372" s="21">
        <v>221603.51028785482</v>
      </c>
      <c r="D1372">
        <f t="shared" si="21"/>
        <v>22</v>
      </c>
    </row>
    <row r="1373" spans="1:4" x14ac:dyDescent="0.25">
      <c r="A1373" s="20">
        <v>43612.958333330018</v>
      </c>
      <c r="B1373" s="22">
        <v>1.4205069541931152</v>
      </c>
      <c r="C1373" s="21">
        <v>173740.38166823366</v>
      </c>
      <c r="D1373">
        <f t="shared" si="21"/>
        <v>23</v>
      </c>
    </row>
    <row r="1374" spans="1:4" x14ac:dyDescent="0.25">
      <c r="A1374" s="20">
        <v>43612.999999996682</v>
      </c>
      <c r="B1374" s="22">
        <v>1.2394462823867798</v>
      </c>
      <c r="C1374" s="21">
        <v>151595.08337744972</v>
      </c>
      <c r="D1374">
        <f t="shared" si="21"/>
        <v>0</v>
      </c>
    </row>
    <row r="1375" spans="1:4" x14ac:dyDescent="0.25">
      <c r="A1375" s="20">
        <v>43613.041666663346</v>
      </c>
      <c r="B1375" s="22">
        <v>1.023870587348938</v>
      </c>
      <c r="C1375" s="21">
        <v>125228.29691173731</v>
      </c>
      <c r="D1375">
        <f t="shared" si="21"/>
        <v>1</v>
      </c>
    </row>
    <row r="1376" spans="1:4" x14ac:dyDescent="0.25">
      <c r="A1376" s="20">
        <v>43613.083333330011</v>
      </c>
      <c r="B1376" s="22">
        <v>0.95277076959609985</v>
      </c>
      <c r="C1376" s="21">
        <v>116532.16949296185</v>
      </c>
      <c r="D1376">
        <f t="shared" si="21"/>
        <v>2</v>
      </c>
    </row>
    <row r="1377" spans="1:4" x14ac:dyDescent="0.25">
      <c r="A1377" s="20">
        <v>43613.124999996675</v>
      </c>
      <c r="B1377" s="22">
        <v>0.85231184959411621</v>
      </c>
      <c r="C1377" s="21">
        <v>104245.1679745234</v>
      </c>
      <c r="D1377">
        <f t="shared" si="21"/>
        <v>3</v>
      </c>
    </row>
    <row r="1378" spans="1:4" x14ac:dyDescent="0.25">
      <c r="A1378" s="20">
        <v>43613.166666663339</v>
      </c>
      <c r="B1378" s="22">
        <v>0.81523555517196655</v>
      </c>
      <c r="C1378" s="21">
        <v>99710.414008882231</v>
      </c>
      <c r="D1378">
        <f t="shared" si="21"/>
        <v>4</v>
      </c>
    </row>
    <row r="1379" spans="1:4" x14ac:dyDescent="0.25">
      <c r="A1379" s="20">
        <v>43613.208333330003</v>
      </c>
      <c r="B1379" s="22">
        <v>0.85094922780990601</v>
      </c>
      <c r="C1379" s="21">
        <v>104078.50745367253</v>
      </c>
      <c r="D1379">
        <f t="shared" si="21"/>
        <v>5</v>
      </c>
    </row>
    <row r="1380" spans="1:4" x14ac:dyDescent="0.25">
      <c r="A1380" s="20">
        <v>43613.249999996668</v>
      </c>
      <c r="B1380" s="22">
        <v>1.0803099870681763</v>
      </c>
      <c r="C1380" s="21">
        <v>132131.3274244717</v>
      </c>
      <c r="D1380">
        <f t="shared" si="21"/>
        <v>6</v>
      </c>
    </row>
    <row r="1381" spans="1:4" x14ac:dyDescent="0.25">
      <c r="A1381" s="20">
        <v>43613.291666663332</v>
      </c>
      <c r="B1381" s="22">
        <v>1.1485062837600708</v>
      </c>
      <c r="C1381" s="21">
        <v>140472.32891033916</v>
      </c>
      <c r="D1381">
        <f t="shared" si="21"/>
        <v>7</v>
      </c>
    </row>
    <row r="1382" spans="1:4" x14ac:dyDescent="0.25">
      <c r="A1382" s="20">
        <v>43613.333333329996</v>
      </c>
      <c r="B1382" s="22">
        <v>1.2072793245315552</v>
      </c>
      <c r="C1382" s="21">
        <v>147660.78406383091</v>
      </c>
      <c r="D1382">
        <f t="shared" si="21"/>
        <v>8</v>
      </c>
    </row>
    <row r="1383" spans="1:4" x14ac:dyDescent="0.25">
      <c r="A1383" s="20">
        <v>43613.37499999666</v>
      </c>
      <c r="B1383" s="22">
        <v>1.3464187383651733</v>
      </c>
      <c r="C1383" s="21">
        <v>164678.74711792852</v>
      </c>
      <c r="D1383">
        <f t="shared" si="21"/>
        <v>9</v>
      </c>
    </row>
    <row r="1384" spans="1:4" x14ac:dyDescent="0.25">
      <c r="A1384" s="20">
        <v>43613.416666663325</v>
      </c>
      <c r="B1384" s="22">
        <v>1.6024932861328125</v>
      </c>
      <c r="C1384" s="21">
        <v>195998.89626140223</v>
      </c>
      <c r="D1384">
        <f t="shared" si="21"/>
        <v>10</v>
      </c>
    </row>
    <row r="1385" spans="1:4" x14ac:dyDescent="0.25">
      <c r="A1385" s="20">
        <v>43613.458333329989</v>
      </c>
      <c r="B1385" s="22">
        <v>1.9284980297088623</v>
      </c>
      <c r="C1385" s="21">
        <v>235872.11786539684</v>
      </c>
      <c r="D1385">
        <f t="shared" si="21"/>
        <v>11</v>
      </c>
    </row>
    <row r="1386" spans="1:4" x14ac:dyDescent="0.25">
      <c r="A1386" s="20">
        <v>43613.499999996653</v>
      </c>
      <c r="B1386" s="22">
        <v>2.2516899108886719</v>
      </c>
      <c r="C1386" s="21">
        <v>275401.30188135972</v>
      </c>
      <c r="D1386">
        <f t="shared" si="21"/>
        <v>12</v>
      </c>
    </row>
    <row r="1387" spans="1:4" x14ac:dyDescent="0.25">
      <c r="A1387" s="20">
        <v>43613.541666663317</v>
      </c>
      <c r="B1387" s="22">
        <v>2.504619836807251</v>
      </c>
      <c r="C1387" s="21">
        <v>306336.83636409894</v>
      </c>
      <c r="D1387">
        <f t="shared" si="21"/>
        <v>13</v>
      </c>
    </row>
    <row r="1388" spans="1:4" x14ac:dyDescent="0.25">
      <c r="A1388" s="20">
        <v>43613.583333329982</v>
      </c>
      <c r="B1388" s="22">
        <v>2.5250735282897949</v>
      </c>
      <c r="C1388" s="21">
        <v>308838.50110724696</v>
      </c>
      <c r="D1388">
        <f t="shared" si="21"/>
        <v>14</v>
      </c>
    </row>
    <row r="1389" spans="1:4" x14ac:dyDescent="0.25">
      <c r="A1389" s="20">
        <v>43613.624999996646</v>
      </c>
      <c r="B1389" s="22">
        <v>2.6722481250762939</v>
      </c>
      <c r="C1389" s="21">
        <v>326839.2370713164</v>
      </c>
      <c r="D1389">
        <f t="shared" si="21"/>
        <v>15</v>
      </c>
    </row>
    <row r="1390" spans="1:4" x14ac:dyDescent="0.25">
      <c r="A1390" s="20">
        <v>43613.66666666331</v>
      </c>
      <c r="B1390" s="22">
        <v>2.9018487930297852</v>
      </c>
      <c r="C1390" s="21">
        <v>354921.39996659063</v>
      </c>
      <c r="D1390">
        <f t="shared" si="21"/>
        <v>16</v>
      </c>
    </row>
    <row r="1391" spans="1:4" x14ac:dyDescent="0.25">
      <c r="A1391" s="20">
        <v>43613.708333329974</v>
      </c>
      <c r="B1391" s="22">
        <v>2.9327185153961182</v>
      </c>
      <c r="C1391" s="21">
        <v>358697.03607318446</v>
      </c>
      <c r="D1391">
        <f t="shared" si="21"/>
        <v>17</v>
      </c>
    </row>
    <row r="1392" spans="1:4" x14ac:dyDescent="0.25">
      <c r="A1392" s="20">
        <v>43613.749999996639</v>
      </c>
      <c r="B1392" s="22">
        <v>2.8726835250854492</v>
      </c>
      <c r="C1392" s="21">
        <v>351354.23349186999</v>
      </c>
      <c r="D1392">
        <f t="shared" si="21"/>
        <v>18</v>
      </c>
    </row>
    <row r="1393" spans="1:4" x14ac:dyDescent="0.25">
      <c r="A1393" s="20">
        <v>43613.791666663303</v>
      </c>
      <c r="B1393" s="22">
        <v>2.6379282474517822</v>
      </c>
      <c r="C1393" s="21">
        <v>322641.61690501688</v>
      </c>
      <c r="D1393">
        <f t="shared" si="21"/>
        <v>19</v>
      </c>
    </row>
    <row r="1394" spans="1:4" x14ac:dyDescent="0.25">
      <c r="A1394" s="20">
        <v>43613.833333329967</v>
      </c>
      <c r="B1394" s="22">
        <v>2.5585565567016602</v>
      </c>
      <c r="C1394" s="21">
        <v>312933.76732084336</v>
      </c>
      <c r="D1394">
        <f t="shared" si="21"/>
        <v>20</v>
      </c>
    </row>
    <row r="1395" spans="1:4" x14ac:dyDescent="0.25">
      <c r="A1395" s="20">
        <v>43613.874999996631</v>
      </c>
      <c r="B1395" s="22">
        <v>2.3406450748443604</v>
      </c>
      <c r="C1395" s="21">
        <v>286281.29376834101</v>
      </c>
      <c r="D1395">
        <f t="shared" si="21"/>
        <v>21</v>
      </c>
    </row>
    <row r="1396" spans="1:4" x14ac:dyDescent="0.25">
      <c r="A1396" s="20">
        <v>43613.916666663295</v>
      </c>
      <c r="B1396" s="22">
        <v>2.0705678462982178</v>
      </c>
      <c r="C1396" s="21">
        <v>253248.49471797716</v>
      </c>
      <c r="D1396">
        <f t="shared" si="21"/>
        <v>22</v>
      </c>
    </row>
    <row r="1397" spans="1:4" x14ac:dyDescent="0.25">
      <c r="A1397" s="20">
        <v>43613.95833332996</v>
      </c>
      <c r="B1397" s="22">
        <v>1.6320657730102539</v>
      </c>
      <c r="C1397" s="21">
        <v>199615.86916097099</v>
      </c>
      <c r="D1397">
        <f t="shared" si="21"/>
        <v>23</v>
      </c>
    </row>
    <row r="1398" spans="1:4" x14ac:dyDescent="0.25">
      <c r="A1398" s="20">
        <v>43613.999999996624</v>
      </c>
      <c r="B1398" s="22">
        <v>1.3170444965362549</v>
      </c>
      <c r="C1398" s="21">
        <v>161086.02131570235</v>
      </c>
      <c r="D1398">
        <f t="shared" si="21"/>
        <v>0</v>
      </c>
    </row>
    <row r="1399" spans="1:4" x14ac:dyDescent="0.25">
      <c r="A1399" s="20">
        <v>43614.041666663288</v>
      </c>
      <c r="B1399" s="22">
        <v>1.1552059650421143</v>
      </c>
      <c r="C1399" s="21">
        <v>141291.75832570513</v>
      </c>
      <c r="D1399">
        <f t="shared" si="21"/>
        <v>1</v>
      </c>
    </row>
    <row r="1400" spans="1:4" x14ac:dyDescent="0.25">
      <c r="A1400" s="20">
        <v>43614.083333329952</v>
      </c>
      <c r="B1400" s="22">
        <v>0.95828968286514282</v>
      </c>
      <c r="C1400" s="21">
        <v>117207.18068873743</v>
      </c>
      <c r="D1400">
        <f t="shared" si="21"/>
        <v>2</v>
      </c>
    </row>
    <row r="1401" spans="1:4" x14ac:dyDescent="0.25">
      <c r="A1401" s="20">
        <v>43614.124999996617</v>
      </c>
      <c r="B1401" s="22">
        <v>0.90524864196777344</v>
      </c>
      <c r="C1401" s="21">
        <v>110719.79908008919</v>
      </c>
      <c r="D1401">
        <f t="shared" si="21"/>
        <v>3</v>
      </c>
    </row>
    <row r="1402" spans="1:4" x14ac:dyDescent="0.25">
      <c r="A1402" s="20">
        <v>43614.166666663281</v>
      </c>
      <c r="B1402" s="22">
        <v>0.8180122971534729</v>
      </c>
      <c r="C1402" s="21">
        <v>100050.03375536574</v>
      </c>
      <c r="D1402">
        <f t="shared" si="21"/>
        <v>4</v>
      </c>
    </row>
    <row r="1403" spans="1:4" x14ac:dyDescent="0.25">
      <c r="A1403" s="20">
        <v>43614.208333329945</v>
      </c>
      <c r="B1403" s="22">
        <v>0.83010274171829224</v>
      </c>
      <c r="C1403" s="21">
        <v>101528.80050622867</v>
      </c>
      <c r="D1403">
        <f t="shared" si="21"/>
        <v>5</v>
      </c>
    </row>
    <row r="1404" spans="1:4" x14ac:dyDescent="0.25">
      <c r="A1404" s="20">
        <v>43614.249999996609</v>
      </c>
      <c r="B1404" s="22">
        <v>0.95054847002029419</v>
      </c>
      <c r="C1404" s="21">
        <v>116260.36288522798</v>
      </c>
      <c r="D1404">
        <f t="shared" si="21"/>
        <v>6</v>
      </c>
    </row>
    <row r="1405" spans="1:4" x14ac:dyDescent="0.25">
      <c r="A1405" s="20">
        <v>43614.291666663274</v>
      </c>
      <c r="B1405" s="22">
        <v>0.95779120922088623</v>
      </c>
      <c r="C1405" s="21">
        <v>117146.2130173374</v>
      </c>
      <c r="D1405">
        <f t="shared" si="21"/>
        <v>7</v>
      </c>
    </row>
    <row r="1406" spans="1:4" x14ac:dyDescent="0.25">
      <c r="A1406" s="20">
        <v>43614.333333329938</v>
      </c>
      <c r="B1406" s="22">
        <v>1.0712913274765015</v>
      </c>
      <c r="C1406" s="21">
        <v>131028.26674957096</v>
      </c>
      <c r="D1406">
        <f t="shared" si="21"/>
        <v>8</v>
      </c>
    </row>
    <row r="1407" spans="1:4" x14ac:dyDescent="0.25">
      <c r="A1407" s="20">
        <v>43614.374999996602</v>
      </c>
      <c r="B1407" s="22">
        <v>1.2877404689788818</v>
      </c>
      <c r="C1407" s="21">
        <v>157501.88333087537</v>
      </c>
      <c r="D1407">
        <f t="shared" si="21"/>
        <v>9</v>
      </c>
    </row>
    <row r="1408" spans="1:4" x14ac:dyDescent="0.25">
      <c r="A1408" s="20">
        <v>43614.416666663266</v>
      </c>
      <c r="B1408" s="22">
        <v>1.465367317199707</v>
      </c>
      <c r="C1408" s="21">
        <v>179227.19506786816</v>
      </c>
      <c r="D1408">
        <f t="shared" si="21"/>
        <v>10</v>
      </c>
    </row>
    <row r="1409" spans="1:4" x14ac:dyDescent="0.25">
      <c r="A1409" s="20">
        <v>43614.458333329931</v>
      </c>
      <c r="B1409" s="22">
        <v>1.8970319032669067</v>
      </c>
      <c r="C1409" s="21">
        <v>232023.53634208316</v>
      </c>
      <c r="D1409">
        <f t="shared" si="21"/>
        <v>11</v>
      </c>
    </row>
    <row r="1410" spans="1:4" x14ac:dyDescent="0.25">
      <c r="A1410" s="20">
        <v>43614.499999996595</v>
      </c>
      <c r="B1410" s="22">
        <v>1.9825675487518311</v>
      </c>
      <c r="C1410" s="21">
        <v>242485.29131549044</v>
      </c>
      <c r="D1410">
        <f t="shared" si="21"/>
        <v>12</v>
      </c>
    </row>
    <row r="1411" spans="1:4" x14ac:dyDescent="0.25">
      <c r="A1411" s="20">
        <v>43614.541666663259</v>
      </c>
      <c r="B1411" s="22">
        <v>1.9799093008041382</v>
      </c>
      <c r="C1411" s="21">
        <v>242160.16442213897</v>
      </c>
      <c r="D1411">
        <f t="shared" si="21"/>
        <v>13</v>
      </c>
    </row>
    <row r="1412" spans="1:4" x14ac:dyDescent="0.25">
      <c r="A1412" s="20">
        <v>43614.583333329923</v>
      </c>
      <c r="B1412" s="22">
        <v>1.8879610300064087</v>
      </c>
      <c r="C1412" s="21">
        <v>230914.08948038981</v>
      </c>
      <c r="D1412">
        <f t="shared" si="21"/>
        <v>14</v>
      </c>
    </row>
    <row r="1413" spans="1:4" x14ac:dyDescent="0.25">
      <c r="A1413" s="20">
        <v>43614.624999996588</v>
      </c>
      <c r="B1413" s="22">
        <v>1.6015133857727051</v>
      </c>
      <c r="C1413" s="21">
        <v>195879.04590652761</v>
      </c>
      <c r="D1413">
        <f t="shared" si="21"/>
        <v>15</v>
      </c>
    </row>
    <row r="1414" spans="1:4" x14ac:dyDescent="0.25">
      <c r="A1414" s="20">
        <v>43614.666666663252</v>
      </c>
      <c r="B1414" s="22">
        <v>1.5717004537582397</v>
      </c>
      <c r="C1414" s="21">
        <v>192232.66447097561</v>
      </c>
      <c r="D1414">
        <f t="shared" si="21"/>
        <v>16</v>
      </c>
    </row>
    <row r="1415" spans="1:4" x14ac:dyDescent="0.25">
      <c r="A1415" s="20">
        <v>43614.708333329916</v>
      </c>
      <c r="B1415" s="22">
        <v>1.4491021633148193</v>
      </c>
      <c r="C1415" s="21">
        <v>177237.824980301</v>
      </c>
      <c r="D1415">
        <f t="shared" ref="D1415:D1478" si="22">HOUR(A1415)</f>
        <v>17</v>
      </c>
    </row>
    <row r="1416" spans="1:4" x14ac:dyDescent="0.25">
      <c r="A1416" s="20">
        <v>43614.74999999658</v>
      </c>
      <c r="B1416" s="22">
        <v>1.694776177406311</v>
      </c>
      <c r="C1416" s="21">
        <v>207285.89820389749</v>
      </c>
      <c r="D1416">
        <f t="shared" si="22"/>
        <v>18</v>
      </c>
    </row>
    <row r="1417" spans="1:4" x14ac:dyDescent="0.25">
      <c r="A1417" s="20">
        <v>43614.791666663245</v>
      </c>
      <c r="B1417" s="22">
        <v>1.5058598518371582</v>
      </c>
      <c r="C1417" s="21">
        <v>184179.78498786691</v>
      </c>
      <c r="D1417">
        <f t="shared" si="22"/>
        <v>19</v>
      </c>
    </row>
    <row r="1418" spans="1:4" x14ac:dyDescent="0.25">
      <c r="A1418" s="20">
        <v>43614.833333329909</v>
      </c>
      <c r="B1418" s="22">
        <v>1.4095197916030884</v>
      </c>
      <c r="C1418" s="21">
        <v>172396.55591911828</v>
      </c>
      <c r="D1418">
        <f t="shared" si="22"/>
        <v>20</v>
      </c>
    </row>
    <row r="1419" spans="1:4" x14ac:dyDescent="0.25">
      <c r="A1419" s="20">
        <v>43614.874999996573</v>
      </c>
      <c r="B1419" s="22">
        <v>1.5767865180969238</v>
      </c>
      <c r="C1419" s="21">
        <v>192854.73446984729</v>
      </c>
      <c r="D1419">
        <f t="shared" si="22"/>
        <v>21</v>
      </c>
    </row>
    <row r="1420" spans="1:4" x14ac:dyDescent="0.25">
      <c r="A1420" s="20">
        <v>43614.916666663237</v>
      </c>
      <c r="B1420" s="22">
        <v>1.3731391429901123</v>
      </c>
      <c r="C1420" s="21">
        <v>167946.88549920349</v>
      </c>
      <c r="D1420">
        <f t="shared" si="22"/>
        <v>22</v>
      </c>
    </row>
    <row r="1421" spans="1:4" x14ac:dyDescent="0.25">
      <c r="A1421" s="20">
        <v>43614.958333329902</v>
      </c>
      <c r="B1421" s="22">
        <v>1.2057338953018188</v>
      </c>
      <c r="C1421" s="21">
        <v>147471.7645990384</v>
      </c>
      <c r="D1421">
        <f t="shared" si="22"/>
        <v>23</v>
      </c>
    </row>
    <row r="1422" spans="1:4" x14ac:dyDescent="0.25">
      <c r="A1422" s="20">
        <v>43614.999999996566</v>
      </c>
      <c r="B1422" s="22">
        <v>0.99348121881484985</v>
      </c>
      <c r="C1422" s="21">
        <v>121511.41226560182</v>
      </c>
      <c r="D1422">
        <f t="shared" si="22"/>
        <v>0</v>
      </c>
    </row>
    <row r="1423" spans="1:4" x14ac:dyDescent="0.25">
      <c r="A1423" s="20">
        <v>43615.04166666323</v>
      </c>
      <c r="B1423" s="22">
        <v>0.80788981914520264</v>
      </c>
      <c r="C1423" s="21">
        <v>98811.96646720935</v>
      </c>
      <c r="D1423">
        <f t="shared" si="22"/>
        <v>1</v>
      </c>
    </row>
    <row r="1424" spans="1:4" x14ac:dyDescent="0.25">
      <c r="A1424" s="20">
        <v>43615.083333329894</v>
      </c>
      <c r="B1424" s="22">
        <v>0.74106812477111816</v>
      </c>
      <c r="C1424" s="21">
        <v>90639.090825874606</v>
      </c>
      <c r="D1424">
        <f t="shared" si="22"/>
        <v>2</v>
      </c>
    </row>
    <row r="1425" spans="1:4" x14ac:dyDescent="0.25">
      <c r="A1425" s="20">
        <v>43615.124999996558</v>
      </c>
      <c r="B1425" s="22">
        <v>0.72024089097976685</v>
      </c>
      <c r="C1425" s="21">
        <v>88091.738602556332</v>
      </c>
      <c r="D1425">
        <f t="shared" si="22"/>
        <v>3</v>
      </c>
    </row>
    <row r="1426" spans="1:4" x14ac:dyDescent="0.25">
      <c r="A1426" s="20">
        <v>43615.166666663223</v>
      </c>
      <c r="B1426" s="22">
        <v>0.68431872129440308</v>
      </c>
      <c r="C1426" s="21">
        <v>83698.144151601125</v>
      </c>
      <c r="D1426">
        <f t="shared" si="22"/>
        <v>4</v>
      </c>
    </row>
    <row r="1427" spans="1:4" x14ac:dyDescent="0.25">
      <c r="A1427" s="20">
        <v>43615.208333329887</v>
      </c>
      <c r="B1427" s="22">
        <v>0.67034667730331421</v>
      </c>
      <c r="C1427" s="21">
        <v>81989.241390842726</v>
      </c>
      <c r="D1427">
        <f t="shared" si="22"/>
        <v>5</v>
      </c>
    </row>
    <row r="1428" spans="1:4" x14ac:dyDescent="0.25">
      <c r="A1428" s="20">
        <v>43615.249999996551</v>
      </c>
      <c r="B1428" s="22">
        <v>0.95562535524368286</v>
      </c>
      <c r="C1428" s="21">
        <v>116881.31019829368</v>
      </c>
      <c r="D1428">
        <f t="shared" si="22"/>
        <v>6</v>
      </c>
    </row>
    <row r="1429" spans="1:4" x14ac:dyDescent="0.25">
      <c r="A1429" s="20">
        <v>43615.291666663215</v>
      </c>
      <c r="B1429" s="22">
        <v>0.96167296171188354</v>
      </c>
      <c r="C1429" s="21">
        <v>117620.985180428</v>
      </c>
      <c r="D1429">
        <f t="shared" si="22"/>
        <v>7</v>
      </c>
    </row>
    <row r="1430" spans="1:4" x14ac:dyDescent="0.25">
      <c r="A1430" s="20">
        <v>43615.33333332988</v>
      </c>
      <c r="B1430" s="22">
        <v>1.0662918090820313</v>
      </c>
      <c r="C1430" s="21">
        <v>130416.78207401298</v>
      </c>
      <c r="D1430">
        <f t="shared" si="22"/>
        <v>8</v>
      </c>
    </row>
    <row r="1431" spans="1:4" x14ac:dyDescent="0.25">
      <c r="A1431" s="20">
        <v>43615.374999996544</v>
      </c>
      <c r="B1431" s="22">
        <v>1.0914090871810913</v>
      </c>
      <c r="C1431" s="21">
        <v>133488.84410828628</v>
      </c>
      <c r="D1431">
        <f t="shared" si="22"/>
        <v>9</v>
      </c>
    </row>
    <row r="1432" spans="1:4" x14ac:dyDescent="0.25">
      <c r="A1432" s="20">
        <v>43615.416666663208</v>
      </c>
      <c r="B1432" s="22">
        <v>1.1777787208557129</v>
      </c>
      <c r="C1432" s="21">
        <v>144052.60310635329</v>
      </c>
      <c r="D1432">
        <f t="shared" si="22"/>
        <v>10</v>
      </c>
    </row>
    <row r="1433" spans="1:4" x14ac:dyDescent="0.25">
      <c r="A1433" s="20">
        <v>43615.458333329872</v>
      </c>
      <c r="B1433" s="22">
        <v>1.2949472665786743</v>
      </c>
      <c r="C1433" s="21">
        <v>158383.33749193922</v>
      </c>
      <c r="D1433">
        <f t="shared" si="22"/>
        <v>11</v>
      </c>
    </row>
    <row r="1434" spans="1:4" x14ac:dyDescent="0.25">
      <c r="A1434" s="20">
        <v>43615.499999996537</v>
      </c>
      <c r="B1434" s="22">
        <v>1.4976530075073242</v>
      </c>
      <c r="C1434" s="21">
        <v>183176.01639528928</v>
      </c>
      <c r="D1434">
        <f t="shared" si="22"/>
        <v>12</v>
      </c>
    </row>
    <row r="1435" spans="1:4" x14ac:dyDescent="0.25">
      <c r="A1435" s="20">
        <v>43615.541666663201</v>
      </c>
      <c r="B1435" s="22">
        <v>1.5663983821868896</v>
      </c>
      <c r="C1435" s="21">
        <v>191584.17490482496</v>
      </c>
      <c r="D1435">
        <f t="shared" si="22"/>
        <v>13</v>
      </c>
    </row>
    <row r="1436" spans="1:4" x14ac:dyDescent="0.25">
      <c r="A1436" s="20">
        <v>43615.583333329865</v>
      </c>
      <c r="B1436" s="22">
        <v>1.7736412286758423</v>
      </c>
      <c r="C1436" s="21">
        <v>216931.7813637137</v>
      </c>
      <c r="D1436">
        <f t="shared" si="22"/>
        <v>14</v>
      </c>
    </row>
    <row r="1437" spans="1:4" x14ac:dyDescent="0.25">
      <c r="A1437" s="20">
        <v>43615.624999996529</v>
      </c>
      <c r="B1437" s="22">
        <v>1.8380926847457886</v>
      </c>
      <c r="C1437" s="21">
        <v>224814.7562014022</v>
      </c>
      <c r="D1437">
        <f t="shared" si="22"/>
        <v>15</v>
      </c>
    </row>
    <row r="1438" spans="1:4" x14ac:dyDescent="0.25">
      <c r="A1438" s="20">
        <v>43615.666666663194</v>
      </c>
      <c r="B1438" s="22">
        <v>1.8946219682693481</v>
      </c>
      <c r="C1438" s="21">
        <v>231728.78028683434</v>
      </c>
      <c r="D1438">
        <f t="shared" si="22"/>
        <v>16</v>
      </c>
    </row>
    <row r="1439" spans="1:4" x14ac:dyDescent="0.25">
      <c r="A1439" s="20">
        <v>43615.708333329858</v>
      </c>
      <c r="B1439" s="22">
        <v>1.7471868991851807</v>
      </c>
      <c r="C1439" s="21">
        <v>213696.18629047769</v>
      </c>
      <c r="D1439">
        <f t="shared" si="22"/>
        <v>17</v>
      </c>
    </row>
    <row r="1440" spans="1:4" x14ac:dyDescent="0.25">
      <c r="A1440" s="20">
        <v>43615.749999996522</v>
      </c>
      <c r="B1440" s="22">
        <v>1.6431087255477905</v>
      </c>
      <c r="C1440" s="21">
        <v>200966.51850693329</v>
      </c>
      <c r="D1440">
        <f t="shared" si="22"/>
        <v>18</v>
      </c>
    </row>
    <row r="1441" spans="1:4" x14ac:dyDescent="0.25">
      <c r="A1441" s="20">
        <v>43615.791666663186</v>
      </c>
      <c r="B1441" s="22">
        <v>1.5516971349716187</v>
      </c>
      <c r="C1441" s="21">
        <v>189786.08423399745</v>
      </c>
      <c r="D1441">
        <f t="shared" si="22"/>
        <v>19</v>
      </c>
    </row>
    <row r="1442" spans="1:4" x14ac:dyDescent="0.25">
      <c r="A1442" s="20">
        <v>43615.833333329851</v>
      </c>
      <c r="B1442" s="22">
        <v>1.596243143081665</v>
      </c>
      <c r="C1442" s="21">
        <v>195234.44928986012</v>
      </c>
      <c r="D1442">
        <f t="shared" si="22"/>
        <v>20</v>
      </c>
    </row>
    <row r="1443" spans="1:4" x14ac:dyDescent="0.25">
      <c r="A1443" s="20">
        <v>43615.874999996515</v>
      </c>
      <c r="B1443" s="22">
        <v>1.7465733289718628</v>
      </c>
      <c r="C1443" s="21">
        <v>213621.14130549718</v>
      </c>
      <c r="D1443">
        <f t="shared" si="22"/>
        <v>21</v>
      </c>
    </row>
    <row r="1444" spans="1:4" x14ac:dyDescent="0.25">
      <c r="A1444" s="20">
        <v>43615.916666663179</v>
      </c>
      <c r="B1444" s="22">
        <v>1.4386179447174072</v>
      </c>
      <c r="C1444" s="21">
        <v>175955.51366515347</v>
      </c>
      <c r="D1444">
        <f t="shared" si="22"/>
        <v>22</v>
      </c>
    </row>
    <row r="1445" spans="1:4" x14ac:dyDescent="0.25">
      <c r="A1445" s="20">
        <v>43615.958333329843</v>
      </c>
      <c r="B1445" s="22">
        <v>1.2307928800582886</v>
      </c>
      <c r="C1445" s="21">
        <v>150536.69684942681</v>
      </c>
      <c r="D1445">
        <f t="shared" si="22"/>
        <v>23</v>
      </c>
    </row>
    <row r="1446" spans="1:4" x14ac:dyDescent="0.25">
      <c r="A1446" s="20">
        <v>43615.999999996508</v>
      </c>
      <c r="B1446" s="22">
        <v>1.1226160526275635</v>
      </c>
      <c r="C1446" s="21">
        <v>137305.72798299932</v>
      </c>
      <c r="D1446">
        <f t="shared" si="22"/>
        <v>0</v>
      </c>
    </row>
    <row r="1447" spans="1:4" x14ac:dyDescent="0.25">
      <c r="A1447" s="20">
        <v>43616.041666663172</v>
      </c>
      <c r="B1447" s="22">
        <v>0.94281738996505737</v>
      </c>
      <c r="C1447" s="21">
        <v>115314.78441020567</v>
      </c>
      <c r="D1447">
        <f t="shared" si="22"/>
        <v>1</v>
      </c>
    </row>
    <row r="1448" spans="1:4" x14ac:dyDescent="0.25">
      <c r="A1448" s="20">
        <v>43616.083333329836</v>
      </c>
      <c r="B1448" s="22">
        <v>0.79708057641983032</v>
      </c>
      <c r="C1448" s="21">
        <v>97489.901868294721</v>
      </c>
      <c r="D1448">
        <f t="shared" si="22"/>
        <v>2</v>
      </c>
    </row>
    <row r="1449" spans="1:4" x14ac:dyDescent="0.25">
      <c r="A1449" s="20">
        <v>43616.1249999965</v>
      </c>
      <c r="B1449" s="22">
        <v>0.74419200420379639</v>
      </c>
      <c r="C1449" s="21">
        <v>91021.168508294228</v>
      </c>
      <c r="D1449">
        <f t="shared" si="22"/>
        <v>3</v>
      </c>
    </row>
    <row r="1450" spans="1:4" x14ac:dyDescent="0.25">
      <c r="A1450" s="20">
        <v>43616.166666663165</v>
      </c>
      <c r="B1450" s="22">
        <v>0.7345050573348999</v>
      </c>
      <c r="C1450" s="21">
        <v>89836.370474582407</v>
      </c>
      <c r="D1450">
        <f t="shared" si="22"/>
        <v>4</v>
      </c>
    </row>
    <row r="1451" spans="1:4" x14ac:dyDescent="0.25">
      <c r="A1451" s="20">
        <v>43616.208333329829</v>
      </c>
      <c r="B1451" s="22">
        <v>0.77440965175628662</v>
      </c>
      <c r="C1451" s="21">
        <v>94717.050181656377</v>
      </c>
      <c r="D1451">
        <f t="shared" si="22"/>
        <v>5</v>
      </c>
    </row>
    <row r="1452" spans="1:4" x14ac:dyDescent="0.25">
      <c r="A1452" s="20">
        <v>43616.249999996493</v>
      </c>
      <c r="B1452" s="22">
        <v>0.88830083608627319</v>
      </c>
      <c r="C1452" s="21">
        <v>108646.9347033262</v>
      </c>
      <c r="D1452">
        <f t="shared" si="22"/>
        <v>6</v>
      </c>
    </row>
    <row r="1453" spans="1:4" x14ac:dyDescent="0.25">
      <c r="A1453" s="20">
        <v>43616.291666663157</v>
      </c>
      <c r="B1453" s="22">
        <v>0.9660261869430542</v>
      </c>
      <c r="C1453" s="21">
        <v>118153.42256900876</v>
      </c>
      <c r="D1453">
        <f t="shared" si="22"/>
        <v>7</v>
      </c>
    </row>
    <row r="1454" spans="1:4" x14ac:dyDescent="0.25">
      <c r="A1454" s="20">
        <v>43616.333333329821</v>
      </c>
      <c r="B1454" s="22">
        <v>1.0743772983551025</v>
      </c>
      <c r="C1454" s="21">
        <v>131405.70788541515</v>
      </c>
      <c r="D1454">
        <f t="shared" si="22"/>
        <v>8</v>
      </c>
    </row>
    <row r="1455" spans="1:4" x14ac:dyDescent="0.25">
      <c r="A1455" s="20">
        <v>43616.374999996486</v>
      </c>
      <c r="B1455" s="22">
        <v>1.0106731653213501</v>
      </c>
      <c r="C1455" s="21">
        <v>123614.13716873745</v>
      </c>
      <c r="D1455">
        <f t="shared" si="22"/>
        <v>9</v>
      </c>
    </row>
    <row r="1456" spans="1:4" x14ac:dyDescent="0.25">
      <c r="A1456" s="20">
        <v>43616.41666666315</v>
      </c>
      <c r="B1456" s="22">
        <v>1.108067512512207</v>
      </c>
      <c r="C1456" s="21">
        <v>135526.31472148988</v>
      </c>
      <c r="D1456">
        <f t="shared" si="22"/>
        <v>10</v>
      </c>
    </row>
    <row r="1457" spans="1:4" x14ac:dyDescent="0.25">
      <c r="A1457" s="20">
        <v>43616.458333329814</v>
      </c>
      <c r="B1457" s="22">
        <v>1.263095498085022</v>
      </c>
      <c r="C1457" s="21">
        <v>154487.58858443823</v>
      </c>
      <c r="D1457">
        <f t="shared" si="22"/>
        <v>11</v>
      </c>
    </row>
    <row r="1458" spans="1:4" x14ac:dyDescent="0.25">
      <c r="A1458" s="20">
        <v>43616.499999996478</v>
      </c>
      <c r="B1458" s="22">
        <v>1.4719048738479614</v>
      </c>
      <c r="C1458" s="21">
        <v>180026.79522743978</v>
      </c>
      <c r="D1458">
        <f t="shared" si="22"/>
        <v>12</v>
      </c>
    </row>
    <row r="1459" spans="1:4" x14ac:dyDescent="0.25">
      <c r="A1459" s="20">
        <v>43616.541666663143</v>
      </c>
      <c r="B1459" s="22">
        <v>1.4418289661407471</v>
      </c>
      <c r="C1459" s="21">
        <v>176348.24957256255</v>
      </c>
      <c r="D1459">
        <f t="shared" si="22"/>
        <v>13</v>
      </c>
    </row>
    <row r="1460" spans="1:4" x14ac:dyDescent="0.25">
      <c r="A1460" s="20">
        <v>43616.583333329807</v>
      </c>
      <c r="B1460" s="22">
        <v>1.3778921365737915</v>
      </c>
      <c r="C1460" s="21">
        <v>168528.21804168593</v>
      </c>
      <c r="D1460">
        <f t="shared" si="22"/>
        <v>14</v>
      </c>
    </row>
    <row r="1461" spans="1:4" x14ac:dyDescent="0.25">
      <c r="A1461" s="20">
        <v>43616.624999996471</v>
      </c>
      <c r="B1461" s="22">
        <v>1.2758105993270874</v>
      </c>
      <c r="C1461" s="21">
        <v>156042.75629144994</v>
      </c>
      <c r="D1461">
        <f t="shared" si="22"/>
        <v>15</v>
      </c>
    </row>
    <row r="1462" spans="1:4" x14ac:dyDescent="0.25">
      <c r="A1462" s="20">
        <v>43616.666666663135</v>
      </c>
      <c r="B1462" s="22">
        <v>1.290477991104126</v>
      </c>
      <c r="C1462" s="21">
        <v>157836.70614709685</v>
      </c>
      <c r="D1462">
        <f t="shared" si="22"/>
        <v>16</v>
      </c>
    </row>
    <row r="1463" spans="1:4" x14ac:dyDescent="0.25">
      <c r="A1463" s="20">
        <v>43616.7083333298</v>
      </c>
      <c r="B1463" s="22">
        <v>1.1429965496063232</v>
      </c>
      <c r="C1463" s="21">
        <v>139798.44040036961</v>
      </c>
      <c r="D1463">
        <f t="shared" si="22"/>
        <v>17</v>
      </c>
    </row>
    <row r="1464" spans="1:4" x14ac:dyDescent="0.25">
      <c r="A1464" s="20">
        <v>43616.749999996464</v>
      </c>
      <c r="B1464" s="22">
        <v>1.2318155765533447</v>
      </c>
      <c r="C1464" s="21">
        <v>150661.78154461773</v>
      </c>
      <c r="D1464">
        <f t="shared" si="22"/>
        <v>18</v>
      </c>
    </row>
    <row r="1465" spans="1:4" x14ac:dyDescent="0.25">
      <c r="A1465" s="20">
        <v>43616.791666663128</v>
      </c>
      <c r="B1465" s="22">
        <v>1.1882311105728149</v>
      </c>
      <c r="C1465" s="21">
        <v>145331.02147201766</v>
      </c>
      <c r="D1465">
        <f t="shared" si="22"/>
        <v>19</v>
      </c>
    </row>
    <row r="1466" spans="1:4" x14ac:dyDescent="0.25">
      <c r="A1466" s="20">
        <v>43616.833333329792</v>
      </c>
      <c r="B1466" s="22">
        <v>1.321835994720459</v>
      </c>
      <c r="C1466" s="21">
        <v>161672.06330643594</v>
      </c>
      <c r="D1466">
        <f t="shared" si="22"/>
        <v>20</v>
      </c>
    </row>
    <row r="1467" spans="1:4" x14ac:dyDescent="0.25">
      <c r="A1467" s="20">
        <v>43616.874999996457</v>
      </c>
      <c r="B1467" s="22">
        <v>1.2919633388519287</v>
      </c>
      <c r="C1467" s="21">
        <v>158018.37712297734</v>
      </c>
      <c r="D1467">
        <f t="shared" si="22"/>
        <v>21</v>
      </c>
    </row>
    <row r="1468" spans="1:4" x14ac:dyDescent="0.25">
      <c r="A1468" s="20">
        <v>43616.916666663121</v>
      </c>
      <c r="B1468" s="22">
        <v>1.1276363134384155</v>
      </c>
      <c r="C1468" s="21">
        <v>137919.74963687218</v>
      </c>
      <c r="D1468">
        <f t="shared" si="22"/>
        <v>22</v>
      </c>
    </row>
    <row r="1469" spans="1:4" x14ac:dyDescent="0.25">
      <c r="A1469" s="20">
        <v>43616.958333329785</v>
      </c>
      <c r="B1469" s="22">
        <v>0.99168473482131958</v>
      </c>
      <c r="C1469" s="21">
        <v>121291.68661499835</v>
      </c>
      <c r="D1469">
        <f t="shared" si="22"/>
        <v>23</v>
      </c>
    </row>
    <row r="1470" spans="1:4" x14ac:dyDescent="0.25">
      <c r="A1470" s="20">
        <v>43616.999999996449</v>
      </c>
      <c r="B1470" s="22">
        <v>0.78716188669204712</v>
      </c>
      <c r="C1470" s="21">
        <v>97050.367565467823</v>
      </c>
      <c r="D1470">
        <f t="shared" si="22"/>
        <v>0</v>
      </c>
    </row>
    <row r="1471" spans="1:4" x14ac:dyDescent="0.25">
      <c r="A1471" s="20">
        <v>43617.041666663114</v>
      </c>
      <c r="B1471" s="22">
        <v>0.70724493265151978</v>
      </c>
      <c r="C1471" s="21">
        <v>87197.286648479698</v>
      </c>
      <c r="D1471">
        <f t="shared" si="22"/>
        <v>1</v>
      </c>
    </row>
    <row r="1472" spans="1:4" x14ac:dyDescent="0.25">
      <c r="A1472" s="20">
        <v>43617.083333329778</v>
      </c>
      <c r="B1472" s="22">
        <v>0.63467377424240112</v>
      </c>
      <c r="C1472" s="21">
        <v>78249.879873166472</v>
      </c>
      <c r="D1472">
        <f t="shared" si="22"/>
        <v>2</v>
      </c>
    </row>
    <row r="1473" spans="1:4" x14ac:dyDescent="0.25">
      <c r="A1473" s="20">
        <v>43617.124999996442</v>
      </c>
      <c r="B1473" s="22">
        <v>0.62303692102432251</v>
      </c>
      <c r="C1473" s="21">
        <v>76815.154816970055</v>
      </c>
      <c r="D1473">
        <f t="shared" si="22"/>
        <v>3</v>
      </c>
    </row>
    <row r="1474" spans="1:4" x14ac:dyDescent="0.25">
      <c r="A1474" s="20">
        <v>43617.166666663106</v>
      </c>
      <c r="B1474" s="22">
        <v>0.62257838249206543</v>
      </c>
      <c r="C1474" s="21">
        <v>76758.620914794621</v>
      </c>
      <c r="D1474">
        <f t="shared" si="22"/>
        <v>4</v>
      </c>
    </row>
    <row r="1475" spans="1:4" x14ac:dyDescent="0.25">
      <c r="A1475" s="20">
        <v>43617.208333329771</v>
      </c>
      <c r="B1475" s="22">
        <v>0.60420137643814087</v>
      </c>
      <c r="C1475" s="21">
        <v>74492.892323969252</v>
      </c>
      <c r="D1475">
        <f t="shared" si="22"/>
        <v>5</v>
      </c>
    </row>
    <row r="1476" spans="1:4" x14ac:dyDescent="0.25">
      <c r="A1476" s="20">
        <v>43617.249999996435</v>
      </c>
      <c r="B1476" s="22">
        <v>0.63105243444442749</v>
      </c>
      <c r="C1476" s="21">
        <v>77803.399467528783</v>
      </c>
      <c r="D1476">
        <f t="shared" si="22"/>
        <v>6</v>
      </c>
    </row>
    <row r="1477" spans="1:4" x14ac:dyDescent="0.25">
      <c r="A1477" s="20">
        <v>43617.291666663099</v>
      </c>
      <c r="B1477" s="22">
        <v>0.73828870058059692</v>
      </c>
      <c r="C1477" s="21">
        <v>91024.71927583286</v>
      </c>
      <c r="D1477">
        <f t="shared" si="22"/>
        <v>7</v>
      </c>
    </row>
    <row r="1478" spans="1:4" x14ac:dyDescent="0.25">
      <c r="A1478" s="20">
        <v>43617.333333329763</v>
      </c>
      <c r="B1478" s="22">
        <v>0.86066395044326782</v>
      </c>
      <c r="C1478" s="21">
        <v>106112.5470541797</v>
      </c>
      <c r="D1478">
        <f t="shared" si="22"/>
        <v>8</v>
      </c>
    </row>
    <row r="1479" spans="1:4" x14ac:dyDescent="0.25">
      <c r="A1479" s="20">
        <v>43617.374999996428</v>
      </c>
      <c r="B1479" s="22">
        <v>0.92431885004043579</v>
      </c>
      <c r="C1479" s="21">
        <v>113960.65493095873</v>
      </c>
      <c r="D1479">
        <f t="shared" ref="D1479:D1542" si="23">HOUR(A1479)</f>
        <v>9</v>
      </c>
    </row>
    <row r="1480" spans="1:4" x14ac:dyDescent="0.25">
      <c r="A1480" s="20">
        <v>43617.416666663092</v>
      </c>
      <c r="B1480" s="22">
        <v>1.0789628028869629</v>
      </c>
      <c r="C1480" s="21">
        <v>133026.93941356079</v>
      </c>
      <c r="D1480">
        <f t="shared" si="23"/>
        <v>10</v>
      </c>
    </row>
    <row r="1481" spans="1:4" x14ac:dyDescent="0.25">
      <c r="A1481" s="20">
        <v>43617.458333329756</v>
      </c>
      <c r="B1481" s="22">
        <v>1.2609422206878662</v>
      </c>
      <c r="C1481" s="21">
        <v>155463.4542976165</v>
      </c>
      <c r="D1481">
        <f t="shared" si="23"/>
        <v>11</v>
      </c>
    </row>
    <row r="1482" spans="1:4" x14ac:dyDescent="0.25">
      <c r="A1482" s="20">
        <v>43617.49999999642</v>
      </c>
      <c r="B1482" s="22">
        <v>1.3220866918563843</v>
      </c>
      <c r="C1482" s="21">
        <v>163002.04769476148</v>
      </c>
      <c r="D1482">
        <f t="shared" si="23"/>
        <v>12</v>
      </c>
    </row>
    <row r="1483" spans="1:4" x14ac:dyDescent="0.25">
      <c r="A1483" s="20">
        <v>43617.541666663084</v>
      </c>
      <c r="B1483" s="22">
        <v>1.6050225496292114</v>
      </c>
      <c r="C1483" s="21">
        <v>197885.63321704464</v>
      </c>
      <c r="D1483">
        <f t="shared" si="23"/>
        <v>13</v>
      </c>
    </row>
    <row r="1484" spans="1:4" x14ac:dyDescent="0.25">
      <c r="A1484" s="20">
        <v>43617.583333329749</v>
      </c>
      <c r="B1484" s="22">
        <v>1.6792856454849243</v>
      </c>
      <c r="C1484" s="21">
        <v>207041.64149335251</v>
      </c>
      <c r="D1484">
        <f t="shared" si="23"/>
        <v>14</v>
      </c>
    </row>
    <row r="1485" spans="1:4" x14ac:dyDescent="0.25">
      <c r="A1485" s="20">
        <v>43617.624999996413</v>
      </c>
      <c r="B1485" s="22">
        <v>1.7984236478805542</v>
      </c>
      <c r="C1485" s="21">
        <v>221730.34418461338</v>
      </c>
      <c r="D1485">
        <f t="shared" si="23"/>
        <v>15</v>
      </c>
    </row>
    <row r="1486" spans="1:4" x14ac:dyDescent="0.25">
      <c r="A1486" s="20">
        <v>43617.666666663077</v>
      </c>
      <c r="B1486" s="22">
        <v>2.011542797088623</v>
      </c>
      <c r="C1486" s="21">
        <v>248006.12317691432</v>
      </c>
      <c r="D1486">
        <f t="shared" si="23"/>
        <v>16</v>
      </c>
    </row>
    <row r="1487" spans="1:4" x14ac:dyDescent="0.25">
      <c r="A1487" s="20">
        <v>43617.708333329741</v>
      </c>
      <c r="B1487" s="22">
        <v>1.9469988346099854</v>
      </c>
      <c r="C1487" s="21">
        <v>240048.40140635541</v>
      </c>
      <c r="D1487">
        <f t="shared" si="23"/>
        <v>17</v>
      </c>
    </row>
    <row r="1488" spans="1:4" x14ac:dyDescent="0.25">
      <c r="A1488" s="20">
        <v>43617.749999996406</v>
      </c>
      <c r="B1488" s="22">
        <v>1.7588297128677368</v>
      </c>
      <c r="C1488" s="21">
        <v>216848.74865601727</v>
      </c>
      <c r="D1488">
        <f t="shared" si="23"/>
        <v>18</v>
      </c>
    </row>
    <row r="1489" spans="1:4" x14ac:dyDescent="0.25">
      <c r="A1489" s="20">
        <v>43617.79166666307</v>
      </c>
      <c r="B1489" s="22">
        <v>1.6431952714920044</v>
      </c>
      <c r="C1489" s="21">
        <v>202592.00524850423</v>
      </c>
      <c r="D1489">
        <f t="shared" si="23"/>
        <v>19</v>
      </c>
    </row>
    <row r="1490" spans="1:4" x14ac:dyDescent="0.25">
      <c r="A1490" s="20">
        <v>43617.833333329734</v>
      </c>
      <c r="B1490" s="22">
        <v>1.7221128940582275</v>
      </c>
      <c r="C1490" s="21">
        <v>212321.87709180545</v>
      </c>
      <c r="D1490">
        <f t="shared" si="23"/>
        <v>20</v>
      </c>
    </row>
    <row r="1491" spans="1:4" x14ac:dyDescent="0.25">
      <c r="A1491" s="20">
        <v>43617.874999996398</v>
      </c>
      <c r="B1491" s="22">
        <v>1.5105301141738892</v>
      </c>
      <c r="C1491" s="21">
        <v>186235.51937371146</v>
      </c>
      <c r="D1491">
        <f t="shared" si="23"/>
        <v>21</v>
      </c>
    </row>
    <row r="1492" spans="1:4" x14ac:dyDescent="0.25">
      <c r="A1492" s="20">
        <v>43617.916666663063</v>
      </c>
      <c r="B1492" s="22">
        <v>1.4997167587280273</v>
      </c>
      <c r="C1492" s="21">
        <v>184902.32459080973</v>
      </c>
      <c r="D1492">
        <f t="shared" si="23"/>
        <v>22</v>
      </c>
    </row>
    <row r="1493" spans="1:4" x14ac:dyDescent="0.25">
      <c r="A1493" s="20">
        <v>43617.958333329727</v>
      </c>
      <c r="B1493" s="22">
        <v>1.1512597799301147</v>
      </c>
      <c r="C1493" s="21">
        <v>141940.54195775389</v>
      </c>
      <c r="D1493">
        <f t="shared" si="23"/>
        <v>23</v>
      </c>
    </row>
    <row r="1494" spans="1:4" x14ac:dyDescent="0.25">
      <c r="A1494" s="20">
        <v>43617.999999996391</v>
      </c>
      <c r="B1494" s="22">
        <v>0.90037614107131958</v>
      </c>
      <c r="C1494" s="21">
        <v>111008.72249463284</v>
      </c>
      <c r="D1494">
        <f t="shared" si="23"/>
        <v>0</v>
      </c>
    </row>
    <row r="1495" spans="1:4" x14ac:dyDescent="0.25">
      <c r="A1495" s="20">
        <v>43618.041666663055</v>
      </c>
      <c r="B1495" s="22">
        <v>0.7514110803604126</v>
      </c>
      <c r="C1495" s="21">
        <v>92642.597125987217</v>
      </c>
      <c r="D1495">
        <f t="shared" si="23"/>
        <v>1</v>
      </c>
    </row>
    <row r="1496" spans="1:4" x14ac:dyDescent="0.25">
      <c r="A1496" s="20">
        <v>43618.08333332972</v>
      </c>
      <c r="B1496" s="22">
        <v>0.78371143341064453</v>
      </c>
      <c r="C1496" s="21">
        <v>96624.956014313022</v>
      </c>
      <c r="D1496">
        <f t="shared" si="23"/>
        <v>2</v>
      </c>
    </row>
    <row r="1497" spans="1:4" x14ac:dyDescent="0.25">
      <c r="A1497" s="20">
        <v>43618.124999996384</v>
      </c>
      <c r="B1497" s="22">
        <v>0.7420814037322998</v>
      </c>
      <c r="C1497" s="21">
        <v>91492.327325920618</v>
      </c>
      <c r="D1497">
        <f t="shared" si="23"/>
        <v>3</v>
      </c>
    </row>
    <row r="1498" spans="1:4" x14ac:dyDescent="0.25">
      <c r="A1498" s="20">
        <v>43618.166666663048</v>
      </c>
      <c r="B1498" s="22">
        <v>0.67141711711883545</v>
      </c>
      <c r="C1498" s="21">
        <v>82780.021629301889</v>
      </c>
      <c r="D1498">
        <f t="shared" si="23"/>
        <v>4</v>
      </c>
    </row>
    <row r="1499" spans="1:4" x14ac:dyDescent="0.25">
      <c r="A1499" s="20">
        <v>43618.208333329712</v>
      </c>
      <c r="B1499" s="22">
        <v>0.62634134292602539</v>
      </c>
      <c r="C1499" s="21">
        <v>77222.561940680447</v>
      </c>
      <c r="D1499">
        <f t="shared" si="23"/>
        <v>5</v>
      </c>
    </row>
    <row r="1500" spans="1:4" x14ac:dyDescent="0.25">
      <c r="A1500" s="20">
        <v>43618.249999996377</v>
      </c>
      <c r="B1500" s="22">
        <v>0.69706010818481445</v>
      </c>
      <c r="C1500" s="21">
        <v>85941.584391047829</v>
      </c>
      <c r="D1500">
        <f t="shared" si="23"/>
        <v>6</v>
      </c>
    </row>
    <row r="1501" spans="1:4" x14ac:dyDescent="0.25">
      <c r="A1501" s="20">
        <v>43618.291666663041</v>
      </c>
      <c r="B1501" s="22">
        <v>0.81452637910842896</v>
      </c>
      <c r="C1501" s="21">
        <v>100424.17680617269</v>
      </c>
      <c r="D1501">
        <f t="shared" si="23"/>
        <v>7</v>
      </c>
    </row>
    <row r="1502" spans="1:4" x14ac:dyDescent="0.25">
      <c r="A1502" s="20">
        <v>43618.333333329705</v>
      </c>
      <c r="B1502" s="22">
        <v>1.1116155385971069</v>
      </c>
      <c r="C1502" s="21">
        <v>137052.74408762183</v>
      </c>
      <c r="D1502">
        <f t="shared" si="23"/>
        <v>8</v>
      </c>
    </row>
    <row r="1503" spans="1:4" x14ac:dyDescent="0.25">
      <c r="A1503" s="20">
        <v>43618.374999996369</v>
      </c>
      <c r="B1503" s="22">
        <v>1.3132853507995605</v>
      </c>
      <c r="C1503" s="21">
        <v>161916.91717831415</v>
      </c>
      <c r="D1503">
        <f t="shared" si="23"/>
        <v>9</v>
      </c>
    </row>
    <row r="1504" spans="1:4" x14ac:dyDescent="0.25">
      <c r="A1504" s="20">
        <v>43618.416666663034</v>
      </c>
      <c r="B1504" s="22">
        <v>1.2884489297866821</v>
      </c>
      <c r="C1504" s="21">
        <v>158854.79764602846</v>
      </c>
      <c r="D1504">
        <f t="shared" si="23"/>
        <v>10</v>
      </c>
    </row>
    <row r="1505" spans="1:4" x14ac:dyDescent="0.25">
      <c r="A1505" s="20">
        <v>43618.458333329698</v>
      </c>
      <c r="B1505" s="22">
        <v>1.467482328414917</v>
      </c>
      <c r="C1505" s="21">
        <v>180928.09341544451</v>
      </c>
      <c r="D1505">
        <f t="shared" si="23"/>
        <v>11</v>
      </c>
    </row>
    <row r="1506" spans="1:4" x14ac:dyDescent="0.25">
      <c r="A1506" s="20">
        <v>43618.499999996362</v>
      </c>
      <c r="B1506" s="22">
        <v>1.7078770399093628</v>
      </c>
      <c r="C1506" s="21">
        <v>210566.71731957397</v>
      </c>
      <c r="D1506">
        <f t="shared" si="23"/>
        <v>12</v>
      </c>
    </row>
    <row r="1507" spans="1:4" x14ac:dyDescent="0.25">
      <c r="A1507" s="20">
        <v>43618.541666663026</v>
      </c>
      <c r="B1507" s="22">
        <v>1.8715125322341919</v>
      </c>
      <c r="C1507" s="21">
        <v>230741.58216677644</v>
      </c>
      <c r="D1507">
        <f t="shared" si="23"/>
        <v>13</v>
      </c>
    </row>
    <row r="1508" spans="1:4" x14ac:dyDescent="0.25">
      <c r="A1508" s="20">
        <v>43618.583333329691</v>
      </c>
      <c r="B1508" s="22">
        <v>2.0626544952392578</v>
      </c>
      <c r="C1508" s="21">
        <v>254307.76096740729</v>
      </c>
      <c r="D1508">
        <f t="shared" si="23"/>
        <v>14</v>
      </c>
    </row>
    <row r="1509" spans="1:4" x14ac:dyDescent="0.25">
      <c r="A1509" s="20">
        <v>43618.624999996355</v>
      </c>
      <c r="B1509" s="22">
        <v>2.2514526844024658</v>
      </c>
      <c r="C1509" s="21">
        <v>277584.97238192835</v>
      </c>
      <c r="D1509">
        <f t="shared" si="23"/>
        <v>15</v>
      </c>
    </row>
    <row r="1510" spans="1:4" x14ac:dyDescent="0.25">
      <c r="A1510" s="20">
        <v>43618.666666663019</v>
      </c>
      <c r="B1510" s="22">
        <v>2.2287709712982178</v>
      </c>
      <c r="C1510" s="21">
        <v>274788.51001377136</v>
      </c>
      <c r="D1510">
        <f t="shared" si="23"/>
        <v>16</v>
      </c>
    </row>
    <row r="1511" spans="1:4" x14ac:dyDescent="0.25">
      <c r="A1511" s="20">
        <v>43618.708333329683</v>
      </c>
      <c r="B1511" s="22">
        <v>2.1579387187957764</v>
      </c>
      <c r="C1511" s="21">
        <v>266055.49555121863</v>
      </c>
      <c r="D1511">
        <f t="shared" si="23"/>
        <v>17</v>
      </c>
    </row>
    <row r="1512" spans="1:4" x14ac:dyDescent="0.25">
      <c r="A1512" s="20">
        <v>43618.749999996347</v>
      </c>
      <c r="B1512" s="22">
        <v>2.1281523704528809</v>
      </c>
      <c r="C1512" s="21">
        <v>262383.09206728061</v>
      </c>
      <c r="D1512">
        <f t="shared" si="23"/>
        <v>18</v>
      </c>
    </row>
    <row r="1513" spans="1:4" x14ac:dyDescent="0.25">
      <c r="A1513" s="20">
        <v>43618.791666663012</v>
      </c>
      <c r="B1513" s="22">
        <v>1.9857450723648071</v>
      </c>
      <c r="C1513" s="21">
        <v>244825.48307082319</v>
      </c>
      <c r="D1513">
        <f t="shared" si="23"/>
        <v>19</v>
      </c>
    </row>
    <row r="1514" spans="1:4" x14ac:dyDescent="0.25">
      <c r="A1514" s="20">
        <v>43618.833333329676</v>
      </c>
      <c r="B1514" s="22">
        <v>1.774735689163208</v>
      </c>
      <c r="C1514" s="21">
        <v>218809.82028824562</v>
      </c>
      <c r="D1514">
        <f t="shared" si="23"/>
        <v>20</v>
      </c>
    </row>
    <row r="1515" spans="1:4" x14ac:dyDescent="0.25">
      <c r="A1515" s="20">
        <v>43618.87499999634</v>
      </c>
      <c r="B1515" s="22">
        <v>1.7878028154373169</v>
      </c>
      <c r="C1515" s="21">
        <v>220420.88585095466</v>
      </c>
      <c r="D1515">
        <f t="shared" si="23"/>
        <v>21</v>
      </c>
    </row>
    <row r="1516" spans="1:4" x14ac:dyDescent="0.25">
      <c r="A1516" s="20">
        <v>43618.916666663004</v>
      </c>
      <c r="B1516" s="22">
        <v>1.5680770874023438</v>
      </c>
      <c r="C1516" s="21">
        <v>193330.571863577</v>
      </c>
      <c r="D1516">
        <f t="shared" si="23"/>
        <v>22</v>
      </c>
    </row>
    <row r="1517" spans="1:4" x14ac:dyDescent="0.25">
      <c r="A1517" s="20">
        <v>43618.958333329669</v>
      </c>
      <c r="B1517" s="22">
        <v>1.2751777172088623</v>
      </c>
      <c r="C1517" s="21">
        <v>157218.56997737262</v>
      </c>
      <c r="D1517">
        <f t="shared" si="23"/>
        <v>23</v>
      </c>
    </row>
    <row r="1518" spans="1:4" x14ac:dyDescent="0.25">
      <c r="A1518" s="20">
        <v>43618.999999996333</v>
      </c>
      <c r="B1518" s="22">
        <v>0.99633771181106567</v>
      </c>
      <c r="C1518" s="21">
        <v>122839.96822680261</v>
      </c>
      <c r="D1518">
        <f t="shared" si="23"/>
        <v>0</v>
      </c>
    </row>
    <row r="1519" spans="1:4" x14ac:dyDescent="0.25">
      <c r="A1519" s="20">
        <v>43619.041666662997</v>
      </c>
      <c r="B1519" s="22">
        <v>0.77568024396896362</v>
      </c>
      <c r="C1519" s="21">
        <v>95634.778643583733</v>
      </c>
      <c r="D1519">
        <f t="shared" si="23"/>
        <v>1</v>
      </c>
    </row>
    <row r="1520" spans="1:4" x14ac:dyDescent="0.25">
      <c r="A1520" s="20">
        <v>43619.083333329661</v>
      </c>
      <c r="B1520" s="22">
        <v>0.72740167379379272</v>
      </c>
      <c r="C1520" s="21">
        <v>89682.441443004049</v>
      </c>
      <c r="D1520">
        <f t="shared" si="23"/>
        <v>2</v>
      </c>
    </row>
    <row r="1521" spans="1:4" x14ac:dyDescent="0.25">
      <c r="A1521" s="20">
        <v>43619.124999996326</v>
      </c>
      <c r="B1521" s="22">
        <v>0.70695406198501587</v>
      </c>
      <c r="C1521" s="21">
        <v>87161.42476850879</v>
      </c>
      <c r="D1521">
        <f t="shared" si="23"/>
        <v>3</v>
      </c>
    </row>
    <row r="1522" spans="1:4" x14ac:dyDescent="0.25">
      <c r="A1522" s="20">
        <v>43619.16666666299</v>
      </c>
      <c r="B1522" s="22">
        <v>0.60622572898864746</v>
      </c>
      <c r="C1522" s="21">
        <v>74742.477780824105</v>
      </c>
      <c r="D1522">
        <f t="shared" si="23"/>
        <v>4</v>
      </c>
    </row>
    <row r="1523" spans="1:4" x14ac:dyDescent="0.25">
      <c r="A1523" s="20">
        <v>43619.208333329654</v>
      </c>
      <c r="B1523" s="22">
        <v>0.65865242481231689</v>
      </c>
      <c r="C1523" s="21">
        <v>81206.243603267474</v>
      </c>
      <c r="D1523">
        <f t="shared" si="23"/>
        <v>5</v>
      </c>
    </row>
    <row r="1524" spans="1:4" x14ac:dyDescent="0.25">
      <c r="A1524" s="20">
        <v>43619.249999996318</v>
      </c>
      <c r="B1524" s="22">
        <v>0.84351426362991333</v>
      </c>
      <c r="C1524" s="21">
        <v>103998.13649009221</v>
      </c>
      <c r="D1524">
        <f t="shared" si="23"/>
        <v>6</v>
      </c>
    </row>
    <row r="1525" spans="1:4" x14ac:dyDescent="0.25">
      <c r="A1525" s="20">
        <v>43619.291666662983</v>
      </c>
      <c r="B1525" s="22">
        <v>0.81096768379211426</v>
      </c>
      <c r="C1525" s="21">
        <v>99985.419932471355</v>
      </c>
      <c r="D1525">
        <f t="shared" si="23"/>
        <v>7</v>
      </c>
    </row>
    <row r="1526" spans="1:4" x14ac:dyDescent="0.25">
      <c r="A1526" s="20">
        <v>43619.333333329647</v>
      </c>
      <c r="B1526" s="22">
        <v>0.84093159437179565</v>
      </c>
      <c r="C1526" s="21">
        <v>103679.71533043256</v>
      </c>
      <c r="D1526">
        <f t="shared" si="23"/>
        <v>8</v>
      </c>
    </row>
    <row r="1527" spans="1:4" x14ac:dyDescent="0.25">
      <c r="A1527" s="20">
        <v>43619.374999996311</v>
      </c>
      <c r="B1527" s="22">
        <v>0.88888752460479736</v>
      </c>
      <c r="C1527" s="21">
        <v>109592.27376947895</v>
      </c>
      <c r="D1527">
        <f t="shared" si="23"/>
        <v>9</v>
      </c>
    </row>
    <row r="1528" spans="1:4" x14ac:dyDescent="0.25">
      <c r="A1528" s="20">
        <v>43619.416666662975</v>
      </c>
      <c r="B1528" s="22">
        <v>1.0389629602432251</v>
      </c>
      <c r="C1528" s="21">
        <v>128095.29892541512</v>
      </c>
      <c r="D1528">
        <f t="shared" si="23"/>
        <v>10</v>
      </c>
    </row>
    <row r="1529" spans="1:4" x14ac:dyDescent="0.25">
      <c r="A1529" s="20">
        <v>43619.45833332964</v>
      </c>
      <c r="B1529" s="22">
        <v>1.2171880006790161</v>
      </c>
      <c r="C1529" s="21">
        <v>150068.93100299398</v>
      </c>
      <c r="D1529">
        <f t="shared" si="23"/>
        <v>11</v>
      </c>
    </row>
    <row r="1530" spans="1:4" x14ac:dyDescent="0.25">
      <c r="A1530" s="20">
        <v>43619.499999996304</v>
      </c>
      <c r="B1530" s="22">
        <v>1.2694684267044067</v>
      </c>
      <c r="C1530" s="21">
        <v>156514.66300300939</v>
      </c>
      <c r="D1530">
        <f t="shared" si="23"/>
        <v>12</v>
      </c>
    </row>
    <row r="1531" spans="1:4" x14ac:dyDescent="0.25">
      <c r="A1531" s="20">
        <v>43619.541666662968</v>
      </c>
      <c r="B1531" s="22">
        <v>1.3461483716964722</v>
      </c>
      <c r="C1531" s="21">
        <v>165968.64822789514</v>
      </c>
      <c r="D1531">
        <f t="shared" si="23"/>
        <v>13</v>
      </c>
    </row>
    <row r="1532" spans="1:4" x14ac:dyDescent="0.25">
      <c r="A1532" s="20">
        <v>43619.583333329632</v>
      </c>
      <c r="B1532" s="22">
        <v>1.3296318054199219</v>
      </c>
      <c r="C1532" s="21">
        <v>163932.2960427115</v>
      </c>
      <c r="D1532">
        <f t="shared" si="23"/>
        <v>14</v>
      </c>
    </row>
    <row r="1533" spans="1:4" x14ac:dyDescent="0.25">
      <c r="A1533" s="20">
        <v>43619.624999996297</v>
      </c>
      <c r="B1533" s="22">
        <v>1.47264564037323</v>
      </c>
      <c r="C1533" s="21">
        <v>181564.68587740333</v>
      </c>
      <c r="D1533">
        <f t="shared" si="23"/>
        <v>15</v>
      </c>
    </row>
    <row r="1534" spans="1:4" x14ac:dyDescent="0.25">
      <c r="A1534" s="20">
        <v>43619.666666662961</v>
      </c>
      <c r="B1534" s="22">
        <v>1.8020073175430298</v>
      </c>
      <c r="C1534" s="21">
        <v>222172.18018284501</v>
      </c>
      <c r="D1534">
        <f t="shared" si="23"/>
        <v>16</v>
      </c>
    </row>
    <row r="1535" spans="1:4" x14ac:dyDescent="0.25">
      <c r="A1535" s="20">
        <v>43619.708333329625</v>
      </c>
      <c r="B1535" s="22">
        <v>1.645006537437439</v>
      </c>
      <c r="C1535" s="21">
        <v>202815.31893878203</v>
      </c>
      <c r="D1535">
        <f t="shared" si="23"/>
        <v>17</v>
      </c>
    </row>
    <row r="1536" spans="1:4" x14ac:dyDescent="0.25">
      <c r="A1536" s="20">
        <v>43619.749999996289</v>
      </c>
      <c r="B1536" s="22">
        <v>1.5964839458465576</v>
      </c>
      <c r="C1536" s="21">
        <v>196832.89597250544</v>
      </c>
      <c r="D1536">
        <f t="shared" si="23"/>
        <v>18</v>
      </c>
    </row>
    <row r="1537" spans="1:4" x14ac:dyDescent="0.25">
      <c r="A1537" s="20">
        <v>43619.791666662954</v>
      </c>
      <c r="B1537" s="22">
        <v>1.6080129146575928</v>
      </c>
      <c r="C1537" s="21">
        <v>198254.31979863069</v>
      </c>
      <c r="D1537">
        <f t="shared" si="23"/>
        <v>19</v>
      </c>
    </row>
    <row r="1538" spans="1:4" x14ac:dyDescent="0.25">
      <c r="A1538" s="20">
        <v>43619.833333329618</v>
      </c>
      <c r="B1538" s="22">
        <v>1.2911766767501831</v>
      </c>
      <c r="C1538" s="21">
        <v>159191.10565319817</v>
      </c>
      <c r="D1538">
        <f t="shared" si="23"/>
        <v>20</v>
      </c>
    </row>
    <row r="1539" spans="1:4" x14ac:dyDescent="0.25">
      <c r="A1539" s="20">
        <v>43619.874999996282</v>
      </c>
      <c r="B1539" s="22">
        <v>1.2771891355514526</v>
      </c>
      <c r="C1539" s="21">
        <v>157466.5607563681</v>
      </c>
      <c r="D1539">
        <f t="shared" si="23"/>
        <v>21</v>
      </c>
    </row>
    <row r="1540" spans="1:4" x14ac:dyDescent="0.25">
      <c r="A1540" s="20">
        <v>43619.916666662946</v>
      </c>
      <c r="B1540" s="22">
        <v>1.1715810298919678</v>
      </c>
      <c r="C1540" s="21">
        <v>144445.97929095029</v>
      </c>
      <c r="D1540">
        <f t="shared" si="23"/>
        <v>22</v>
      </c>
    </row>
    <row r="1541" spans="1:4" x14ac:dyDescent="0.25">
      <c r="A1541" s="20">
        <v>43619.95833332961</v>
      </c>
      <c r="B1541" s="22">
        <v>0.89887189865112305</v>
      </c>
      <c r="C1541" s="21">
        <v>110823.26219446365</v>
      </c>
      <c r="D1541">
        <f t="shared" si="23"/>
        <v>23</v>
      </c>
    </row>
    <row r="1542" spans="1:4" x14ac:dyDescent="0.25">
      <c r="A1542" s="20">
        <v>43619.999999996275</v>
      </c>
      <c r="B1542" s="22">
        <v>0.71005821228027344</v>
      </c>
      <c r="C1542" s="21">
        <v>87544.140106009712</v>
      </c>
      <c r="D1542">
        <f t="shared" si="23"/>
        <v>0</v>
      </c>
    </row>
    <row r="1543" spans="1:4" x14ac:dyDescent="0.25">
      <c r="A1543" s="20">
        <v>43620.041666662939</v>
      </c>
      <c r="B1543" s="22">
        <v>0.68001878261566162</v>
      </c>
      <c r="C1543" s="21">
        <v>83840.533846998675</v>
      </c>
      <c r="D1543">
        <f t="shared" ref="D1543:D1606" si="24">HOUR(A1543)</f>
        <v>1</v>
      </c>
    </row>
    <row r="1544" spans="1:4" x14ac:dyDescent="0.25">
      <c r="A1544" s="20">
        <v>43620.083333329603</v>
      </c>
      <c r="B1544" s="22">
        <v>0.60436689853668213</v>
      </c>
      <c r="C1544" s="21">
        <v>74513.299791321551</v>
      </c>
      <c r="D1544">
        <f t="shared" si="24"/>
        <v>2</v>
      </c>
    </row>
    <row r="1545" spans="1:4" x14ac:dyDescent="0.25">
      <c r="A1545" s="20">
        <v>43620.124999996267</v>
      </c>
      <c r="B1545" s="22">
        <v>0.53687655925750732</v>
      </c>
      <c r="C1545" s="21">
        <v>66192.31481364755</v>
      </c>
      <c r="D1545">
        <f t="shared" si="24"/>
        <v>3</v>
      </c>
    </row>
    <row r="1546" spans="1:4" x14ac:dyDescent="0.25">
      <c r="A1546" s="20">
        <v>43620.166666662932</v>
      </c>
      <c r="B1546" s="22">
        <v>0.57095426321029663</v>
      </c>
      <c r="C1546" s="21">
        <v>70393.805955836535</v>
      </c>
      <c r="D1546">
        <f t="shared" si="24"/>
        <v>4</v>
      </c>
    </row>
    <row r="1547" spans="1:4" x14ac:dyDescent="0.25">
      <c r="A1547" s="20">
        <v>43620.208333329596</v>
      </c>
      <c r="B1547" s="22">
        <v>0.60342621803283691</v>
      </c>
      <c r="C1547" s="21">
        <v>74397.321883595985</v>
      </c>
      <c r="D1547">
        <f t="shared" si="24"/>
        <v>5</v>
      </c>
    </row>
    <row r="1548" spans="1:4" x14ac:dyDescent="0.25">
      <c r="A1548" s="20">
        <v>43620.24999999626</v>
      </c>
      <c r="B1548" s="22">
        <v>0.71162432432174683</v>
      </c>
      <c r="C1548" s="21">
        <v>87737.228404418594</v>
      </c>
      <c r="D1548">
        <f t="shared" si="24"/>
        <v>6</v>
      </c>
    </row>
    <row r="1549" spans="1:4" x14ac:dyDescent="0.25">
      <c r="A1549" s="20">
        <v>43620.291666662924</v>
      </c>
      <c r="B1549" s="22">
        <v>0.83750522136688232</v>
      </c>
      <c r="C1549" s="21">
        <v>103257.27267261963</v>
      </c>
      <c r="D1549">
        <f t="shared" si="24"/>
        <v>7</v>
      </c>
    </row>
    <row r="1550" spans="1:4" x14ac:dyDescent="0.25">
      <c r="A1550" s="20">
        <v>43620.333333329589</v>
      </c>
      <c r="B1550" s="22">
        <v>0.97802084684371948</v>
      </c>
      <c r="C1550" s="21">
        <v>120581.65452058599</v>
      </c>
      <c r="D1550">
        <f t="shared" si="24"/>
        <v>8</v>
      </c>
    </row>
    <row r="1551" spans="1:4" x14ac:dyDescent="0.25">
      <c r="A1551" s="20">
        <v>43620.374999996253</v>
      </c>
      <c r="B1551" s="22">
        <v>0.90793782472610474</v>
      </c>
      <c r="C1551" s="21">
        <v>111941.01379394188</v>
      </c>
      <c r="D1551">
        <f t="shared" si="24"/>
        <v>9</v>
      </c>
    </row>
    <row r="1552" spans="1:4" x14ac:dyDescent="0.25">
      <c r="A1552" s="20">
        <v>43620.416666662917</v>
      </c>
      <c r="B1552" s="22">
        <v>0.82363933324813843</v>
      </c>
      <c r="C1552" s="21">
        <v>101547.7265661626</v>
      </c>
      <c r="D1552">
        <f t="shared" si="24"/>
        <v>10</v>
      </c>
    </row>
    <row r="1553" spans="1:4" x14ac:dyDescent="0.25">
      <c r="A1553" s="20">
        <v>43620.458333329581</v>
      </c>
      <c r="B1553" s="22">
        <v>0.95937895774841309</v>
      </c>
      <c r="C1553" s="21">
        <v>118283.26810300024</v>
      </c>
      <c r="D1553">
        <f t="shared" si="24"/>
        <v>11</v>
      </c>
    </row>
    <row r="1554" spans="1:4" x14ac:dyDescent="0.25">
      <c r="A1554" s="20">
        <v>43620.499999996246</v>
      </c>
      <c r="B1554" s="22">
        <v>1.091632604598999</v>
      </c>
      <c r="C1554" s="21">
        <v>134589.01823612925</v>
      </c>
      <c r="D1554">
        <f t="shared" si="24"/>
        <v>12</v>
      </c>
    </row>
    <row r="1555" spans="1:4" x14ac:dyDescent="0.25">
      <c r="A1555" s="20">
        <v>43620.54166666291</v>
      </c>
      <c r="B1555" s="22">
        <v>1.4806609153747559</v>
      </c>
      <c r="C1555" s="21">
        <v>182552.9011329785</v>
      </c>
      <c r="D1555">
        <f t="shared" si="24"/>
        <v>13</v>
      </c>
    </row>
    <row r="1556" spans="1:4" x14ac:dyDescent="0.25">
      <c r="A1556" s="20">
        <v>43620.583333329574</v>
      </c>
      <c r="B1556" s="22">
        <v>1.6038835048675537</v>
      </c>
      <c r="C1556" s="21">
        <v>197745.19868297828</v>
      </c>
      <c r="D1556">
        <f t="shared" si="24"/>
        <v>14</v>
      </c>
    </row>
    <row r="1557" spans="1:4" x14ac:dyDescent="0.25">
      <c r="A1557" s="20">
        <v>43620.624999996238</v>
      </c>
      <c r="B1557" s="22">
        <v>1.7673784494400024</v>
      </c>
      <c r="C1557" s="21">
        <v>217902.73518735872</v>
      </c>
      <c r="D1557">
        <f t="shared" si="24"/>
        <v>15</v>
      </c>
    </row>
    <row r="1558" spans="1:4" x14ac:dyDescent="0.25">
      <c r="A1558" s="20">
        <v>43620.666666662903</v>
      </c>
      <c r="B1558" s="22">
        <v>1.9241464138031006</v>
      </c>
      <c r="C1558" s="21">
        <v>237230.89222995317</v>
      </c>
      <c r="D1558">
        <f t="shared" si="24"/>
        <v>16</v>
      </c>
    </row>
    <row r="1559" spans="1:4" x14ac:dyDescent="0.25">
      <c r="A1559" s="20">
        <v>43620.708333329567</v>
      </c>
      <c r="B1559" s="22">
        <v>2.1070816516876221</v>
      </c>
      <c r="C1559" s="21">
        <v>259785.25160319198</v>
      </c>
      <c r="D1559">
        <f t="shared" si="24"/>
        <v>17</v>
      </c>
    </row>
    <row r="1560" spans="1:4" x14ac:dyDescent="0.25">
      <c r="A1560" s="20">
        <v>43620.749999996231</v>
      </c>
      <c r="B1560" s="22">
        <v>1.964582085609436</v>
      </c>
      <c r="C1560" s="21">
        <v>242216.266748088</v>
      </c>
      <c r="D1560">
        <f t="shared" si="24"/>
        <v>18</v>
      </c>
    </row>
    <row r="1561" spans="1:4" x14ac:dyDescent="0.25">
      <c r="A1561" s="20">
        <v>43620.791666662895</v>
      </c>
      <c r="B1561" s="22">
        <v>1.9041070938110352</v>
      </c>
      <c r="C1561" s="21">
        <v>234760.2144648433</v>
      </c>
      <c r="D1561">
        <f t="shared" si="24"/>
        <v>19</v>
      </c>
    </row>
    <row r="1562" spans="1:4" x14ac:dyDescent="0.25">
      <c r="A1562" s="20">
        <v>43620.83333332956</v>
      </c>
      <c r="B1562" s="22">
        <v>1.6107808351516724</v>
      </c>
      <c r="C1562" s="21">
        <v>198595.5808605341</v>
      </c>
      <c r="D1562">
        <f t="shared" si="24"/>
        <v>20</v>
      </c>
    </row>
    <row r="1563" spans="1:4" x14ac:dyDescent="0.25">
      <c r="A1563" s="20">
        <v>43620.874999996224</v>
      </c>
      <c r="B1563" s="22">
        <v>1.7248796224594116</v>
      </c>
      <c r="C1563" s="21">
        <v>212662.99117879095</v>
      </c>
      <c r="D1563">
        <f t="shared" si="24"/>
        <v>21</v>
      </c>
    </row>
    <row r="1564" spans="1:4" x14ac:dyDescent="0.25">
      <c r="A1564" s="20">
        <v>43620.916666662888</v>
      </c>
      <c r="B1564" s="22">
        <v>1.4507766962051392</v>
      </c>
      <c r="C1564" s="21">
        <v>178868.43100827979</v>
      </c>
      <c r="D1564">
        <f t="shared" si="24"/>
        <v>22</v>
      </c>
    </row>
    <row r="1565" spans="1:4" x14ac:dyDescent="0.25">
      <c r="A1565" s="20">
        <v>43620.958333329552</v>
      </c>
      <c r="B1565" s="22">
        <v>1.2192925214767456</v>
      </c>
      <c r="C1565" s="21">
        <v>150328.40052307854</v>
      </c>
      <c r="D1565">
        <f t="shared" si="24"/>
        <v>23</v>
      </c>
    </row>
    <row r="1566" spans="1:4" x14ac:dyDescent="0.25">
      <c r="A1566" s="20">
        <v>43620.999999996217</v>
      </c>
      <c r="B1566" s="22">
        <v>1.0122396945953369</v>
      </c>
      <c r="C1566" s="21">
        <v>124800.54749305593</v>
      </c>
      <c r="D1566">
        <f t="shared" si="24"/>
        <v>0</v>
      </c>
    </row>
    <row r="1567" spans="1:4" x14ac:dyDescent="0.25">
      <c r="A1567" s="20">
        <v>43621.041666662881</v>
      </c>
      <c r="B1567" s="22">
        <v>0.83923709392547607</v>
      </c>
      <c r="C1567" s="21">
        <v>103470.79783336438</v>
      </c>
      <c r="D1567">
        <f t="shared" si="24"/>
        <v>1</v>
      </c>
    </row>
    <row r="1568" spans="1:4" x14ac:dyDescent="0.25">
      <c r="A1568" s="20">
        <v>43621.083333329545</v>
      </c>
      <c r="B1568" s="22">
        <v>0.76287108659744263</v>
      </c>
      <c r="C1568" s="21">
        <v>94055.518453111159</v>
      </c>
      <c r="D1568">
        <f t="shared" si="24"/>
        <v>2</v>
      </c>
    </row>
    <row r="1569" spans="1:4" x14ac:dyDescent="0.25">
      <c r="A1569" s="20">
        <v>43621.124999996209</v>
      </c>
      <c r="B1569" s="22">
        <v>0.74350684881210327</v>
      </c>
      <c r="C1569" s="21">
        <v>91668.072584015725</v>
      </c>
      <c r="D1569">
        <f t="shared" si="24"/>
        <v>3</v>
      </c>
    </row>
    <row r="1570" spans="1:4" x14ac:dyDescent="0.25">
      <c r="A1570" s="20">
        <v>43621.166666662873</v>
      </c>
      <c r="B1570" s="22">
        <v>0.70584988594055176</v>
      </c>
      <c r="C1570" s="21">
        <v>87025.289250791408</v>
      </c>
      <c r="D1570">
        <f t="shared" si="24"/>
        <v>4</v>
      </c>
    </row>
    <row r="1571" spans="1:4" x14ac:dyDescent="0.25">
      <c r="A1571" s="20">
        <v>43621.208333329538</v>
      </c>
      <c r="B1571" s="22">
        <v>0.72656083106994629</v>
      </c>
      <c r="C1571" s="21">
        <v>89578.772684653741</v>
      </c>
      <c r="D1571">
        <f t="shared" si="24"/>
        <v>5</v>
      </c>
    </row>
    <row r="1572" spans="1:4" x14ac:dyDescent="0.25">
      <c r="A1572" s="20">
        <v>43621.249999996202</v>
      </c>
      <c r="B1572" s="22">
        <v>0.96849358081817627</v>
      </c>
      <c r="C1572" s="21">
        <v>119407.02362787523</v>
      </c>
      <c r="D1572">
        <f t="shared" si="24"/>
        <v>6</v>
      </c>
    </row>
    <row r="1573" spans="1:4" x14ac:dyDescent="0.25">
      <c r="A1573" s="20">
        <v>43621.291666662866</v>
      </c>
      <c r="B1573" s="22">
        <v>0.95723104476928711</v>
      </c>
      <c r="C1573" s="21">
        <v>118018.44869590366</v>
      </c>
      <c r="D1573">
        <f t="shared" si="24"/>
        <v>7</v>
      </c>
    </row>
    <row r="1574" spans="1:4" x14ac:dyDescent="0.25">
      <c r="A1574" s="20">
        <v>43621.33333332953</v>
      </c>
      <c r="B1574" s="22">
        <v>0.90224200487136841</v>
      </c>
      <c r="C1574" s="21">
        <v>111238.76763615107</v>
      </c>
      <c r="D1574">
        <f t="shared" si="24"/>
        <v>8</v>
      </c>
    </row>
    <row r="1575" spans="1:4" x14ac:dyDescent="0.25">
      <c r="A1575" s="20">
        <v>43621.374999996195</v>
      </c>
      <c r="B1575" s="22">
        <v>1.0561100244522095</v>
      </c>
      <c r="C1575" s="21">
        <v>130209.3861446832</v>
      </c>
      <c r="D1575">
        <f t="shared" si="24"/>
        <v>9</v>
      </c>
    </row>
    <row r="1576" spans="1:4" x14ac:dyDescent="0.25">
      <c r="A1576" s="20">
        <v>43621.416666662859</v>
      </c>
      <c r="B1576" s="22">
        <v>1.0493987798690796</v>
      </c>
      <c r="C1576" s="21">
        <v>129381.94675181368</v>
      </c>
      <c r="D1576">
        <f t="shared" si="24"/>
        <v>10</v>
      </c>
    </row>
    <row r="1577" spans="1:4" x14ac:dyDescent="0.25">
      <c r="A1577" s="20">
        <v>43621.458333329523</v>
      </c>
      <c r="B1577" s="22">
        <v>1.0508159399032593</v>
      </c>
      <c r="C1577" s="21">
        <v>129556.67053422927</v>
      </c>
      <c r="D1577">
        <f t="shared" si="24"/>
        <v>11</v>
      </c>
    </row>
    <row r="1578" spans="1:4" x14ac:dyDescent="0.25">
      <c r="A1578" s="20">
        <v>43621.499999996187</v>
      </c>
      <c r="B1578" s="22">
        <v>1.28221595287323</v>
      </c>
      <c r="C1578" s="21">
        <v>158086.32459022582</v>
      </c>
      <c r="D1578">
        <f t="shared" si="24"/>
        <v>12</v>
      </c>
    </row>
    <row r="1579" spans="1:4" x14ac:dyDescent="0.25">
      <c r="A1579" s="20">
        <v>43621.541666662852</v>
      </c>
      <c r="B1579" s="22">
        <v>1.3011389970779419</v>
      </c>
      <c r="C1579" s="21">
        <v>160419.37504220149</v>
      </c>
      <c r="D1579">
        <f t="shared" si="24"/>
        <v>13</v>
      </c>
    </row>
    <row r="1580" spans="1:4" x14ac:dyDescent="0.25">
      <c r="A1580" s="20">
        <v>43621.583333329516</v>
      </c>
      <c r="B1580" s="22">
        <v>1.2741820812225342</v>
      </c>
      <c r="C1580" s="21">
        <v>157095.81652593124</v>
      </c>
      <c r="D1580">
        <f t="shared" si="24"/>
        <v>14</v>
      </c>
    </row>
    <row r="1581" spans="1:4" x14ac:dyDescent="0.25">
      <c r="A1581" s="20">
        <v>43621.62499999618</v>
      </c>
      <c r="B1581" s="22">
        <v>1.6663963794708252</v>
      </c>
      <c r="C1581" s="21">
        <v>205452.50458839614</v>
      </c>
      <c r="D1581">
        <f t="shared" si="24"/>
        <v>15</v>
      </c>
    </row>
    <row r="1582" spans="1:4" x14ac:dyDescent="0.25">
      <c r="A1582" s="20">
        <v>43621.666666662844</v>
      </c>
      <c r="B1582" s="22">
        <v>1.8101321458816528</v>
      </c>
      <c r="C1582" s="21">
        <v>223173.90243337641</v>
      </c>
      <c r="D1582">
        <f t="shared" si="24"/>
        <v>16</v>
      </c>
    </row>
    <row r="1583" spans="1:4" x14ac:dyDescent="0.25">
      <c r="A1583" s="20">
        <v>43621.708333329509</v>
      </c>
      <c r="B1583" s="22">
        <v>1.9381349086761475</v>
      </c>
      <c r="C1583" s="21">
        <v>238955.55470671761</v>
      </c>
      <c r="D1583">
        <f t="shared" si="24"/>
        <v>17</v>
      </c>
    </row>
    <row r="1584" spans="1:4" x14ac:dyDescent="0.25">
      <c r="A1584" s="20">
        <v>43621.749999996173</v>
      </c>
      <c r="B1584" s="22">
        <v>1.9743400812149048</v>
      </c>
      <c r="C1584" s="21">
        <v>243419.34463616094</v>
      </c>
      <c r="D1584">
        <f t="shared" si="24"/>
        <v>18</v>
      </c>
    </row>
    <row r="1585" spans="1:4" x14ac:dyDescent="0.25">
      <c r="A1585" s="20">
        <v>43621.791666662837</v>
      </c>
      <c r="B1585" s="22">
        <v>2.0214095115661621</v>
      </c>
      <c r="C1585" s="21">
        <v>249222.60517750095</v>
      </c>
      <c r="D1585">
        <f t="shared" si="24"/>
        <v>19</v>
      </c>
    </row>
    <row r="1586" spans="1:4" x14ac:dyDescent="0.25">
      <c r="A1586" s="20">
        <v>43621.833333329501</v>
      </c>
      <c r="B1586" s="22">
        <v>1.9937974214553833</v>
      </c>
      <c r="C1586" s="21">
        <v>245818.26924634542</v>
      </c>
      <c r="D1586">
        <f t="shared" si="24"/>
        <v>20</v>
      </c>
    </row>
    <row r="1587" spans="1:4" x14ac:dyDescent="0.25">
      <c r="A1587" s="20">
        <v>43621.874999996166</v>
      </c>
      <c r="B1587" s="22">
        <v>1.9211475849151611</v>
      </c>
      <c r="C1587" s="21">
        <v>236861.16212644996</v>
      </c>
      <c r="D1587">
        <f t="shared" si="24"/>
        <v>21</v>
      </c>
    </row>
    <row r="1588" spans="1:4" x14ac:dyDescent="0.25">
      <c r="A1588" s="20">
        <v>43621.91666666283</v>
      </c>
      <c r="B1588" s="22">
        <v>1.6111788749694824</v>
      </c>
      <c r="C1588" s="21">
        <v>198644.65578562542</v>
      </c>
      <c r="D1588">
        <f t="shared" si="24"/>
        <v>22</v>
      </c>
    </row>
    <row r="1589" spans="1:4" x14ac:dyDescent="0.25">
      <c r="A1589" s="20">
        <v>43621.958333329494</v>
      </c>
      <c r="B1589" s="22">
        <v>1.2986534833908081</v>
      </c>
      <c r="C1589" s="21">
        <v>160112.93233835179</v>
      </c>
      <c r="D1589">
        <f t="shared" si="24"/>
        <v>23</v>
      </c>
    </row>
    <row r="1590" spans="1:4" x14ac:dyDescent="0.25">
      <c r="A1590" s="20">
        <v>43621.999999996158</v>
      </c>
      <c r="B1590" s="22">
        <v>1.1647045612335205</v>
      </c>
      <c r="C1590" s="21">
        <v>143598.16917445796</v>
      </c>
      <c r="D1590">
        <f t="shared" si="24"/>
        <v>0</v>
      </c>
    </row>
    <row r="1591" spans="1:4" x14ac:dyDescent="0.25">
      <c r="A1591" s="20">
        <v>43622.041666662823</v>
      </c>
      <c r="B1591" s="22">
        <v>0.91770565509796143</v>
      </c>
      <c r="C1591" s="21">
        <v>113145.30422508759</v>
      </c>
      <c r="D1591">
        <f t="shared" si="24"/>
        <v>1</v>
      </c>
    </row>
    <row r="1592" spans="1:4" x14ac:dyDescent="0.25">
      <c r="A1592" s="20">
        <v>43622.083333329487</v>
      </c>
      <c r="B1592" s="22">
        <v>0.78264397382736206</v>
      </c>
      <c r="C1592" s="21">
        <v>96493.347324067363</v>
      </c>
      <c r="D1592">
        <f t="shared" si="24"/>
        <v>2</v>
      </c>
    </row>
    <row r="1593" spans="1:4" x14ac:dyDescent="0.25">
      <c r="A1593" s="20">
        <v>43622.124999996151</v>
      </c>
      <c r="B1593" s="22">
        <v>0.78417181968688965</v>
      </c>
      <c r="C1593" s="21">
        <v>96681.717727611234</v>
      </c>
      <c r="D1593">
        <f t="shared" si="24"/>
        <v>3</v>
      </c>
    </row>
    <row r="1594" spans="1:4" x14ac:dyDescent="0.25">
      <c r="A1594" s="20">
        <v>43622.166666662815</v>
      </c>
      <c r="B1594" s="22">
        <v>0.73661452531814575</v>
      </c>
      <c r="C1594" s="21">
        <v>90818.307701115118</v>
      </c>
      <c r="D1594">
        <f t="shared" si="24"/>
        <v>4</v>
      </c>
    </row>
    <row r="1595" spans="1:4" x14ac:dyDescent="0.25">
      <c r="A1595" s="20">
        <v>43622.20833332948</v>
      </c>
      <c r="B1595" s="22">
        <v>0.72392284870147705</v>
      </c>
      <c r="C1595" s="21">
        <v>89253.531888802914</v>
      </c>
      <c r="D1595">
        <f t="shared" si="24"/>
        <v>5</v>
      </c>
    </row>
    <row r="1596" spans="1:4" x14ac:dyDescent="0.25">
      <c r="A1596" s="20">
        <v>43622.249999996144</v>
      </c>
      <c r="B1596" s="22">
        <v>0.94368231296539307</v>
      </c>
      <c r="C1596" s="21">
        <v>116348.00526635753</v>
      </c>
      <c r="D1596">
        <f t="shared" si="24"/>
        <v>6</v>
      </c>
    </row>
    <row r="1597" spans="1:4" x14ac:dyDescent="0.25">
      <c r="A1597" s="20">
        <v>43622.291666662808</v>
      </c>
      <c r="B1597" s="22">
        <v>1.0378754138946533</v>
      </c>
      <c r="C1597" s="21">
        <v>127961.21370780263</v>
      </c>
      <c r="D1597">
        <f t="shared" si="24"/>
        <v>7</v>
      </c>
    </row>
    <row r="1598" spans="1:4" x14ac:dyDescent="0.25">
      <c r="A1598" s="20">
        <v>43622.333333329472</v>
      </c>
      <c r="B1598" s="22">
        <v>1.00599205493927</v>
      </c>
      <c r="C1598" s="21">
        <v>124030.26664576295</v>
      </c>
      <c r="D1598">
        <f t="shared" si="24"/>
        <v>8</v>
      </c>
    </row>
    <row r="1599" spans="1:4" x14ac:dyDescent="0.25">
      <c r="A1599" s="20">
        <v>43622.374999996136</v>
      </c>
      <c r="B1599" s="22">
        <v>1.1914699077606201</v>
      </c>
      <c r="C1599" s="21">
        <v>146898.1088214195</v>
      </c>
      <c r="D1599">
        <f t="shared" si="24"/>
        <v>9</v>
      </c>
    </row>
    <row r="1600" spans="1:4" x14ac:dyDescent="0.25">
      <c r="A1600" s="20">
        <v>43622.416666662801</v>
      </c>
      <c r="B1600" s="22">
        <v>1.2038828134536743</v>
      </c>
      <c r="C1600" s="21">
        <v>148428.51454917761</v>
      </c>
      <c r="D1600">
        <f t="shared" si="24"/>
        <v>10</v>
      </c>
    </row>
    <row r="1601" spans="1:4" x14ac:dyDescent="0.25">
      <c r="A1601" s="20">
        <v>43622.458333329465</v>
      </c>
      <c r="B1601" s="22">
        <v>1.5769643783569336</v>
      </c>
      <c r="C1601" s="21">
        <v>194426.29927160588</v>
      </c>
      <c r="D1601">
        <f t="shared" si="24"/>
        <v>11</v>
      </c>
    </row>
    <row r="1602" spans="1:4" x14ac:dyDescent="0.25">
      <c r="A1602" s="20">
        <v>43622.499999996129</v>
      </c>
      <c r="B1602" s="22">
        <v>1.9083867073059082</v>
      </c>
      <c r="C1602" s="21">
        <v>235287.85442015287</v>
      </c>
      <c r="D1602">
        <f t="shared" si="24"/>
        <v>12</v>
      </c>
    </row>
    <row r="1603" spans="1:4" x14ac:dyDescent="0.25">
      <c r="A1603" s="20">
        <v>43622.541666662793</v>
      </c>
      <c r="B1603" s="22">
        <v>2.0590920448303223</v>
      </c>
      <c r="C1603" s="21">
        <v>253868.54112271452</v>
      </c>
      <c r="D1603">
        <f t="shared" si="24"/>
        <v>13</v>
      </c>
    </row>
    <row r="1604" spans="1:4" x14ac:dyDescent="0.25">
      <c r="A1604" s="20">
        <v>43622.583333329458</v>
      </c>
      <c r="B1604" s="22">
        <v>2.1870782375335693</v>
      </c>
      <c r="C1604" s="21">
        <v>269648.15044469672</v>
      </c>
      <c r="D1604">
        <f t="shared" si="24"/>
        <v>14</v>
      </c>
    </row>
    <row r="1605" spans="1:4" x14ac:dyDescent="0.25">
      <c r="A1605" s="20">
        <v>43622.624999996122</v>
      </c>
      <c r="B1605" s="22">
        <v>2.372612476348877</v>
      </c>
      <c r="C1605" s="21">
        <v>292522.94453397056</v>
      </c>
      <c r="D1605">
        <f t="shared" si="24"/>
        <v>15</v>
      </c>
    </row>
    <row r="1606" spans="1:4" x14ac:dyDescent="0.25">
      <c r="A1606" s="20">
        <v>43622.666666662786</v>
      </c>
      <c r="B1606" s="22">
        <v>2.354964017868042</v>
      </c>
      <c r="C1606" s="21">
        <v>290347.0396642281</v>
      </c>
      <c r="D1606">
        <f t="shared" si="24"/>
        <v>16</v>
      </c>
    </row>
    <row r="1607" spans="1:4" x14ac:dyDescent="0.25">
      <c r="A1607" s="20">
        <v>43622.70833332945</v>
      </c>
      <c r="B1607" s="22">
        <v>2.2417974472045898</v>
      </c>
      <c r="C1607" s="21">
        <v>276394.56373177958</v>
      </c>
      <c r="D1607">
        <f t="shared" ref="D1607:D1670" si="25">HOUR(A1607)</f>
        <v>17</v>
      </c>
    </row>
    <row r="1608" spans="1:4" x14ac:dyDescent="0.25">
      <c r="A1608" s="20">
        <v>43622.749999996115</v>
      </c>
      <c r="B1608" s="22">
        <v>2.090627908706665</v>
      </c>
      <c r="C1608" s="21">
        <v>257756.64499618235</v>
      </c>
      <c r="D1608">
        <f t="shared" si="25"/>
        <v>18</v>
      </c>
    </row>
    <row r="1609" spans="1:4" x14ac:dyDescent="0.25">
      <c r="A1609" s="20">
        <v>43622.791666662779</v>
      </c>
      <c r="B1609" s="22">
        <v>1.9634968042373657</v>
      </c>
      <c r="C1609" s="21">
        <v>242082.46078281957</v>
      </c>
      <c r="D1609">
        <f t="shared" si="25"/>
        <v>19</v>
      </c>
    </row>
    <row r="1610" spans="1:4" x14ac:dyDescent="0.25">
      <c r="A1610" s="20">
        <v>43622.833333329443</v>
      </c>
      <c r="B1610" s="22">
        <v>2.0179984569549561</v>
      </c>
      <c r="C1610" s="21">
        <v>248802.0511473832</v>
      </c>
      <c r="D1610">
        <f t="shared" si="25"/>
        <v>20</v>
      </c>
    </row>
    <row r="1611" spans="1:4" x14ac:dyDescent="0.25">
      <c r="A1611" s="20">
        <v>43622.874999996107</v>
      </c>
      <c r="B1611" s="22">
        <v>1.8429340124130249</v>
      </c>
      <c r="C1611" s="21">
        <v>227218.09366966842</v>
      </c>
      <c r="D1611">
        <f t="shared" si="25"/>
        <v>21</v>
      </c>
    </row>
    <row r="1612" spans="1:4" x14ac:dyDescent="0.25">
      <c r="A1612" s="20">
        <v>43622.916666662772</v>
      </c>
      <c r="B1612" s="22">
        <v>1.6963587999343872</v>
      </c>
      <c r="C1612" s="21">
        <v>209146.61626770993</v>
      </c>
      <c r="D1612">
        <f t="shared" si="25"/>
        <v>22</v>
      </c>
    </row>
    <row r="1613" spans="1:4" x14ac:dyDescent="0.25">
      <c r="A1613" s="20">
        <v>43622.958333329436</v>
      </c>
      <c r="B1613" s="22">
        <v>1.4834645986557007</v>
      </c>
      <c r="C1613" s="21">
        <v>182898.57144241931</v>
      </c>
      <c r="D1613">
        <f t="shared" si="25"/>
        <v>23</v>
      </c>
    </row>
    <row r="1614" spans="1:4" x14ac:dyDescent="0.25">
      <c r="A1614" s="20">
        <v>43622.9999999961</v>
      </c>
      <c r="B1614" s="22">
        <v>1.2287527322769165</v>
      </c>
      <c r="C1614" s="21">
        <v>151494.76407665666</v>
      </c>
      <c r="D1614">
        <f t="shared" si="25"/>
        <v>0</v>
      </c>
    </row>
    <row r="1615" spans="1:4" x14ac:dyDescent="0.25">
      <c r="A1615" s="20">
        <v>43623.041666662764</v>
      </c>
      <c r="B1615" s="22">
        <v>0.94963926076889038</v>
      </c>
      <c r="C1615" s="21">
        <v>117082.44627991729</v>
      </c>
      <c r="D1615">
        <f t="shared" si="25"/>
        <v>1</v>
      </c>
    </row>
    <row r="1616" spans="1:4" x14ac:dyDescent="0.25">
      <c r="A1616" s="20">
        <v>43623.083333329429</v>
      </c>
      <c r="B1616" s="22">
        <v>0.85649234056472778</v>
      </c>
      <c r="C1616" s="21">
        <v>105598.22302643312</v>
      </c>
      <c r="D1616">
        <f t="shared" si="25"/>
        <v>2</v>
      </c>
    </row>
    <row r="1617" spans="1:4" x14ac:dyDescent="0.25">
      <c r="A1617" s="20">
        <v>43623.124999996093</v>
      </c>
      <c r="B1617" s="22">
        <v>0.80144751071929932</v>
      </c>
      <c r="C1617" s="21">
        <v>98811.663540522175</v>
      </c>
      <c r="D1617">
        <f t="shared" si="25"/>
        <v>3</v>
      </c>
    </row>
    <row r="1618" spans="1:4" x14ac:dyDescent="0.25">
      <c r="A1618" s="20">
        <v>43623.166666662757</v>
      </c>
      <c r="B1618" s="22">
        <v>0.8536841869354248</v>
      </c>
      <c r="C1618" s="21">
        <v>105252.00156105013</v>
      </c>
      <c r="D1618">
        <f t="shared" si="25"/>
        <v>4</v>
      </c>
    </row>
    <row r="1619" spans="1:4" x14ac:dyDescent="0.25">
      <c r="A1619" s="20">
        <v>43623.208333329421</v>
      </c>
      <c r="B1619" s="22">
        <v>0.76014882326126099</v>
      </c>
      <c r="C1619" s="21">
        <v>93719.886530563846</v>
      </c>
      <c r="D1619">
        <f t="shared" si="25"/>
        <v>5</v>
      </c>
    </row>
    <row r="1620" spans="1:4" x14ac:dyDescent="0.25">
      <c r="A1620" s="20">
        <v>43623.249999996086</v>
      </c>
      <c r="B1620" s="22">
        <v>0.91534572839736938</v>
      </c>
      <c r="C1620" s="21">
        <v>112854.34532884008</v>
      </c>
      <c r="D1620">
        <f t="shared" si="25"/>
        <v>6</v>
      </c>
    </row>
    <row r="1621" spans="1:4" x14ac:dyDescent="0.25">
      <c r="A1621" s="20">
        <v>43623.29166666275</v>
      </c>
      <c r="B1621" s="22">
        <v>1.0299199819564819</v>
      </c>
      <c r="C1621" s="21">
        <v>126980.37659310675</v>
      </c>
      <c r="D1621">
        <f t="shared" si="25"/>
        <v>7</v>
      </c>
    </row>
    <row r="1622" spans="1:4" x14ac:dyDescent="0.25">
      <c r="A1622" s="20">
        <v>43623.333333329414</v>
      </c>
      <c r="B1622" s="22">
        <v>1.1013219356536865</v>
      </c>
      <c r="C1622" s="21">
        <v>135783.63036893037</v>
      </c>
      <c r="D1622">
        <f t="shared" si="25"/>
        <v>8</v>
      </c>
    </row>
    <row r="1623" spans="1:4" x14ac:dyDescent="0.25">
      <c r="A1623" s="20">
        <v>43623.374999996078</v>
      </c>
      <c r="B1623" s="22">
        <v>1.2849159240722656</v>
      </c>
      <c r="C1623" s="21">
        <v>158419.20808180817</v>
      </c>
      <c r="D1623">
        <f t="shared" si="25"/>
        <v>9</v>
      </c>
    </row>
    <row r="1624" spans="1:4" x14ac:dyDescent="0.25">
      <c r="A1624" s="20">
        <v>43623.416666662743</v>
      </c>
      <c r="B1624" s="22">
        <v>1.2852990627288818</v>
      </c>
      <c r="C1624" s="21">
        <v>158466.44582042558</v>
      </c>
      <c r="D1624">
        <f t="shared" si="25"/>
        <v>10</v>
      </c>
    </row>
    <row r="1625" spans="1:4" x14ac:dyDescent="0.25">
      <c r="A1625" s="20">
        <v>43623.458333329407</v>
      </c>
      <c r="B1625" s="22">
        <v>1.3633576631546021</v>
      </c>
      <c r="C1625" s="21">
        <v>168090.40753787832</v>
      </c>
      <c r="D1625">
        <f t="shared" si="25"/>
        <v>11</v>
      </c>
    </row>
    <row r="1626" spans="1:4" x14ac:dyDescent="0.25">
      <c r="A1626" s="20">
        <v>43623.499999996071</v>
      </c>
      <c r="B1626" s="22">
        <v>1.4433910846710205</v>
      </c>
      <c r="C1626" s="21">
        <v>177957.84790434659</v>
      </c>
      <c r="D1626">
        <f t="shared" si="25"/>
        <v>12</v>
      </c>
    </row>
    <row r="1627" spans="1:4" x14ac:dyDescent="0.25">
      <c r="A1627" s="20">
        <v>43623.541666662735</v>
      </c>
      <c r="B1627" s="22">
        <v>1.2534966468811035</v>
      </c>
      <c r="C1627" s="21">
        <v>154545.47835531223</v>
      </c>
      <c r="D1627">
        <f t="shared" si="25"/>
        <v>13</v>
      </c>
    </row>
    <row r="1628" spans="1:4" x14ac:dyDescent="0.25">
      <c r="A1628" s="20">
        <v>43623.583333329399</v>
      </c>
      <c r="B1628" s="22">
        <v>1.2764967679977417</v>
      </c>
      <c r="C1628" s="21">
        <v>157381.19772404392</v>
      </c>
      <c r="D1628">
        <f t="shared" si="25"/>
        <v>14</v>
      </c>
    </row>
    <row r="1629" spans="1:4" x14ac:dyDescent="0.25">
      <c r="A1629" s="20">
        <v>43623.624999996064</v>
      </c>
      <c r="B1629" s="22">
        <v>1.4640368223190308</v>
      </c>
      <c r="C1629" s="21">
        <v>180503.29181019907</v>
      </c>
      <c r="D1629">
        <f t="shared" si="25"/>
        <v>15</v>
      </c>
    </row>
    <row r="1630" spans="1:4" x14ac:dyDescent="0.25">
      <c r="A1630" s="20">
        <v>43623.666666662728</v>
      </c>
      <c r="B1630" s="22">
        <v>1.6180616617202759</v>
      </c>
      <c r="C1630" s="21">
        <v>199493.24486918273</v>
      </c>
      <c r="D1630">
        <f t="shared" si="25"/>
        <v>16</v>
      </c>
    </row>
    <row r="1631" spans="1:4" x14ac:dyDescent="0.25">
      <c r="A1631" s="20">
        <v>43623.708333329392</v>
      </c>
      <c r="B1631" s="22">
        <v>1.7647498846054077</v>
      </c>
      <c r="C1631" s="21">
        <v>217578.6554933594</v>
      </c>
      <c r="D1631">
        <f t="shared" si="25"/>
        <v>17</v>
      </c>
    </row>
    <row r="1632" spans="1:4" x14ac:dyDescent="0.25">
      <c r="A1632" s="20">
        <v>43623.749999996056</v>
      </c>
      <c r="B1632" s="22">
        <v>1.6928113698959351</v>
      </c>
      <c r="C1632" s="21">
        <v>208709.24830698289</v>
      </c>
      <c r="D1632">
        <f t="shared" si="25"/>
        <v>18</v>
      </c>
    </row>
    <row r="1633" spans="1:4" x14ac:dyDescent="0.25">
      <c r="A1633" s="20">
        <v>43623.791666662721</v>
      </c>
      <c r="B1633" s="22">
        <v>1.6454421281814575</v>
      </c>
      <c r="C1633" s="21">
        <v>202869.02357378762</v>
      </c>
      <c r="D1633">
        <f t="shared" si="25"/>
        <v>19</v>
      </c>
    </row>
    <row r="1634" spans="1:4" x14ac:dyDescent="0.25">
      <c r="A1634" s="20">
        <v>43623.833333329385</v>
      </c>
      <c r="B1634" s="22">
        <v>1.6465120315551758</v>
      </c>
      <c r="C1634" s="21">
        <v>203000.93356261504</v>
      </c>
      <c r="D1634">
        <f t="shared" si="25"/>
        <v>20</v>
      </c>
    </row>
    <row r="1635" spans="1:4" x14ac:dyDescent="0.25">
      <c r="A1635" s="20">
        <v>43623.874999996049</v>
      </c>
      <c r="B1635" s="22">
        <v>1.66590416431427</v>
      </c>
      <c r="C1635" s="21">
        <v>205391.81864478966</v>
      </c>
      <c r="D1635">
        <f t="shared" si="25"/>
        <v>21</v>
      </c>
    </row>
    <row r="1636" spans="1:4" x14ac:dyDescent="0.25">
      <c r="A1636" s="20">
        <v>43623.916666662713</v>
      </c>
      <c r="B1636" s="22">
        <v>1.4973239898681641</v>
      </c>
      <c r="C1636" s="21">
        <v>184607.31653557369</v>
      </c>
      <c r="D1636">
        <f t="shared" si="25"/>
        <v>22</v>
      </c>
    </row>
    <row r="1637" spans="1:4" x14ac:dyDescent="0.25">
      <c r="A1637" s="20">
        <v>43623.958333329378</v>
      </c>
      <c r="B1637" s="22">
        <v>1.1659764051437378</v>
      </c>
      <c r="C1637" s="21">
        <v>143754.97671437988</v>
      </c>
      <c r="D1637">
        <f t="shared" si="25"/>
        <v>23</v>
      </c>
    </row>
    <row r="1638" spans="1:4" x14ac:dyDescent="0.25">
      <c r="A1638" s="20">
        <v>43623.999999996042</v>
      </c>
      <c r="B1638" s="22">
        <v>1.0202262401580811</v>
      </c>
      <c r="C1638" s="21">
        <v>125785.22065310935</v>
      </c>
      <c r="D1638">
        <f t="shared" si="25"/>
        <v>0</v>
      </c>
    </row>
    <row r="1639" spans="1:4" x14ac:dyDescent="0.25">
      <c r="A1639" s="20">
        <v>43624.041666662706</v>
      </c>
      <c r="B1639" s="22">
        <v>0.91093528270721436</v>
      </c>
      <c r="C1639" s="21">
        <v>112310.57487628952</v>
      </c>
      <c r="D1639">
        <f t="shared" si="25"/>
        <v>1</v>
      </c>
    </row>
    <row r="1640" spans="1:4" x14ac:dyDescent="0.25">
      <c r="A1640" s="20">
        <v>43624.08333332937</v>
      </c>
      <c r="B1640" s="22">
        <v>0.82775622606277466</v>
      </c>
      <c r="C1640" s="21">
        <v>102055.30444517695</v>
      </c>
      <c r="D1640">
        <f t="shared" si="25"/>
        <v>2</v>
      </c>
    </row>
    <row r="1641" spans="1:4" x14ac:dyDescent="0.25">
      <c r="A1641" s="20">
        <v>43624.124999996035</v>
      </c>
      <c r="B1641" s="22">
        <v>0.81001847982406616</v>
      </c>
      <c r="C1641" s="21">
        <v>99868.39115408271</v>
      </c>
      <c r="D1641">
        <f t="shared" si="25"/>
        <v>3</v>
      </c>
    </row>
    <row r="1642" spans="1:4" x14ac:dyDescent="0.25">
      <c r="A1642" s="20">
        <v>43624.166666662699</v>
      </c>
      <c r="B1642" s="22">
        <v>0.79878675937652588</v>
      </c>
      <c r="C1642" s="21">
        <v>98483.615523739209</v>
      </c>
      <c r="D1642">
        <f t="shared" si="25"/>
        <v>4</v>
      </c>
    </row>
    <row r="1643" spans="1:4" x14ac:dyDescent="0.25">
      <c r="A1643" s="20">
        <v>43624.208333329363</v>
      </c>
      <c r="B1643" s="22">
        <v>0.76718354225158691</v>
      </c>
      <c r="C1643" s="21">
        <v>94587.207567409219</v>
      </c>
      <c r="D1643">
        <f t="shared" si="25"/>
        <v>5</v>
      </c>
    </row>
    <row r="1644" spans="1:4" x14ac:dyDescent="0.25">
      <c r="A1644" s="20">
        <v>43624.249999996027</v>
      </c>
      <c r="B1644" s="22">
        <v>0.81507611274719238</v>
      </c>
      <c r="C1644" s="21">
        <v>100491.95428956852</v>
      </c>
      <c r="D1644">
        <f t="shared" si="25"/>
        <v>6</v>
      </c>
    </row>
    <row r="1645" spans="1:4" x14ac:dyDescent="0.25">
      <c r="A1645" s="20">
        <v>43624.291666662692</v>
      </c>
      <c r="B1645" s="22">
        <v>0.89751964807510376</v>
      </c>
      <c r="C1645" s="21">
        <v>110656.54119632846</v>
      </c>
      <c r="D1645">
        <f t="shared" si="25"/>
        <v>7</v>
      </c>
    </row>
    <row r="1646" spans="1:4" x14ac:dyDescent="0.25">
      <c r="A1646" s="20">
        <v>43624.333333329356</v>
      </c>
      <c r="B1646" s="22">
        <v>0.99751955270767212</v>
      </c>
      <c r="C1646" s="21">
        <v>122985.67916042208</v>
      </c>
      <c r="D1646">
        <f t="shared" si="25"/>
        <v>8</v>
      </c>
    </row>
    <row r="1647" spans="1:4" x14ac:dyDescent="0.25">
      <c r="A1647" s="20">
        <v>43624.37499999602</v>
      </c>
      <c r="B1647" s="22">
        <v>1.2135906219482422</v>
      </c>
      <c r="C1647" s="21">
        <v>149625.40479320637</v>
      </c>
      <c r="D1647">
        <f t="shared" si="25"/>
        <v>9</v>
      </c>
    </row>
    <row r="1648" spans="1:4" x14ac:dyDescent="0.25">
      <c r="A1648" s="20">
        <v>43624.416666662684</v>
      </c>
      <c r="B1648" s="22">
        <v>1.2584590911865234</v>
      </c>
      <c r="C1648" s="21">
        <v>155157.30554360265</v>
      </c>
      <c r="D1648">
        <f t="shared" si="25"/>
        <v>10</v>
      </c>
    </row>
    <row r="1649" spans="1:4" x14ac:dyDescent="0.25">
      <c r="A1649" s="20">
        <v>43624.458333329349</v>
      </c>
      <c r="B1649" s="22">
        <v>1.415101170539856</v>
      </c>
      <c r="C1649" s="21">
        <v>174469.94203486544</v>
      </c>
      <c r="D1649">
        <f t="shared" si="25"/>
        <v>11</v>
      </c>
    </row>
    <row r="1650" spans="1:4" x14ac:dyDescent="0.25">
      <c r="A1650" s="20">
        <v>43624.499999996013</v>
      </c>
      <c r="B1650" s="22">
        <v>1.5716429948806763</v>
      </c>
      <c r="C1650" s="21">
        <v>193770.21793553172</v>
      </c>
      <c r="D1650">
        <f t="shared" si="25"/>
        <v>12</v>
      </c>
    </row>
    <row r="1651" spans="1:4" x14ac:dyDescent="0.25">
      <c r="A1651" s="20">
        <v>43624.541666662677</v>
      </c>
      <c r="B1651" s="22">
        <v>1.8229175806045532</v>
      </c>
      <c r="C1651" s="21">
        <v>224750.23782298251</v>
      </c>
      <c r="D1651">
        <f t="shared" si="25"/>
        <v>13</v>
      </c>
    </row>
    <row r="1652" spans="1:4" x14ac:dyDescent="0.25">
      <c r="A1652" s="20">
        <v>43624.583333329341</v>
      </c>
      <c r="B1652" s="22">
        <v>1.7359106540679932</v>
      </c>
      <c r="C1652" s="21">
        <v>214023.02358170372</v>
      </c>
      <c r="D1652">
        <f t="shared" si="25"/>
        <v>14</v>
      </c>
    </row>
    <row r="1653" spans="1:4" x14ac:dyDescent="0.25">
      <c r="A1653" s="20">
        <v>43624.624999996005</v>
      </c>
      <c r="B1653" s="22">
        <v>1.8545659780502319</v>
      </c>
      <c r="C1653" s="21">
        <v>228652.2161287014</v>
      </c>
      <c r="D1653">
        <f t="shared" si="25"/>
        <v>15</v>
      </c>
    </row>
    <row r="1654" spans="1:4" x14ac:dyDescent="0.25">
      <c r="A1654" s="20">
        <v>43624.66666666267</v>
      </c>
      <c r="B1654" s="22">
        <v>1.9870762825012207</v>
      </c>
      <c r="C1654" s="21">
        <v>244989.6099616572</v>
      </c>
      <c r="D1654">
        <f t="shared" si="25"/>
        <v>16</v>
      </c>
    </row>
    <row r="1655" spans="1:4" x14ac:dyDescent="0.25">
      <c r="A1655" s="20">
        <v>43624.708333329334</v>
      </c>
      <c r="B1655" s="22">
        <v>2.1823406219482422</v>
      </c>
      <c r="C1655" s="21">
        <v>269064.04272592481</v>
      </c>
      <c r="D1655">
        <f t="shared" si="25"/>
        <v>17</v>
      </c>
    </row>
    <row r="1656" spans="1:4" x14ac:dyDescent="0.25">
      <c r="A1656" s="20">
        <v>43624.749999995998</v>
      </c>
      <c r="B1656" s="22">
        <v>1.9816758632659912</v>
      </c>
      <c r="C1656" s="21">
        <v>244323.78418852537</v>
      </c>
      <c r="D1656">
        <f t="shared" si="25"/>
        <v>18</v>
      </c>
    </row>
    <row r="1657" spans="1:4" x14ac:dyDescent="0.25">
      <c r="A1657" s="20">
        <v>43624.791666662662</v>
      </c>
      <c r="B1657" s="22">
        <v>1.909537672996521</v>
      </c>
      <c r="C1657" s="21">
        <v>235429.75870339837</v>
      </c>
      <c r="D1657">
        <f t="shared" si="25"/>
        <v>19</v>
      </c>
    </row>
    <row r="1658" spans="1:4" x14ac:dyDescent="0.25">
      <c r="A1658" s="20">
        <v>43624.833333329327</v>
      </c>
      <c r="B1658" s="22">
        <v>1.7920709848403931</v>
      </c>
      <c r="C1658" s="21">
        <v>220947.11484705223</v>
      </c>
      <c r="D1658">
        <f t="shared" si="25"/>
        <v>20</v>
      </c>
    </row>
    <row r="1659" spans="1:4" x14ac:dyDescent="0.25">
      <c r="A1659" s="20">
        <v>43624.874999995991</v>
      </c>
      <c r="B1659" s="22">
        <v>1.7379283905029297</v>
      </c>
      <c r="C1659" s="21">
        <v>214271.79332776414</v>
      </c>
      <c r="D1659">
        <f t="shared" si="25"/>
        <v>21</v>
      </c>
    </row>
    <row r="1660" spans="1:4" x14ac:dyDescent="0.25">
      <c r="A1660" s="20">
        <v>43624.916666662655</v>
      </c>
      <c r="B1660" s="22">
        <v>1.6202679872512817</v>
      </c>
      <c r="C1660" s="21">
        <v>199765.26604725706</v>
      </c>
      <c r="D1660">
        <f t="shared" si="25"/>
        <v>22</v>
      </c>
    </row>
    <row r="1661" spans="1:4" x14ac:dyDescent="0.25">
      <c r="A1661" s="20">
        <v>43624.958333329319</v>
      </c>
      <c r="B1661" s="22">
        <v>1.4050215482711792</v>
      </c>
      <c r="C1661" s="21">
        <v>173227.21031393946</v>
      </c>
      <c r="D1661">
        <f t="shared" si="25"/>
        <v>23</v>
      </c>
    </row>
    <row r="1662" spans="1:4" x14ac:dyDescent="0.25">
      <c r="A1662" s="20">
        <v>43624.999999995984</v>
      </c>
      <c r="B1662" s="22">
        <v>1.0508661270141602</v>
      </c>
      <c r="C1662" s="21">
        <v>129562.85817827341</v>
      </c>
      <c r="D1662">
        <f t="shared" si="25"/>
        <v>0</v>
      </c>
    </row>
    <row r="1663" spans="1:4" x14ac:dyDescent="0.25">
      <c r="A1663" s="20">
        <v>43625.041666662648</v>
      </c>
      <c r="B1663" s="22">
        <v>0.87506121397018433</v>
      </c>
      <c r="C1663" s="21">
        <v>107887.60723029668</v>
      </c>
      <c r="D1663">
        <f t="shared" si="25"/>
        <v>1</v>
      </c>
    </row>
    <row r="1664" spans="1:4" x14ac:dyDescent="0.25">
      <c r="A1664" s="20">
        <v>43625.083333329312</v>
      </c>
      <c r="B1664" s="22">
        <v>0.77156716585159302</v>
      </c>
      <c r="C1664" s="21">
        <v>95127.671084306712</v>
      </c>
      <c r="D1664">
        <f t="shared" si="25"/>
        <v>2</v>
      </c>
    </row>
    <row r="1665" spans="1:4" x14ac:dyDescent="0.25">
      <c r="A1665" s="20">
        <v>43625.124999995976</v>
      </c>
      <c r="B1665" s="22">
        <v>0.74735349416732788</v>
      </c>
      <c r="C1665" s="21">
        <v>92142.331249139068</v>
      </c>
      <c r="D1665">
        <f t="shared" si="25"/>
        <v>3</v>
      </c>
    </row>
    <row r="1666" spans="1:4" x14ac:dyDescent="0.25">
      <c r="A1666" s="20">
        <v>43625.166666662641</v>
      </c>
      <c r="B1666" s="22">
        <v>0.69616001844406128</v>
      </c>
      <c r="C1666" s="21">
        <v>85830.610979277233</v>
      </c>
      <c r="D1666">
        <f t="shared" si="25"/>
        <v>4</v>
      </c>
    </row>
    <row r="1667" spans="1:4" x14ac:dyDescent="0.25">
      <c r="A1667" s="20">
        <v>43625.208333329305</v>
      </c>
      <c r="B1667" s="22">
        <v>0.75668281316757202</v>
      </c>
      <c r="C1667" s="21">
        <v>93292.556956730288</v>
      </c>
      <c r="D1667">
        <f t="shared" si="25"/>
        <v>5</v>
      </c>
    </row>
    <row r="1668" spans="1:4" x14ac:dyDescent="0.25">
      <c r="A1668" s="20">
        <v>43625.249999995969</v>
      </c>
      <c r="B1668" s="22">
        <v>0.74957913160324097</v>
      </c>
      <c r="C1668" s="21">
        <v>92416.733420883611</v>
      </c>
      <c r="D1668">
        <f t="shared" si="25"/>
        <v>6</v>
      </c>
    </row>
    <row r="1669" spans="1:4" x14ac:dyDescent="0.25">
      <c r="A1669" s="20">
        <v>43625.291666662633</v>
      </c>
      <c r="B1669" s="22">
        <v>0.7501339316368103</v>
      </c>
      <c r="C1669" s="21">
        <v>92485.135547680562</v>
      </c>
      <c r="D1669">
        <f t="shared" si="25"/>
        <v>7</v>
      </c>
    </row>
    <row r="1670" spans="1:4" x14ac:dyDescent="0.25">
      <c r="A1670" s="20">
        <v>43625.333333329298</v>
      </c>
      <c r="B1670" s="22">
        <v>0.98021948337554932</v>
      </c>
      <c r="C1670" s="21">
        <v>120852.72771043979</v>
      </c>
      <c r="D1670">
        <f t="shared" si="25"/>
        <v>8</v>
      </c>
    </row>
    <row r="1671" spans="1:4" x14ac:dyDescent="0.25">
      <c r="A1671" s="20">
        <v>43625.374999995962</v>
      </c>
      <c r="B1671" s="22">
        <v>1.2945951223373413</v>
      </c>
      <c r="C1671" s="21">
        <v>159612.57092780701</v>
      </c>
      <c r="D1671">
        <f t="shared" ref="D1671:D1734" si="26">HOUR(A1671)</f>
        <v>9</v>
      </c>
    </row>
    <row r="1672" spans="1:4" x14ac:dyDescent="0.25">
      <c r="A1672" s="20">
        <v>43625.416666662626</v>
      </c>
      <c r="B1672" s="22">
        <v>1.3299624919891357</v>
      </c>
      <c r="C1672" s="21">
        <v>163973.06688494072</v>
      </c>
      <c r="D1672">
        <f t="shared" si="26"/>
        <v>10</v>
      </c>
    </row>
    <row r="1673" spans="1:4" x14ac:dyDescent="0.25">
      <c r="A1673" s="20">
        <v>43625.45833332929</v>
      </c>
      <c r="B1673" s="22">
        <v>1.4321219921112061</v>
      </c>
      <c r="C1673" s="21">
        <v>176568.46461032648</v>
      </c>
      <c r="D1673">
        <f t="shared" si="26"/>
        <v>11</v>
      </c>
    </row>
    <row r="1674" spans="1:4" x14ac:dyDescent="0.25">
      <c r="A1674" s="20">
        <v>43625.499999995955</v>
      </c>
      <c r="B1674" s="22">
        <v>1.4555902481079102</v>
      </c>
      <c r="C1674" s="21">
        <v>179461.90102932282</v>
      </c>
      <c r="D1674">
        <f t="shared" si="26"/>
        <v>12</v>
      </c>
    </row>
    <row r="1675" spans="1:4" x14ac:dyDescent="0.25">
      <c r="A1675" s="20">
        <v>43625.541666662619</v>
      </c>
      <c r="B1675" s="22">
        <v>1.6772075891494751</v>
      </c>
      <c r="C1675" s="21">
        <v>206785.43481644566</v>
      </c>
      <c r="D1675">
        <f t="shared" si="26"/>
        <v>13</v>
      </c>
    </row>
    <row r="1676" spans="1:4" x14ac:dyDescent="0.25">
      <c r="A1676" s="20">
        <v>43625.583333329283</v>
      </c>
      <c r="B1676" s="22">
        <v>1.8005739450454712</v>
      </c>
      <c r="C1676" s="21">
        <v>221995.45754154579</v>
      </c>
      <c r="D1676">
        <f t="shared" si="26"/>
        <v>14</v>
      </c>
    </row>
    <row r="1677" spans="1:4" x14ac:dyDescent="0.25">
      <c r="A1677" s="20">
        <v>43625.624999995947</v>
      </c>
      <c r="B1677" s="22">
        <v>2.0687174797058105</v>
      </c>
      <c r="C1677" s="21">
        <v>255055.2753999155</v>
      </c>
      <c r="D1677">
        <f t="shared" si="26"/>
        <v>15</v>
      </c>
    </row>
    <row r="1678" spans="1:4" x14ac:dyDescent="0.25">
      <c r="A1678" s="20">
        <v>43625.666666662612</v>
      </c>
      <c r="B1678" s="22">
        <v>1.9998341798782349</v>
      </c>
      <c r="C1678" s="21">
        <v>246562.55023065952</v>
      </c>
      <c r="D1678">
        <f t="shared" si="26"/>
        <v>16</v>
      </c>
    </row>
    <row r="1679" spans="1:4" x14ac:dyDescent="0.25">
      <c r="A1679" s="20">
        <v>43625.708333329276</v>
      </c>
      <c r="B1679" s="22">
        <v>1.9347001314163208</v>
      </c>
      <c r="C1679" s="21">
        <v>238532.0758757334</v>
      </c>
      <c r="D1679">
        <f t="shared" si="26"/>
        <v>17</v>
      </c>
    </row>
    <row r="1680" spans="1:4" x14ac:dyDescent="0.25">
      <c r="A1680" s="20">
        <v>43625.74999999594</v>
      </c>
      <c r="B1680" s="22">
        <v>1.9358799457550049</v>
      </c>
      <c r="C1680" s="21">
        <v>238677.5369519924</v>
      </c>
      <c r="D1680">
        <f t="shared" si="26"/>
        <v>18</v>
      </c>
    </row>
    <row r="1681" spans="1:4" x14ac:dyDescent="0.25">
      <c r="A1681" s="20">
        <v>43625.791666662604</v>
      </c>
      <c r="B1681" s="22">
        <v>2.147930383682251</v>
      </c>
      <c r="C1681" s="21">
        <v>264821.55293038388</v>
      </c>
      <c r="D1681">
        <f t="shared" si="26"/>
        <v>19</v>
      </c>
    </row>
    <row r="1682" spans="1:4" x14ac:dyDescent="0.25">
      <c r="A1682" s="20">
        <v>43625.833333329268</v>
      </c>
      <c r="B1682" s="22">
        <v>1.866468071937561</v>
      </c>
      <c r="C1682" s="21">
        <v>230119.64310413357</v>
      </c>
      <c r="D1682">
        <f t="shared" si="26"/>
        <v>20</v>
      </c>
    </row>
    <row r="1683" spans="1:4" x14ac:dyDescent="0.25">
      <c r="A1683" s="20">
        <v>43625.874999995933</v>
      </c>
      <c r="B1683" s="22">
        <v>1.7269126176834106</v>
      </c>
      <c r="C1683" s="21">
        <v>212913.64220380067</v>
      </c>
      <c r="D1683">
        <f t="shared" si="26"/>
        <v>21</v>
      </c>
    </row>
    <row r="1684" spans="1:4" x14ac:dyDescent="0.25">
      <c r="A1684" s="20">
        <v>43625.916666662597</v>
      </c>
      <c r="B1684" s="22">
        <v>1.4902215003967285</v>
      </c>
      <c r="C1684" s="21">
        <v>183731.63997464493</v>
      </c>
      <c r="D1684">
        <f t="shared" si="26"/>
        <v>22</v>
      </c>
    </row>
    <row r="1685" spans="1:4" x14ac:dyDescent="0.25">
      <c r="A1685" s="20">
        <v>43625.958333329261</v>
      </c>
      <c r="B1685" s="22">
        <v>1.2704319953918457</v>
      </c>
      <c r="C1685" s="21">
        <v>156633.4628291589</v>
      </c>
      <c r="D1685">
        <f t="shared" si="26"/>
        <v>23</v>
      </c>
    </row>
    <row r="1686" spans="1:4" x14ac:dyDescent="0.25">
      <c r="A1686" s="20">
        <v>43625.999999995925</v>
      </c>
      <c r="B1686" s="22">
        <v>1.0436133146286011</v>
      </c>
      <c r="C1686" s="21">
        <v>128668.64808019575</v>
      </c>
      <c r="D1686">
        <f t="shared" si="26"/>
        <v>0</v>
      </c>
    </row>
    <row r="1687" spans="1:4" x14ac:dyDescent="0.25">
      <c r="A1687" s="20">
        <v>43626.04166666259</v>
      </c>
      <c r="B1687" s="22">
        <v>0.92366552352905273</v>
      </c>
      <c r="C1687" s="21">
        <v>113880.10532719623</v>
      </c>
      <c r="D1687">
        <f t="shared" si="26"/>
        <v>1</v>
      </c>
    </row>
    <row r="1688" spans="1:4" x14ac:dyDescent="0.25">
      <c r="A1688" s="20">
        <v>43626.083333329254</v>
      </c>
      <c r="B1688" s="22">
        <v>0.93600648641586304</v>
      </c>
      <c r="C1688" s="21">
        <v>115401.64111865827</v>
      </c>
      <c r="D1688">
        <f t="shared" si="26"/>
        <v>2</v>
      </c>
    </row>
    <row r="1689" spans="1:4" x14ac:dyDescent="0.25">
      <c r="A1689" s="20">
        <v>43626.124999995918</v>
      </c>
      <c r="B1689" s="22">
        <v>0.8289915919303894</v>
      </c>
      <c r="C1689" s="21">
        <v>102207.61455261073</v>
      </c>
      <c r="D1689">
        <f t="shared" si="26"/>
        <v>3</v>
      </c>
    </row>
    <row r="1690" spans="1:4" x14ac:dyDescent="0.25">
      <c r="A1690" s="20">
        <v>43626.166666662582</v>
      </c>
      <c r="B1690" s="22">
        <v>0.83965373039245605</v>
      </c>
      <c r="C1690" s="21">
        <v>103522.16556717517</v>
      </c>
      <c r="D1690">
        <f t="shared" si="26"/>
        <v>4</v>
      </c>
    </row>
    <row r="1691" spans="1:4" x14ac:dyDescent="0.25">
      <c r="A1691" s="20">
        <v>43626.208333329247</v>
      </c>
      <c r="B1691" s="22">
        <v>0.91638070344924927</v>
      </c>
      <c r="C1691" s="21">
        <v>112981.94895257259</v>
      </c>
      <c r="D1691">
        <f t="shared" si="26"/>
        <v>5</v>
      </c>
    </row>
    <row r="1692" spans="1:4" x14ac:dyDescent="0.25">
      <c r="A1692" s="20">
        <v>43626.249999995911</v>
      </c>
      <c r="B1692" s="22">
        <v>0.91847747564315796</v>
      </c>
      <c r="C1692" s="21">
        <v>113240.46313569069</v>
      </c>
      <c r="D1692">
        <f t="shared" si="26"/>
        <v>6</v>
      </c>
    </row>
    <row r="1693" spans="1:4" x14ac:dyDescent="0.25">
      <c r="A1693" s="20">
        <v>43626.291666662575</v>
      </c>
      <c r="B1693" s="22">
        <v>0.92481917142868042</v>
      </c>
      <c r="C1693" s="21">
        <v>114022.34030400704</v>
      </c>
      <c r="D1693">
        <f t="shared" si="26"/>
        <v>7</v>
      </c>
    </row>
    <row r="1694" spans="1:4" x14ac:dyDescent="0.25">
      <c r="A1694" s="20">
        <v>43626.333333329239</v>
      </c>
      <c r="B1694" s="22">
        <v>0.97450053691864014</v>
      </c>
      <c r="C1694" s="21">
        <v>120147.63023924147</v>
      </c>
      <c r="D1694">
        <f t="shared" si="26"/>
        <v>8</v>
      </c>
    </row>
    <row r="1695" spans="1:4" x14ac:dyDescent="0.25">
      <c r="A1695" s="20">
        <v>43626.374999995904</v>
      </c>
      <c r="B1695" s="22">
        <v>1.1120022535324097</v>
      </c>
      <c r="C1695" s="21">
        <v>137100.42275099299</v>
      </c>
      <c r="D1695">
        <f t="shared" si="26"/>
        <v>9</v>
      </c>
    </row>
    <row r="1696" spans="1:4" x14ac:dyDescent="0.25">
      <c r="A1696" s="20">
        <v>43626.416666662568</v>
      </c>
      <c r="B1696" s="22">
        <v>1.4117883443832397</v>
      </c>
      <c r="C1696" s="21">
        <v>174061.49873798378</v>
      </c>
      <c r="D1696">
        <f t="shared" si="26"/>
        <v>10</v>
      </c>
    </row>
    <row r="1697" spans="1:4" x14ac:dyDescent="0.25">
      <c r="A1697" s="20">
        <v>43626.458333329232</v>
      </c>
      <c r="B1697" s="22">
        <v>1.4604289531707764</v>
      </c>
      <c r="C1697" s="21">
        <v>180058.47222113379</v>
      </c>
      <c r="D1697">
        <f t="shared" si="26"/>
        <v>11</v>
      </c>
    </row>
    <row r="1698" spans="1:4" x14ac:dyDescent="0.25">
      <c r="A1698" s="20">
        <v>43626.499999995896</v>
      </c>
      <c r="B1698" s="22">
        <v>1.6376169919967651</v>
      </c>
      <c r="C1698" s="21">
        <v>201904.25081761973</v>
      </c>
      <c r="D1698">
        <f t="shared" si="26"/>
        <v>12</v>
      </c>
    </row>
    <row r="1699" spans="1:4" x14ac:dyDescent="0.25">
      <c r="A1699" s="20">
        <v>43626.541666662561</v>
      </c>
      <c r="B1699" s="22">
        <v>1.7486788034439087</v>
      </c>
      <c r="C1699" s="21">
        <v>215597.22783500009</v>
      </c>
      <c r="D1699">
        <f t="shared" si="26"/>
        <v>13</v>
      </c>
    </row>
    <row r="1700" spans="1:4" x14ac:dyDescent="0.25">
      <c r="A1700" s="20">
        <v>43626.583333329225</v>
      </c>
      <c r="B1700" s="22">
        <v>1.6934890747070313</v>
      </c>
      <c r="C1700" s="21">
        <v>208792.80354781673</v>
      </c>
      <c r="D1700">
        <f t="shared" si="26"/>
        <v>14</v>
      </c>
    </row>
    <row r="1701" spans="1:4" x14ac:dyDescent="0.25">
      <c r="A1701" s="20">
        <v>43626.624999995889</v>
      </c>
      <c r="B1701" s="22">
        <v>1.6530144214630127</v>
      </c>
      <c r="C1701" s="21">
        <v>203802.62294986611</v>
      </c>
      <c r="D1701">
        <f t="shared" si="26"/>
        <v>15</v>
      </c>
    </row>
    <row r="1702" spans="1:4" x14ac:dyDescent="0.25">
      <c r="A1702" s="20">
        <v>43626.666666662553</v>
      </c>
      <c r="B1702" s="22">
        <v>1.7389923334121704</v>
      </c>
      <c r="C1702" s="21">
        <v>214402.96844200196</v>
      </c>
      <c r="D1702">
        <f t="shared" si="26"/>
        <v>16</v>
      </c>
    </row>
    <row r="1703" spans="1:4" x14ac:dyDescent="0.25">
      <c r="A1703" s="20">
        <v>43626.708333329218</v>
      </c>
      <c r="B1703" s="22">
        <v>1.7478710412979126</v>
      </c>
      <c r="C1703" s="21">
        <v>215497.63763062184</v>
      </c>
      <c r="D1703">
        <f t="shared" si="26"/>
        <v>17</v>
      </c>
    </row>
    <row r="1704" spans="1:4" x14ac:dyDescent="0.25">
      <c r="A1704" s="20">
        <v>43626.749999995882</v>
      </c>
      <c r="B1704" s="22">
        <v>1.7977747917175293</v>
      </c>
      <c r="C1704" s="21">
        <v>221650.34573679307</v>
      </c>
      <c r="D1704">
        <f t="shared" si="26"/>
        <v>18</v>
      </c>
    </row>
    <row r="1705" spans="1:4" x14ac:dyDescent="0.25">
      <c r="A1705" s="20">
        <v>43626.791666662546</v>
      </c>
      <c r="B1705" s="22">
        <v>1.6799838542938232</v>
      </c>
      <c r="C1705" s="21">
        <v>207127.72470277446</v>
      </c>
      <c r="D1705">
        <f t="shared" si="26"/>
        <v>19</v>
      </c>
    </row>
    <row r="1706" spans="1:4" x14ac:dyDescent="0.25">
      <c r="A1706" s="20">
        <v>43626.83333332921</v>
      </c>
      <c r="B1706" s="22">
        <v>1.5696280002593994</v>
      </c>
      <c r="C1706" s="21">
        <v>193521.78623178246</v>
      </c>
      <c r="D1706">
        <f t="shared" si="26"/>
        <v>20</v>
      </c>
    </row>
    <row r="1707" spans="1:4" x14ac:dyDescent="0.25">
      <c r="A1707" s="20">
        <v>43626.874999995875</v>
      </c>
      <c r="B1707" s="22">
        <v>1.5680773258209229</v>
      </c>
      <c r="C1707" s="21">
        <v>193330.60125856055</v>
      </c>
      <c r="D1707">
        <f t="shared" si="26"/>
        <v>21</v>
      </c>
    </row>
    <row r="1708" spans="1:4" x14ac:dyDescent="0.25">
      <c r="A1708" s="20">
        <v>43626.916666662539</v>
      </c>
      <c r="B1708" s="22">
        <v>1.5190839767456055</v>
      </c>
      <c r="C1708" s="21">
        <v>187290.13789719995</v>
      </c>
      <c r="D1708">
        <f t="shared" si="26"/>
        <v>22</v>
      </c>
    </row>
    <row r="1709" spans="1:4" x14ac:dyDescent="0.25">
      <c r="A1709" s="20">
        <v>43626.958333329203</v>
      </c>
      <c r="B1709" s="22">
        <v>1.0864461660385132</v>
      </c>
      <c r="C1709" s="21">
        <v>133949.5744607629</v>
      </c>
      <c r="D1709">
        <f t="shared" si="26"/>
        <v>23</v>
      </c>
    </row>
    <row r="1710" spans="1:4" x14ac:dyDescent="0.25">
      <c r="A1710" s="20">
        <v>43626.999999995867</v>
      </c>
      <c r="B1710" s="22">
        <v>0.92060351371765137</v>
      </c>
      <c r="C1710" s="21">
        <v>113502.58555304357</v>
      </c>
      <c r="D1710">
        <f t="shared" si="26"/>
        <v>0</v>
      </c>
    </row>
    <row r="1711" spans="1:4" x14ac:dyDescent="0.25">
      <c r="A1711" s="20">
        <v>43627.041666662531</v>
      </c>
      <c r="B1711" s="22">
        <v>0.76888167858123779</v>
      </c>
      <c r="C1711" s="21">
        <v>94796.573337977024</v>
      </c>
      <c r="D1711">
        <f t="shared" si="26"/>
        <v>1</v>
      </c>
    </row>
    <row r="1712" spans="1:4" x14ac:dyDescent="0.25">
      <c r="A1712" s="20">
        <v>43627.083333329196</v>
      </c>
      <c r="B1712" s="22">
        <v>0.6947711706161499</v>
      </c>
      <c r="C1712" s="21">
        <v>85659.377851162077</v>
      </c>
      <c r="D1712">
        <f t="shared" si="26"/>
        <v>2</v>
      </c>
    </row>
    <row r="1713" spans="1:4" x14ac:dyDescent="0.25">
      <c r="A1713" s="20">
        <v>43627.12499999586</v>
      </c>
      <c r="B1713" s="22">
        <v>0.68160617351531982</v>
      </c>
      <c r="C1713" s="21">
        <v>84036.245647692325</v>
      </c>
      <c r="D1713">
        <f t="shared" si="26"/>
        <v>3</v>
      </c>
    </row>
    <row r="1714" spans="1:4" x14ac:dyDescent="0.25">
      <c r="A1714" s="20">
        <v>43627.166666662524</v>
      </c>
      <c r="B1714" s="22">
        <v>0.69073903560638428</v>
      </c>
      <c r="C1714" s="21">
        <v>85162.249888811391</v>
      </c>
      <c r="D1714">
        <f t="shared" si="26"/>
        <v>4</v>
      </c>
    </row>
    <row r="1715" spans="1:4" x14ac:dyDescent="0.25">
      <c r="A1715" s="20">
        <v>43627.208333329188</v>
      </c>
      <c r="B1715" s="22">
        <v>0.73216515779495239</v>
      </c>
      <c r="C1715" s="21">
        <v>90269.738517494683</v>
      </c>
      <c r="D1715">
        <f t="shared" si="26"/>
        <v>5</v>
      </c>
    </row>
    <row r="1716" spans="1:4" x14ac:dyDescent="0.25">
      <c r="A1716" s="20">
        <v>43627.249999995853</v>
      </c>
      <c r="B1716" s="22">
        <v>0.80619817972183228</v>
      </c>
      <c r="C1716" s="21">
        <v>99397.380634645262</v>
      </c>
      <c r="D1716">
        <f t="shared" si="26"/>
        <v>6</v>
      </c>
    </row>
    <row r="1717" spans="1:4" x14ac:dyDescent="0.25">
      <c r="A1717" s="20">
        <v>43627.291666662517</v>
      </c>
      <c r="B1717" s="22">
        <v>0.79841971397399902</v>
      </c>
      <c r="C1717" s="21">
        <v>98438.361946513629</v>
      </c>
      <c r="D1717">
        <f t="shared" si="26"/>
        <v>7</v>
      </c>
    </row>
    <row r="1718" spans="1:4" x14ac:dyDescent="0.25">
      <c r="A1718" s="20">
        <v>43627.333333329181</v>
      </c>
      <c r="B1718" s="22">
        <v>0.90193140506744385</v>
      </c>
      <c r="C1718" s="21">
        <v>111200.47332128871</v>
      </c>
      <c r="D1718">
        <f t="shared" si="26"/>
        <v>8</v>
      </c>
    </row>
    <row r="1719" spans="1:4" x14ac:dyDescent="0.25">
      <c r="A1719" s="20">
        <v>43627.374999995845</v>
      </c>
      <c r="B1719" s="22">
        <v>0.95053952932357788</v>
      </c>
      <c r="C1719" s="21">
        <v>117193.44173792559</v>
      </c>
      <c r="D1719">
        <f t="shared" si="26"/>
        <v>9</v>
      </c>
    </row>
    <row r="1720" spans="1:4" x14ac:dyDescent="0.25">
      <c r="A1720" s="20">
        <v>43627.41666666251</v>
      </c>
      <c r="B1720" s="22">
        <v>1.0976014137268066</v>
      </c>
      <c r="C1720" s="21">
        <v>135324.92165012227</v>
      </c>
      <c r="D1720">
        <f t="shared" si="26"/>
        <v>10</v>
      </c>
    </row>
    <row r="1721" spans="1:4" x14ac:dyDescent="0.25">
      <c r="A1721" s="20">
        <v>43627.458333329174</v>
      </c>
      <c r="B1721" s="22">
        <v>1.151658296585083</v>
      </c>
      <c r="C1721" s="21">
        <v>141989.67567281239</v>
      </c>
      <c r="D1721">
        <f t="shared" si="26"/>
        <v>11</v>
      </c>
    </row>
    <row r="1722" spans="1:4" x14ac:dyDescent="0.25">
      <c r="A1722" s="20">
        <v>43627.499999995838</v>
      </c>
      <c r="B1722" s="22">
        <v>1.1731398105621338</v>
      </c>
      <c r="C1722" s="21">
        <v>144638.16369361401</v>
      </c>
      <c r="D1722">
        <f t="shared" si="26"/>
        <v>12</v>
      </c>
    </row>
    <row r="1723" spans="1:4" x14ac:dyDescent="0.25">
      <c r="A1723" s="20">
        <v>43627.541666662502</v>
      </c>
      <c r="B1723" s="22">
        <v>1.2929975986480713</v>
      </c>
      <c r="C1723" s="21">
        <v>159415.60984031111</v>
      </c>
      <c r="D1723">
        <f t="shared" si="26"/>
        <v>13</v>
      </c>
    </row>
    <row r="1724" spans="1:4" x14ac:dyDescent="0.25">
      <c r="A1724" s="20">
        <v>43627.583333329167</v>
      </c>
      <c r="B1724" s="22">
        <v>1.3796427249908447</v>
      </c>
      <c r="C1724" s="21">
        <v>170098.21719400314</v>
      </c>
      <c r="D1724">
        <f t="shared" si="26"/>
        <v>14</v>
      </c>
    </row>
    <row r="1725" spans="1:4" x14ac:dyDescent="0.25">
      <c r="A1725" s="20">
        <v>43627.624999995831</v>
      </c>
      <c r="B1725" s="22">
        <v>1.4443727731704712</v>
      </c>
      <c r="C1725" s="21">
        <v>178078.88174924836</v>
      </c>
      <c r="D1725">
        <f t="shared" si="26"/>
        <v>15</v>
      </c>
    </row>
    <row r="1726" spans="1:4" x14ac:dyDescent="0.25">
      <c r="A1726" s="20">
        <v>43627.666666662495</v>
      </c>
      <c r="B1726" s="22">
        <v>1.5580273866653442</v>
      </c>
      <c r="C1726" s="21">
        <v>192091.52921309063</v>
      </c>
      <c r="D1726">
        <f t="shared" si="26"/>
        <v>16</v>
      </c>
    </row>
    <row r="1727" spans="1:4" x14ac:dyDescent="0.25">
      <c r="A1727" s="20">
        <v>43627.708333329159</v>
      </c>
      <c r="B1727" s="22">
        <v>1.5273449420928955</v>
      </c>
      <c r="C1727" s="21">
        <v>188308.64468335707</v>
      </c>
      <c r="D1727">
        <f t="shared" si="26"/>
        <v>17</v>
      </c>
    </row>
    <row r="1728" spans="1:4" x14ac:dyDescent="0.25">
      <c r="A1728" s="20">
        <v>43627.749999995824</v>
      </c>
      <c r="B1728" s="22">
        <v>1.5126049518585205</v>
      </c>
      <c r="C1728" s="21">
        <v>186491.32921833996</v>
      </c>
      <c r="D1728">
        <f t="shared" si="26"/>
        <v>18</v>
      </c>
    </row>
    <row r="1729" spans="1:4" x14ac:dyDescent="0.25">
      <c r="A1729" s="20">
        <v>43627.791666662488</v>
      </c>
      <c r="B1729" s="22">
        <v>1.6315393447875977</v>
      </c>
      <c r="C1729" s="21">
        <v>201154.92859362121</v>
      </c>
      <c r="D1729">
        <f t="shared" si="26"/>
        <v>19</v>
      </c>
    </row>
    <row r="1730" spans="1:4" x14ac:dyDescent="0.25">
      <c r="A1730" s="20">
        <v>43627.833333329152</v>
      </c>
      <c r="B1730" s="22">
        <v>1.3506603240966797</v>
      </c>
      <c r="C1730" s="21">
        <v>166524.93359470603</v>
      </c>
      <c r="D1730">
        <f t="shared" si="26"/>
        <v>20</v>
      </c>
    </row>
    <row r="1731" spans="1:4" x14ac:dyDescent="0.25">
      <c r="A1731" s="20">
        <v>43627.874999995816</v>
      </c>
      <c r="B1731" s="22">
        <v>1.3419700860977173</v>
      </c>
      <c r="C1731" s="21">
        <v>165453.50114060825</v>
      </c>
      <c r="D1731">
        <f t="shared" si="26"/>
        <v>21</v>
      </c>
    </row>
    <row r="1732" spans="1:4" x14ac:dyDescent="0.25">
      <c r="A1732" s="20">
        <v>43627.916666662481</v>
      </c>
      <c r="B1732" s="22">
        <v>1.1540474891662598</v>
      </c>
      <c r="C1732" s="21">
        <v>142284.24280329465</v>
      </c>
      <c r="D1732">
        <f t="shared" si="26"/>
        <v>22</v>
      </c>
    </row>
    <row r="1733" spans="1:4" x14ac:dyDescent="0.25">
      <c r="A1733" s="20">
        <v>43627.958333329145</v>
      </c>
      <c r="B1733" s="22">
        <v>1.0798628330230713</v>
      </c>
      <c r="C1733" s="21">
        <v>133137.90547658547</v>
      </c>
      <c r="D1733">
        <f t="shared" si="26"/>
        <v>23</v>
      </c>
    </row>
    <row r="1734" spans="1:4" x14ac:dyDescent="0.25">
      <c r="A1734" s="20">
        <v>43627.999999995809</v>
      </c>
      <c r="B1734" s="22">
        <v>0.78504335880279541</v>
      </c>
      <c r="C1734" s="21">
        <v>96789.171090097792</v>
      </c>
      <c r="D1734">
        <f t="shared" si="26"/>
        <v>0</v>
      </c>
    </row>
    <row r="1735" spans="1:4" x14ac:dyDescent="0.25">
      <c r="A1735" s="20">
        <v>43628.041666662473</v>
      </c>
      <c r="B1735" s="22">
        <v>0.70392149686813354</v>
      </c>
      <c r="C1735" s="21">
        <v>86787.535274828595</v>
      </c>
      <c r="D1735">
        <f t="shared" ref="D1735:D1798" si="27">HOUR(A1735)</f>
        <v>1</v>
      </c>
    </row>
    <row r="1736" spans="1:4" x14ac:dyDescent="0.25">
      <c r="A1736" s="20">
        <v>43628.083333329138</v>
      </c>
      <c r="B1736" s="22">
        <v>0.64524388313293457</v>
      </c>
      <c r="C1736" s="21">
        <v>79553.084424067987</v>
      </c>
      <c r="D1736">
        <f t="shared" si="27"/>
        <v>2</v>
      </c>
    </row>
    <row r="1737" spans="1:4" x14ac:dyDescent="0.25">
      <c r="A1737" s="20">
        <v>43628.124999995802</v>
      </c>
      <c r="B1737" s="22">
        <v>0.70111829042434692</v>
      </c>
      <c r="C1737" s="21">
        <v>86441.923755354946</v>
      </c>
      <c r="D1737">
        <f t="shared" si="27"/>
        <v>3</v>
      </c>
    </row>
    <row r="1738" spans="1:4" x14ac:dyDescent="0.25">
      <c r="A1738" s="20">
        <v>43628.166666662466</v>
      </c>
      <c r="B1738" s="22">
        <v>0.69248706102371216</v>
      </c>
      <c r="C1738" s="21">
        <v>85377.766559693875</v>
      </c>
      <c r="D1738">
        <f t="shared" si="27"/>
        <v>4</v>
      </c>
    </row>
    <row r="1739" spans="1:4" x14ac:dyDescent="0.25">
      <c r="A1739" s="20">
        <v>43628.20833332913</v>
      </c>
      <c r="B1739" s="22">
        <v>0.65110129117965698</v>
      </c>
      <c r="C1739" s="21">
        <v>80275.253031981963</v>
      </c>
      <c r="D1739">
        <f t="shared" si="27"/>
        <v>5</v>
      </c>
    </row>
    <row r="1740" spans="1:4" x14ac:dyDescent="0.25">
      <c r="A1740" s="20">
        <v>43628.249999995794</v>
      </c>
      <c r="B1740" s="22">
        <v>0.83375948667526245</v>
      </c>
      <c r="C1740" s="21">
        <v>102795.45543429765</v>
      </c>
      <c r="D1740">
        <f t="shared" si="27"/>
        <v>6</v>
      </c>
    </row>
    <row r="1741" spans="1:4" x14ac:dyDescent="0.25">
      <c r="A1741" s="20">
        <v>43628.291666662459</v>
      </c>
      <c r="B1741" s="22">
        <v>0.79892867803573608</v>
      </c>
      <c r="C1741" s="21">
        <v>98501.112887716808</v>
      </c>
      <c r="D1741">
        <f t="shared" si="27"/>
        <v>7</v>
      </c>
    </row>
    <row r="1742" spans="1:4" x14ac:dyDescent="0.25">
      <c r="A1742" s="20">
        <v>43628.333333329123</v>
      </c>
      <c r="B1742" s="22">
        <v>0.84008067846298218</v>
      </c>
      <c r="C1742" s="21">
        <v>103574.80463402589</v>
      </c>
      <c r="D1742">
        <f t="shared" si="27"/>
        <v>8</v>
      </c>
    </row>
    <row r="1743" spans="1:4" x14ac:dyDescent="0.25">
      <c r="A1743" s="20">
        <v>43628.374999995787</v>
      </c>
      <c r="B1743" s="22">
        <v>1.0077831745147705</v>
      </c>
      <c r="C1743" s="21">
        <v>124251.09645992803</v>
      </c>
      <c r="D1743">
        <f t="shared" si="27"/>
        <v>9</v>
      </c>
    </row>
    <row r="1744" spans="1:4" x14ac:dyDescent="0.25">
      <c r="A1744" s="20">
        <v>43628.416666662451</v>
      </c>
      <c r="B1744" s="22">
        <v>0.95287305116653442</v>
      </c>
      <c r="C1744" s="21">
        <v>117481.1451397413</v>
      </c>
      <c r="D1744">
        <f t="shared" si="27"/>
        <v>10</v>
      </c>
    </row>
    <row r="1745" spans="1:4" x14ac:dyDescent="0.25">
      <c r="A1745" s="20">
        <v>43628.458333329116</v>
      </c>
      <c r="B1745" s="22">
        <v>1.0107256174087524</v>
      </c>
      <c r="C1745" s="21">
        <v>124613.87464981397</v>
      </c>
      <c r="D1745">
        <f t="shared" si="27"/>
        <v>11</v>
      </c>
    </row>
    <row r="1746" spans="1:4" x14ac:dyDescent="0.25">
      <c r="A1746" s="20">
        <v>43628.49999999578</v>
      </c>
      <c r="B1746" s="22">
        <v>1.0936974287033081</v>
      </c>
      <c r="C1746" s="21">
        <v>134843.59349144727</v>
      </c>
      <c r="D1746">
        <f t="shared" si="27"/>
        <v>12</v>
      </c>
    </row>
    <row r="1747" spans="1:4" x14ac:dyDescent="0.25">
      <c r="A1747" s="20">
        <v>43628.541666662444</v>
      </c>
      <c r="B1747" s="22">
        <v>1.185111403465271</v>
      </c>
      <c r="C1747" s="21">
        <v>146114.15930676056</v>
      </c>
      <c r="D1747">
        <f t="shared" si="27"/>
        <v>13</v>
      </c>
    </row>
    <row r="1748" spans="1:4" x14ac:dyDescent="0.25">
      <c r="A1748" s="20">
        <v>43628.583333329108</v>
      </c>
      <c r="B1748" s="22">
        <v>1.3086735010147095</v>
      </c>
      <c r="C1748" s="21">
        <v>161348.3153133821</v>
      </c>
      <c r="D1748">
        <f t="shared" si="27"/>
        <v>14</v>
      </c>
    </row>
    <row r="1749" spans="1:4" x14ac:dyDescent="0.25">
      <c r="A1749" s="20">
        <v>43628.624999995773</v>
      </c>
      <c r="B1749" s="22">
        <v>1.2800706624984741</v>
      </c>
      <c r="C1749" s="21">
        <v>157821.82852794867</v>
      </c>
      <c r="D1749">
        <f t="shared" si="27"/>
        <v>15</v>
      </c>
    </row>
    <row r="1750" spans="1:4" x14ac:dyDescent="0.25">
      <c r="A1750" s="20">
        <v>43628.666666662437</v>
      </c>
      <c r="B1750" s="22">
        <v>1.4162489175796509</v>
      </c>
      <c r="C1750" s="21">
        <v>174611.44948583256</v>
      </c>
      <c r="D1750">
        <f t="shared" si="27"/>
        <v>16</v>
      </c>
    </row>
    <row r="1751" spans="1:4" x14ac:dyDescent="0.25">
      <c r="A1751" s="20">
        <v>43628.708333329101</v>
      </c>
      <c r="B1751" s="22">
        <v>1.4933139085769653</v>
      </c>
      <c r="C1751" s="21">
        <v>184112.90760920438</v>
      </c>
      <c r="D1751">
        <f t="shared" si="27"/>
        <v>17</v>
      </c>
    </row>
    <row r="1752" spans="1:4" x14ac:dyDescent="0.25">
      <c r="A1752" s="20">
        <v>43628.749999995765</v>
      </c>
      <c r="B1752" s="22">
        <v>1.4511467218399048</v>
      </c>
      <c r="C1752" s="21">
        <v>178914.05202280017</v>
      </c>
      <c r="D1752">
        <f t="shared" si="27"/>
        <v>18</v>
      </c>
    </row>
    <row r="1753" spans="1:4" x14ac:dyDescent="0.25">
      <c r="A1753" s="20">
        <v>43628.79166666243</v>
      </c>
      <c r="B1753" s="22">
        <v>1.5537582635879517</v>
      </c>
      <c r="C1753" s="21">
        <v>191565.18263705872</v>
      </c>
      <c r="D1753">
        <f t="shared" si="27"/>
        <v>19</v>
      </c>
    </row>
    <row r="1754" spans="1:4" x14ac:dyDescent="0.25">
      <c r="A1754" s="20">
        <v>43628.833333329094</v>
      </c>
      <c r="B1754" s="22">
        <v>1.3420120477676392</v>
      </c>
      <c r="C1754" s="21">
        <v>165458.6746577188</v>
      </c>
      <c r="D1754">
        <f t="shared" si="27"/>
        <v>20</v>
      </c>
    </row>
    <row r="1755" spans="1:4" x14ac:dyDescent="0.25">
      <c r="A1755" s="20">
        <v>43628.874999995758</v>
      </c>
      <c r="B1755" s="22">
        <v>1.2385756969451904</v>
      </c>
      <c r="C1755" s="21">
        <v>152705.85209775585</v>
      </c>
      <c r="D1755">
        <f t="shared" si="27"/>
        <v>21</v>
      </c>
    </row>
    <row r="1756" spans="1:4" x14ac:dyDescent="0.25">
      <c r="A1756" s="20">
        <v>43628.916666662422</v>
      </c>
      <c r="B1756" s="22">
        <v>1.3056670427322388</v>
      </c>
      <c r="C1756" s="21">
        <v>160977.6445704042</v>
      </c>
      <c r="D1756">
        <f t="shared" si="27"/>
        <v>22</v>
      </c>
    </row>
    <row r="1757" spans="1:4" x14ac:dyDescent="0.25">
      <c r="A1757" s="20">
        <v>43628.958333329087</v>
      </c>
      <c r="B1757" s="22">
        <v>0.98576366901397705</v>
      </c>
      <c r="C1757" s="21">
        <v>121536.278658672</v>
      </c>
      <c r="D1757">
        <f t="shared" si="27"/>
        <v>23</v>
      </c>
    </row>
    <row r="1758" spans="1:4" x14ac:dyDescent="0.25">
      <c r="A1758" s="20">
        <v>43628.999999995751</v>
      </c>
      <c r="B1758" s="22">
        <v>0.84270471334457397</v>
      </c>
      <c r="C1758" s="21">
        <v>103898.32582333713</v>
      </c>
      <c r="D1758">
        <f t="shared" si="27"/>
        <v>0</v>
      </c>
    </row>
    <row r="1759" spans="1:4" x14ac:dyDescent="0.25">
      <c r="A1759" s="20">
        <v>43629.041666662415</v>
      </c>
      <c r="B1759" s="22">
        <v>0.78699463605880737</v>
      </c>
      <c r="C1759" s="21">
        <v>97029.746984484547</v>
      </c>
      <c r="D1759">
        <f t="shared" si="27"/>
        <v>1</v>
      </c>
    </row>
    <row r="1760" spans="1:4" x14ac:dyDescent="0.25">
      <c r="A1760" s="20">
        <v>43629.083333329079</v>
      </c>
      <c r="B1760" s="22">
        <v>0.67722111940383911</v>
      </c>
      <c r="C1760" s="21">
        <v>83495.605760893333</v>
      </c>
      <c r="D1760">
        <f t="shared" si="27"/>
        <v>2</v>
      </c>
    </row>
    <row r="1761" spans="1:4" x14ac:dyDescent="0.25">
      <c r="A1761" s="20">
        <v>43629.124999995744</v>
      </c>
      <c r="B1761" s="22">
        <v>0.62408310174942017</v>
      </c>
      <c r="C1761" s="21">
        <v>76944.14000493096</v>
      </c>
      <c r="D1761">
        <f t="shared" si="27"/>
        <v>3</v>
      </c>
    </row>
    <row r="1762" spans="1:4" x14ac:dyDescent="0.25">
      <c r="A1762" s="20">
        <v>43629.166666662408</v>
      </c>
      <c r="B1762" s="22">
        <v>0.6002957820892334</v>
      </c>
      <c r="C1762" s="21">
        <v>74011.365749155084</v>
      </c>
      <c r="D1762">
        <f t="shared" si="27"/>
        <v>4</v>
      </c>
    </row>
    <row r="1763" spans="1:4" x14ac:dyDescent="0.25">
      <c r="A1763" s="20">
        <v>43629.208333329072</v>
      </c>
      <c r="B1763" s="22">
        <v>0.67177498340606689</v>
      </c>
      <c r="C1763" s="21">
        <v>82824.14349965952</v>
      </c>
      <c r="D1763">
        <f t="shared" si="27"/>
        <v>5</v>
      </c>
    </row>
    <row r="1764" spans="1:4" x14ac:dyDescent="0.25">
      <c r="A1764" s="20">
        <v>43629.249999995736</v>
      </c>
      <c r="B1764" s="22">
        <v>0.81767880916595459</v>
      </c>
      <c r="C1764" s="21">
        <v>100812.8446278491</v>
      </c>
      <c r="D1764">
        <f t="shared" si="27"/>
        <v>6</v>
      </c>
    </row>
    <row r="1765" spans="1:4" x14ac:dyDescent="0.25">
      <c r="A1765" s="20">
        <v>43629.291666662401</v>
      </c>
      <c r="B1765" s="22">
        <v>0.88114655017852783</v>
      </c>
      <c r="C1765" s="21">
        <v>108637.87744251572</v>
      </c>
      <c r="D1765">
        <f t="shared" si="27"/>
        <v>7</v>
      </c>
    </row>
    <row r="1766" spans="1:4" x14ac:dyDescent="0.25">
      <c r="A1766" s="20">
        <v>43629.333333329065</v>
      </c>
      <c r="B1766" s="22">
        <v>0.8101341724395752</v>
      </c>
      <c r="C1766" s="21">
        <v>99882.655069866218</v>
      </c>
      <c r="D1766">
        <f t="shared" si="27"/>
        <v>8</v>
      </c>
    </row>
    <row r="1767" spans="1:4" x14ac:dyDescent="0.25">
      <c r="A1767" s="20">
        <v>43629.374999995729</v>
      </c>
      <c r="B1767" s="22">
        <v>0.80784034729003906</v>
      </c>
      <c r="C1767" s="21">
        <v>99599.845932817014</v>
      </c>
      <c r="D1767">
        <f t="shared" si="27"/>
        <v>9</v>
      </c>
    </row>
    <row r="1768" spans="1:4" x14ac:dyDescent="0.25">
      <c r="A1768" s="20">
        <v>43629.416666662393</v>
      </c>
      <c r="B1768" s="22">
        <v>0.96840327978134155</v>
      </c>
      <c r="C1768" s="21">
        <v>119395.8902778433</v>
      </c>
      <c r="D1768">
        <f t="shared" si="27"/>
        <v>10</v>
      </c>
    </row>
    <row r="1769" spans="1:4" x14ac:dyDescent="0.25">
      <c r="A1769" s="20">
        <v>43629.458333329057</v>
      </c>
      <c r="B1769" s="22">
        <v>0.98959004878997803</v>
      </c>
      <c r="C1769" s="21">
        <v>122008.03875019083</v>
      </c>
      <c r="D1769">
        <f t="shared" si="27"/>
        <v>11</v>
      </c>
    </row>
    <row r="1770" spans="1:4" x14ac:dyDescent="0.25">
      <c r="A1770" s="20">
        <v>43629.499999995722</v>
      </c>
      <c r="B1770" s="22">
        <v>1.032431960105896</v>
      </c>
      <c r="C1770" s="21">
        <v>127290.08214013409</v>
      </c>
      <c r="D1770">
        <f t="shared" si="27"/>
        <v>12</v>
      </c>
    </row>
    <row r="1771" spans="1:4" x14ac:dyDescent="0.25">
      <c r="A1771" s="20">
        <v>43629.541666662386</v>
      </c>
      <c r="B1771" s="22">
        <v>1.272030234336853</v>
      </c>
      <c r="C1771" s="21">
        <v>156830.51210160553</v>
      </c>
      <c r="D1771">
        <f t="shared" si="27"/>
        <v>13</v>
      </c>
    </row>
    <row r="1772" spans="1:4" x14ac:dyDescent="0.25">
      <c r="A1772" s="20">
        <v>43629.58333332905</v>
      </c>
      <c r="B1772" s="22">
        <v>1.2569547891616821</v>
      </c>
      <c r="C1772" s="21">
        <v>154971.83789468757</v>
      </c>
      <c r="D1772">
        <f t="shared" si="27"/>
        <v>14</v>
      </c>
    </row>
    <row r="1773" spans="1:4" x14ac:dyDescent="0.25">
      <c r="A1773" s="20">
        <v>43629.624999995714</v>
      </c>
      <c r="B1773" s="22">
        <v>1.3295601606369019</v>
      </c>
      <c r="C1773" s="21">
        <v>163923.46285014489</v>
      </c>
      <c r="D1773">
        <f t="shared" si="27"/>
        <v>15</v>
      </c>
    </row>
    <row r="1774" spans="1:4" x14ac:dyDescent="0.25">
      <c r="A1774" s="20">
        <v>43629.666666662379</v>
      </c>
      <c r="B1774" s="22">
        <v>1.3279120922088623</v>
      </c>
      <c r="C1774" s="21">
        <v>163720.27002612947</v>
      </c>
      <c r="D1774">
        <f t="shared" si="27"/>
        <v>16</v>
      </c>
    </row>
    <row r="1775" spans="1:4" x14ac:dyDescent="0.25">
      <c r="A1775" s="20">
        <v>43629.708333329043</v>
      </c>
      <c r="B1775" s="22">
        <v>1.4348441362380981</v>
      </c>
      <c r="C1775" s="21">
        <v>176904.08183538201</v>
      </c>
      <c r="D1775">
        <f t="shared" si="27"/>
        <v>17</v>
      </c>
    </row>
    <row r="1776" spans="1:4" x14ac:dyDescent="0.25">
      <c r="A1776" s="20">
        <v>43629.749999995707</v>
      </c>
      <c r="B1776" s="22">
        <v>1.2571549415588379</v>
      </c>
      <c r="C1776" s="21">
        <v>154996.51498340527</v>
      </c>
      <c r="D1776">
        <f t="shared" si="27"/>
        <v>18</v>
      </c>
    </row>
    <row r="1777" spans="1:4" x14ac:dyDescent="0.25">
      <c r="A1777" s="20">
        <v>43629.791666662371</v>
      </c>
      <c r="B1777" s="22">
        <v>1.3193835020065308</v>
      </c>
      <c r="C1777" s="21">
        <v>162668.76737090078</v>
      </c>
      <c r="D1777">
        <f t="shared" si="27"/>
        <v>19</v>
      </c>
    </row>
    <row r="1778" spans="1:4" x14ac:dyDescent="0.25">
      <c r="A1778" s="20">
        <v>43629.833333329036</v>
      </c>
      <c r="B1778" s="22">
        <v>1.275232195854187</v>
      </c>
      <c r="C1778" s="21">
        <v>157225.28673112128</v>
      </c>
      <c r="D1778">
        <f t="shared" si="27"/>
        <v>20</v>
      </c>
    </row>
    <row r="1779" spans="1:4" x14ac:dyDescent="0.25">
      <c r="A1779" s="20">
        <v>43629.8749999957</v>
      </c>
      <c r="B1779" s="22">
        <v>1.3677538633346558</v>
      </c>
      <c r="C1779" s="21">
        <v>168632.4216401598</v>
      </c>
      <c r="D1779">
        <f t="shared" si="27"/>
        <v>21</v>
      </c>
    </row>
    <row r="1780" spans="1:4" x14ac:dyDescent="0.25">
      <c r="A1780" s="20">
        <v>43629.916666662364</v>
      </c>
      <c r="B1780" s="22">
        <v>1.1811808347702026</v>
      </c>
      <c r="C1780" s="21">
        <v>145629.55360741611</v>
      </c>
      <c r="D1780">
        <f t="shared" si="27"/>
        <v>22</v>
      </c>
    </row>
    <row r="1781" spans="1:4" x14ac:dyDescent="0.25">
      <c r="A1781" s="20">
        <v>43629.958333329028</v>
      </c>
      <c r="B1781" s="22">
        <v>0.90951204299926758</v>
      </c>
      <c r="C1781" s="21">
        <v>112135.10152179257</v>
      </c>
      <c r="D1781">
        <f t="shared" si="27"/>
        <v>23</v>
      </c>
    </row>
    <row r="1782" spans="1:4" x14ac:dyDescent="0.25">
      <c r="A1782" s="20">
        <v>43629.999999995693</v>
      </c>
      <c r="B1782" s="22">
        <v>0.75802958011627197</v>
      </c>
      <c r="C1782" s="21">
        <v>93458.601870243088</v>
      </c>
      <c r="D1782">
        <f t="shared" si="27"/>
        <v>0</v>
      </c>
    </row>
    <row r="1783" spans="1:4" x14ac:dyDescent="0.25">
      <c r="A1783" s="20">
        <v>43630.041666662357</v>
      </c>
      <c r="B1783" s="22">
        <v>0.64226013422012329</v>
      </c>
      <c r="C1783" s="21">
        <v>79185.213553276335</v>
      </c>
      <c r="D1783">
        <f t="shared" si="27"/>
        <v>1</v>
      </c>
    </row>
    <row r="1784" spans="1:4" x14ac:dyDescent="0.25">
      <c r="A1784" s="20">
        <v>43630.083333329021</v>
      </c>
      <c r="B1784" s="22">
        <v>0.61427915096282959</v>
      </c>
      <c r="C1784" s="21">
        <v>75735.396233772481</v>
      </c>
      <c r="D1784">
        <f t="shared" si="27"/>
        <v>2</v>
      </c>
    </row>
    <row r="1785" spans="1:4" x14ac:dyDescent="0.25">
      <c r="A1785" s="20">
        <v>43630.124999995685</v>
      </c>
      <c r="B1785" s="22">
        <v>0.58503377437591553</v>
      </c>
      <c r="C1785" s="21">
        <v>72129.689967583647</v>
      </c>
      <c r="D1785">
        <f t="shared" si="27"/>
        <v>3</v>
      </c>
    </row>
    <row r="1786" spans="1:4" x14ac:dyDescent="0.25">
      <c r="A1786" s="20">
        <v>43630.16666666235</v>
      </c>
      <c r="B1786" s="22">
        <v>0.63611114025115967</v>
      </c>
      <c r="C1786" s="21">
        <v>78427.094880440709</v>
      </c>
      <c r="D1786">
        <f t="shared" si="27"/>
        <v>4</v>
      </c>
    </row>
    <row r="1787" spans="1:4" x14ac:dyDescent="0.25">
      <c r="A1787" s="20">
        <v>43630.208333329014</v>
      </c>
      <c r="B1787" s="22">
        <v>0.7767295241355896</v>
      </c>
      <c r="C1787" s="21">
        <v>95764.145966331213</v>
      </c>
      <c r="D1787">
        <f t="shared" si="27"/>
        <v>5</v>
      </c>
    </row>
    <row r="1788" spans="1:4" x14ac:dyDescent="0.25">
      <c r="A1788" s="20">
        <v>43630.249999995678</v>
      </c>
      <c r="B1788" s="22">
        <v>0.92524373531341553</v>
      </c>
      <c r="C1788" s="21">
        <v>114074.68542102195</v>
      </c>
      <c r="D1788">
        <f t="shared" si="27"/>
        <v>6</v>
      </c>
    </row>
    <row r="1789" spans="1:4" x14ac:dyDescent="0.25">
      <c r="A1789" s="20">
        <v>43630.291666662342</v>
      </c>
      <c r="B1789" s="22">
        <v>0.92753571271896362</v>
      </c>
      <c r="C1789" s="21">
        <v>114357.26674694837</v>
      </c>
      <c r="D1789">
        <f t="shared" si="27"/>
        <v>7</v>
      </c>
    </row>
    <row r="1790" spans="1:4" x14ac:dyDescent="0.25">
      <c r="A1790" s="20">
        <v>43630.333333329007</v>
      </c>
      <c r="B1790" s="22">
        <v>0.89530283212661743</v>
      </c>
      <c r="C1790" s="21">
        <v>110383.22663897646</v>
      </c>
      <c r="D1790">
        <f t="shared" si="27"/>
        <v>8</v>
      </c>
    </row>
    <row r="1791" spans="1:4" x14ac:dyDescent="0.25">
      <c r="A1791" s="20">
        <v>43630.374999995671</v>
      </c>
      <c r="B1791" s="22">
        <v>1.0239667892456055</v>
      </c>
      <c r="C1791" s="21">
        <v>126246.3985505384</v>
      </c>
      <c r="D1791">
        <f t="shared" si="27"/>
        <v>9</v>
      </c>
    </row>
    <row r="1792" spans="1:4" x14ac:dyDescent="0.25">
      <c r="A1792" s="20">
        <v>43630.416666662335</v>
      </c>
      <c r="B1792" s="22">
        <v>0.8778495192527771</v>
      </c>
      <c r="C1792" s="21">
        <v>108231.3815632964</v>
      </c>
      <c r="D1792">
        <f t="shared" si="27"/>
        <v>10</v>
      </c>
    </row>
    <row r="1793" spans="1:4" x14ac:dyDescent="0.25">
      <c r="A1793" s="20">
        <v>43630.458333328999</v>
      </c>
      <c r="B1793" s="22">
        <v>0.95225107669830322</v>
      </c>
      <c r="C1793" s="21">
        <v>117404.46097631993</v>
      </c>
      <c r="D1793">
        <f t="shared" si="27"/>
        <v>11</v>
      </c>
    </row>
    <row r="1794" spans="1:4" x14ac:dyDescent="0.25">
      <c r="A1794" s="20">
        <v>43630.499999995664</v>
      </c>
      <c r="B1794" s="22">
        <v>1.1207226514816284</v>
      </c>
      <c r="C1794" s="21">
        <v>138175.57367051396</v>
      </c>
      <c r="D1794">
        <f t="shared" si="27"/>
        <v>12</v>
      </c>
    </row>
    <row r="1795" spans="1:4" x14ac:dyDescent="0.25">
      <c r="A1795" s="20">
        <v>43630.541666662328</v>
      </c>
      <c r="B1795" s="22">
        <v>1.1523687839508057</v>
      </c>
      <c r="C1795" s="21">
        <v>142077.27272388883</v>
      </c>
      <c r="D1795">
        <f t="shared" si="27"/>
        <v>13</v>
      </c>
    </row>
    <row r="1796" spans="1:4" x14ac:dyDescent="0.25">
      <c r="A1796" s="20">
        <v>43630.583333328992</v>
      </c>
      <c r="B1796" s="22">
        <v>1.3570092916488647</v>
      </c>
      <c r="C1796" s="21">
        <v>167307.70731002165</v>
      </c>
      <c r="D1796">
        <f t="shared" si="27"/>
        <v>14</v>
      </c>
    </row>
    <row r="1797" spans="1:4" x14ac:dyDescent="0.25">
      <c r="A1797" s="20">
        <v>43630.624999995656</v>
      </c>
      <c r="B1797" s="22">
        <v>1.3951371908187866</v>
      </c>
      <c r="C1797" s="21">
        <v>172008.55308456771</v>
      </c>
      <c r="D1797">
        <f t="shared" si="27"/>
        <v>15</v>
      </c>
    </row>
    <row r="1798" spans="1:4" x14ac:dyDescent="0.25">
      <c r="A1798" s="20">
        <v>43630.66666666232</v>
      </c>
      <c r="B1798" s="22">
        <v>1.5125933885574341</v>
      </c>
      <c r="C1798" s="21">
        <v>186489.90356163619</v>
      </c>
      <c r="D1798">
        <f t="shared" si="27"/>
        <v>16</v>
      </c>
    </row>
    <row r="1799" spans="1:4" x14ac:dyDescent="0.25">
      <c r="A1799" s="20">
        <v>43630.708333328985</v>
      </c>
      <c r="B1799" s="22">
        <v>1.4831764698028564</v>
      </c>
      <c r="C1799" s="21">
        <v>182863.0476047596</v>
      </c>
      <c r="D1799">
        <f t="shared" ref="D1799:D1862" si="28">HOUR(A1799)</f>
        <v>17</v>
      </c>
    </row>
    <row r="1800" spans="1:4" x14ac:dyDescent="0.25">
      <c r="A1800" s="20">
        <v>43630.749999995649</v>
      </c>
      <c r="B1800" s="22">
        <v>1.5452113151550293</v>
      </c>
      <c r="C1800" s="21">
        <v>190511.41656809417</v>
      </c>
      <c r="D1800">
        <f t="shared" si="28"/>
        <v>18</v>
      </c>
    </row>
    <row r="1801" spans="1:4" x14ac:dyDescent="0.25">
      <c r="A1801" s="20">
        <v>43630.791666662313</v>
      </c>
      <c r="B1801" s="22">
        <v>1.4659233093261719</v>
      </c>
      <c r="C1801" s="21">
        <v>180735.87961779721</v>
      </c>
      <c r="D1801">
        <f t="shared" si="28"/>
        <v>19</v>
      </c>
    </row>
    <row r="1802" spans="1:4" x14ac:dyDescent="0.25">
      <c r="A1802" s="20">
        <v>43630.833333328977</v>
      </c>
      <c r="B1802" s="22">
        <v>1.3768060207366943</v>
      </c>
      <c r="C1802" s="21">
        <v>169748.47567933612</v>
      </c>
      <c r="D1802">
        <f t="shared" si="28"/>
        <v>20</v>
      </c>
    </row>
    <row r="1803" spans="1:4" x14ac:dyDescent="0.25">
      <c r="A1803" s="20">
        <v>43630.874999995642</v>
      </c>
      <c r="B1803" s="22">
        <v>1.4616504907608032</v>
      </c>
      <c r="C1803" s="21">
        <v>180209.07741951977</v>
      </c>
      <c r="D1803">
        <f t="shared" si="28"/>
        <v>21</v>
      </c>
    </row>
    <row r="1804" spans="1:4" x14ac:dyDescent="0.25">
      <c r="A1804" s="20">
        <v>43630.916666662306</v>
      </c>
      <c r="B1804" s="22">
        <v>1.2720564603805542</v>
      </c>
      <c r="C1804" s="21">
        <v>156833.74554979964</v>
      </c>
      <c r="D1804">
        <f t="shared" si="28"/>
        <v>22</v>
      </c>
    </row>
    <row r="1805" spans="1:4" x14ac:dyDescent="0.25">
      <c r="A1805" s="20">
        <v>43630.95833332897</v>
      </c>
      <c r="B1805" s="22">
        <v>1.0612916946411133</v>
      </c>
      <c r="C1805" s="21">
        <v>130848.24202037792</v>
      </c>
      <c r="D1805">
        <f t="shared" si="28"/>
        <v>23</v>
      </c>
    </row>
    <row r="1806" spans="1:4" x14ac:dyDescent="0.25">
      <c r="A1806" s="20">
        <v>43630.999999995634</v>
      </c>
      <c r="B1806" s="22">
        <v>0.89115315675735474</v>
      </c>
      <c r="C1806" s="21">
        <v>109871.6069497195</v>
      </c>
      <c r="D1806">
        <f t="shared" si="28"/>
        <v>0</v>
      </c>
    </row>
    <row r="1807" spans="1:4" x14ac:dyDescent="0.25">
      <c r="A1807" s="20">
        <v>43631.041666662299</v>
      </c>
      <c r="B1807" s="22">
        <v>0.74212419986724854</v>
      </c>
      <c r="C1807" s="21">
        <v>91497.603725473731</v>
      </c>
      <c r="D1807">
        <f t="shared" si="28"/>
        <v>1</v>
      </c>
    </row>
    <row r="1808" spans="1:4" x14ac:dyDescent="0.25">
      <c r="A1808" s="20">
        <v>43631.083333328963</v>
      </c>
      <c r="B1808" s="22">
        <v>0.66978341341018677</v>
      </c>
      <c r="C1808" s="21">
        <v>82578.599853047301</v>
      </c>
      <c r="D1808">
        <f t="shared" si="28"/>
        <v>2</v>
      </c>
    </row>
    <row r="1809" spans="1:4" x14ac:dyDescent="0.25">
      <c r="A1809" s="20">
        <v>43631.124999995627</v>
      </c>
      <c r="B1809" s="22">
        <v>0.69515359401702881</v>
      </c>
      <c r="C1809" s="21">
        <v>85706.527404828739</v>
      </c>
      <c r="D1809">
        <f t="shared" si="28"/>
        <v>3</v>
      </c>
    </row>
    <row r="1810" spans="1:4" x14ac:dyDescent="0.25">
      <c r="A1810" s="20">
        <v>43631.166666662291</v>
      </c>
      <c r="B1810" s="22">
        <v>0.67306655645370483</v>
      </c>
      <c r="C1810" s="21">
        <v>82983.383474472925</v>
      </c>
      <c r="D1810">
        <f t="shared" si="28"/>
        <v>4</v>
      </c>
    </row>
    <row r="1811" spans="1:4" x14ac:dyDescent="0.25">
      <c r="A1811" s="20">
        <v>43631.208333328956</v>
      </c>
      <c r="B1811" s="22">
        <v>0.61530190706253052</v>
      </c>
      <c r="C1811" s="21">
        <v>75861.49336459639</v>
      </c>
      <c r="D1811">
        <f t="shared" si="28"/>
        <v>5</v>
      </c>
    </row>
    <row r="1812" spans="1:4" x14ac:dyDescent="0.25">
      <c r="A1812" s="20">
        <v>43631.24999999562</v>
      </c>
      <c r="B1812" s="22">
        <v>0.71963042020797729</v>
      </c>
      <c r="C1812" s="21">
        <v>88724.311953125813</v>
      </c>
      <c r="D1812">
        <f t="shared" si="28"/>
        <v>6</v>
      </c>
    </row>
    <row r="1813" spans="1:4" x14ac:dyDescent="0.25">
      <c r="A1813" s="20">
        <v>43631.291666662284</v>
      </c>
      <c r="B1813" s="22">
        <v>0.73818850517272949</v>
      </c>
      <c r="C1813" s="21">
        <v>91012.366033982238</v>
      </c>
      <c r="D1813">
        <f t="shared" si="28"/>
        <v>7</v>
      </c>
    </row>
    <row r="1814" spans="1:4" x14ac:dyDescent="0.25">
      <c r="A1814" s="20">
        <v>43631.333333328948</v>
      </c>
      <c r="B1814" s="22">
        <v>0.92182403802871704</v>
      </c>
      <c r="C1814" s="21">
        <v>113653.06582274931</v>
      </c>
      <c r="D1814">
        <f t="shared" si="28"/>
        <v>8</v>
      </c>
    </row>
    <row r="1815" spans="1:4" x14ac:dyDescent="0.25">
      <c r="A1815" s="20">
        <v>43631.374999995613</v>
      </c>
      <c r="B1815" s="22">
        <v>1.0650503635406494</v>
      </c>
      <c r="C1815" s="21">
        <v>131311.65393655925</v>
      </c>
      <c r="D1815">
        <f t="shared" si="28"/>
        <v>9</v>
      </c>
    </row>
    <row r="1816" spans="1:4" x14ac:dyDescent="0.25">
      <c r="A1816" s="20">
        <v>43631.416666662277</v>
      </c>
      <c r="B1816" s="22">
        <v>1.2175058126449585</v>
      </c>
      <c r="C1816" s="21">
        <v>150108.11451610975</v>
      </c>
      <c r="D1816">
        <f t="shared" si="28"/>
        <v>10</v>
      </c>
    </row>
    <row r="1817" spans="1:4" x14ac:dyDescent="0.25">
      <c r="A1817" s="20">
        <v>43631.458333328941</v>
      </c>
      <c r="B1817" s="22">
        <v>1.6127609014511108</v>
      </c>
      <c r="C1817" s="21">
        <v>198839.70619918845</v>
      </c>
      <c r="D1817">
        <f t="shared" si="28"/>
        <v>11</v>
      </c>
    </row>
    <row r="1818" spans="1:4" x14ac:dyDescent="0.25">
      <c r="A1818" s="20">
        <v>43631.499999995605</v>
      </c>
      <c r="B1818" s="22">
        <v>1.7856214046478271</v>
      </c>
      <c r="C1818" s="21">
        <v>220151.9364486647</v>
      </c>
      <c r="D1818">
        <f t="shared" si="28"/>
        <v>12</v>
      </c>
    </row>
    <row r="1819" spans="1:4" x14ac:dyDescent="0.25">
      <c r="A1819" s="20">
        <v>43631.54166666227</v>
      </c>
      <c r="B1819" s="22">
        <v>1.6123919486999512</v>
      </c>
      <c r="C1819" s="21">
        <v>198794.21746209421</v>
      </c>
      <c r="D1819">
        <f t="shared" si="28"/>
        <v>13</v>
      </c>
    </row>
    <row r="1820" spans="1:4" x14ac:dyDescent="0.25">
      <c r="A1820" s="20">
        <v>43631.583333328934</v>
      </c>
      <c r="B1820" s="22">
        <v>1.7470147609710693</v>
      </c>
      <c r="C1820" s="21">
        <v>215392.06554708458</v>
      </c>
      <c r="D1820">
        <f t="shared" si="28"/>
        <v>14</v>
      </c>
    </row>
    <row r="1821" spans="1:4" x14ac:dyDescent="0.25">
      <c r="A1821" s="20">
        <v>43631.624999995598</v>
      </c>
      <c r="B1821" s="22">
        <v>1.9614037275314331</v>
      </c>
      <c r="C1821" s="21">
        <v>241824.40222194701</v>
      </c>
      <c r="D1821">
        <f t="shared" si="28"/>
        <v>15</v>
      </c>
    </row>
    <row r="1822" spans="1:4" x14ac:dyDescent="0.25">
      <c r="A1822" s="20">
        <v>43631.666666662262</v>
      </c>
      <c r="B1822" s="22">
        <v>2.0370733737945557</v>
      </c>
      <c r="C1822" s="21">
        <v>251153.82620390103</v>
      </c>
      <c r="D1822">
        <f t="shared" si="28"/>
        <v>16</v>
      </c>
    </row>
    <row r="1823" spans="1:4" x14ac:dyDescent="0.25">
      <c r="A1823" s="20">
        <v>43631.708333328927</v>
      </c>
      <c r="B1823" s="22">
        <v>2.108642578125</v>
      </c>
      <c r="C1823" s="21">
        <v>259977.70056070792</v>
      </c>
      <c r="D1823">
        <f t="shared" si="28"/>
        <v>17</v>
      </c>
    </row>
    <row r="1824" spans="1:4" x14ac:dyDescent="0.25">
      <c r="A1824" s="20">
        <v>43631.749999995591</v>
      </c>
      <c r="B1824" s="22">
        <v>1.9850648641586304</v>
      </c>
      <c r="C1824" s="21">
        <v>244741.61918266173</v>
      </c>
      <c r="D1824">
        <f t="shared" si="28"/>
        <v>18</v>
      </c>
    </row>
    <row r="1825" spans="1:4" x14ac:dyDescent="0.25">
      <c r="A1825" s="20">
        <v>43631.791666662255</v>
      </c>
      <c r="B1825" s="22">
        <v>1.8012099266052246</v>
      </c>
      <c r="C1825" s="21">
        <v>222073.86866025266</v>
      </c>
      <c r="D1825">
        <f t="shared" si="28"/>
        <v>19</v>
      </c>
    </row>
    <row r="1826" spans="1:4" x14ac:dyDescent="0.25">
      <c r="A1826" s="20">
        <v>43631.833333328919</v>
      </c>
      <c r="B1826" s="22">
        <v>1.6522318124771118</v>
      </c>
      <c r="C1826" s="21">
        <v>203706.1339162559</v>
      </c>
      <c r="D1826">
        <f t="shared" si="28"/>
        <v>20</v>
      </c>
    </row>
    <row r="1827" spans="1:4" x14ac:dyDescent="0.25">
      <c r="A1827" s="20">
        <v>43631.874999995583</v>
      </c>
      <c r="B1827" s="22">
        <v>1.5890680551528931</v>
      </c>
      <c r="C1827" s="21">
        <v>195918.57970565723</v>
      </c>
      <c r="D1827">
        <f t="shared" si="28"/>
        <v>21</v>
      </c>
    </row>
    <row r="1828" spans="1:4" x14ac:dyDescent="0.25">
      <c r="A1828" s="20">
        <v>43631.916666662248</v>
      </c>
      <c r="B1828" s="22">
        <v>1.5839633941650391</v>
      </c>
      <c r="C1828" s="21">
        <v>195289.21840965975</v>
      </c>
      <c r="D1828">
        <f t="shared" si="28"/>
        <v>22</v>
      </c>
    </row>
    <row r="1829" spans="1:4" x14ac:dyDescent="0.25">
      <c r="A1829" s="20">
        <v>43631.958333328912</v>
      </c>
      <c r="B1829" s="22">
        <v>1.4585295915603638</v>
      </c>
      <c r="C1829" s="21">
        <v>179824.29708442217</v>
      </c>
      <c r="D1829">
        <f t="shared" si="28"/>
        <v>23</v>
      </c>
    </row>
    <row r="1830" spans="1:4" x14ac:dyDescent="0.25">
      <c r="A1830" s="20">
        <v>43631.999999995576</v>
      </c>
      <c r="B1830" s="22">
        <v>1.1657624244689941</v>
      </c>
      <c r="C1830" s="21">
        <v>143728.5947166144</v>
      </c>
      <c r="D1830">
        <f t="shared" si="28"/>
        <v>0</v>
      </c>
    </row>
    <row r="1831" spans="1:4" x14ac:dyDescent="0.25">
      <c r="A1831" s="20">
        <v>43632.04166666224</v>
      </c>
      <c r="B1831" s="22">
        <v>0.99184823036193848</v>
      </c>
      <c r="C1831" s="21">
        <v>122286.4533371944</v>
      </c>
      <c r="D1831">
        <f t="shared" si="28"/>
        <v>1</v>
      </c>
    </row>
    <row r="1832" spans="1:4" x14ac:dyDescent="0.25">
      <c r="A1832" s="20">
        <v>43632.083333328905</v>
      </c>
      <c r="B1832" s="22">
        <v>0.82034093141555786</v>
      </c>
      <c r="C1832" s="21">
        <v>101141.0616657877</v>
      </c>
      <c r="D1832">
        <f t="shared" si="28"/>
        <v>2</v>
      </c>
    </row>
    <row r="1833" spans="1:4" x14ac:dyDescent="0.25">
      <c r="A1833" s="20">
        <v>43632.124999995569</v>
      </c>
      <c r="B1833" s="22">
        <v>0.74048393964767456</v>
      </c>
      <c r="C1833" s="21">
        <v>91295.373587170616</v>
      </c>
      <c r="D1833">
        <f t="shared" si="28"/>
        <v>3</v>
      </c>
    </row>
    <row r="1834" spans="1:4" x14ac:dyDescent="0.25">
      <c r="A1834" s="20">
        <v>43632.166666662233</v>
      </c>
      <c r="B1834" s="22">
        <v>0.7429434061050415</v>
      </c>
      <c r="C1834" s="21">
        <v>91598.604889063892</v>
      </c>
      <c r="D1834">
        <f t="shared" si="28"/>
        <v>4</v>
      </c>
    </row>
    <row r="1835" spans="1:4" x14ac:dyDescent="0.25">
      <c r="A1835" s="20">
        <v>43632.208333328897</v>
      </c>
      <c r="B1835" s="22">
        <v>0.70629465579986572</v>
      </c>
      <c r="C1835" s="21">
        <v>87080.125592664932</v>
      </c>
      <c r="D1835">
        <f t="shared" si="28"/>
        <v>5</v>
      </c>
    </row>
    <row r="1836" spans="1:4" x14ac:dyDescent="0.25">
      <c r="A1836" s="20">
        <v>43632.249999995562</v>
      </c>
      <c r="B1836" s="22">
        <v>0.82708275318145752</v>
      </c>
      <c r="C1836" s="21">
        <v>101972.27096530171</v>
      </c>
      <c r="D1836">
        <f t="shared" si="28"/>
        <v>6</v>
      </c>
    </row>
    <row r="1837" spans="1:4" x14ac:dyDescent="0.25">
      <c r="A1837" s="20">
        <v>43632.291666662226</v>
      </c>
      <c r="B1837" s="22">
        <v>0.88648378849029541</v>
      </c>
      <c r="C1837" s="21">
        <v>109295.91354499813</v>
      </c>
      <c r="D1837">
        <f t="shared" si="28"/>
        <v>7</v>
      </c>
    </row>
    <row r="1838" spans="1:4" x14ac:dyDescent="0.25">
      <c r="A1838" s="20">
        <v>43632.33333332889</v>
      </c>
      <c r="B1838" s="22">
        <v>1.1874809265136719</v>
      </c>
      <c r="C1838" s="21">
        <v>146406.30135109727</v>
      </c>
      <c r="D1838">
        <f t="shared" si="28"/>
        <v>8</v>
      </c>
    </row>
    <row r="1839" spans="1:4" x14ac:dyDescent="0.25">
      <c r="A1839" s="20">
        <v>43632.374999995554</v>
      </c>
      <c r="B1839" s="22">
        <v>1.3698552846908569</v>
      </c>
      <c r="C1839" s="21">
        <v>168891.50902545775</v>
      </c>
      <c r="D1839">
        <f t="shared" si="28"/>
        <v>9</v>
      </c>
    </row>
    <row r="1840" spans="1:4" x14ac:dyDescent="0.25">
      <c r="A1840" s="20">
        <v>43632.416666662219</v>
      </c>
      <c r="B1840" s="22">
        <v>1.5220930576324463</v>
      </c>
      <c r="C1840" s="21">
        <v>187661.13198499725</v>
      </c>
      <c r="D1840">
        <f t="shared" si="28"/>
        <v>10</v>
      </c>
    </row>
    <row r="1841" spans="1:4" x14ac:dyDescent="0.25">
      <c r="A1841" s="20">
        <v>43632.458333328883</v>
      </c>
      <c r="B1841" s="22">
        <v>1.5662256479263306</v>
      </c>
      <c r="C1841" s="21">
        <v>193102.30511856551</v>
      </c>
      <c r="D1841">
        <f t="shared" si="28"/>
        <v>11</v>
      </c>
    </row>
    <row r="1842" spans="1:4" x14ac:dyDescent="0.25">
      <c r="A1842" s="20">
        <v>43632.499999995547</v>
      </c>
      <c r="B1842" s="22">
        <v>1.8016989231109619</v>
      </c>
      <c r="C1842" s="21">
        <v>222134.15777158079</v>
      </c>
      <c r="D1842">
        <f t="shared" si="28"/>
        <v>12</v>
      </c>
    </row>
    <row r="1843" spans="1:4" x14ac:dyDescent="0.25">
      <c r="A1843" s="20">
        <v>43632.541666662211</v>
      </c>
      <c r="B1843" s="22">
        <v>1.9492429494857788</v>
      </c>
      <c r="C1843" s="21">
        <v>240325.08168932758</v>
      </c>
      <c r="D1843">
        <f t="shared" si="28"/>
        <v>13</v>
      </c>
    </row>
    <row r="1844" spans="1:4" x14ac:dyDescent="0.25">
      <c r="A1844" s="20">
        <v>43632.583333328876</v>
      </c>
      <c r="B1844" s="22">
        <v>2.0731661319732666</v>
      </c>
      <c r="C1844" s="21">
        <v>255603.7563985851</v>
      </c>
      <c r="D1844">
        <f t="shared" si="28"/>
        <v>14</v>
      </c>
    </row>
    <row r="1845" spans="1:4" x14ac:dyDescent="0.25">
      <c r="A1845" s="20">
        <v>43632.62499999554</v>
      </c>
      <c r="B1845" s="22">
        <v>2.3071458339691162</v>
      </c>
      <c r="C1845" s="21">
        <v>284451.46417694655</v>
      </c>
      <c r="D1845">
        <f t="shared" si="28"/>
        <v>15</v>
      </c>
    </row>
    <row r="1846" spans="1:4" x14ac:dyDescent="0.25">
      <c r="A1846" s="20">
        <v>43632.666666662204</v>
      </c>
      <c r="B1846" s="22">
        <v>2.5206682682037354</v>
      </c>
      <c r="C1846" s="21">
        <v>310776.96478397766</v>
      </c>
      <c r="D1846">
        <f t="shared" si="28"/>
        <v>16</v>
      </c>
    </row>
    <row r="1847" spans="1:4" x14ac:dyDescent="0.25">
      <c r="A1847" s="20">
        <v>43632.708333328868</v>
      </c>
      <c r="B1847" s="22">
        <v>2.6020658016204834</v>
      </c>
      <c r="C1847" s="21">
        <v>320812.58854901436</v>
      </c>
      <c r="D1847">
        <f t="shared" si="28"/>
        <v>17</v>
      </c>
    </row>
    <row r="1848" spans="1:4" x14ac:dyDescent="0.25">
      <c r="A1848" s="20">
        <v>43632.749999995533</v>
      </c>
      <c r="B1848" s="22">
        <v>2.627164363861084</v>
      </c>
      <c r="C1848" s="21">
        <v>323907.0278657492</v>
      </c>
      <c r="D1848">
        <f t="shared" si="28"/>
        <v>18</v>
      </c>
    </row>
    <row r="1849" spans="1:4" x14ac:dyDescent="0.25">
      <c r="A1849" s="20">
        <v>43632.791666662197</v>
      </c>
      <c r="B1849" s="22">
        <v>2.3561620712280273</v>
      </c>
      <c r="C1849" s="21">
        <v>290494.74945673114</v>
      </c>
      <c r="D1849">
        <f t="shared" si="28"/>
        <v>19</v>
      </c>
    </row>
    <row r="1850" spans="1:4" x14ac:dyDescent="0.25">
      <c r="A1850" s="20">
        <v>43632.833333328861</v>
      </c>
      <c r="B1850" s="22">
        <v>2.2782092094421387</v>
      </c>
      <c r="C1850" s="21">
        <v>280883.82441449736</v>
      </c>
      <c r="D1850">
        <f t="shared" si="28"/>
        <v>20</v>
      </c>
    </row>
    <row r="1851" spans="1:4" x14ac:dyDescent="0.25">
      <c r="A1851" s="20">
        <v>43632.874999995525</v>
      </c>
      <c r="B1851" s="22">
        <v>2.2734699249267578</v>
      </c>
      <c r="C1851" s="21">
        <v>280299.51093084033</v>
      </c>
      <c r="D1851">
        <f t="shared" si="28"/>
        <v>21</v>
      </c>
    </row>
    <row r="1852" spans="1:4" x14ac:dyDescent="0.25">
      <c r="A1852" s="20">
        <v>43632.91666666219</v>
      </c>
      <c r="B1852" s="22">
        <v>2.0204362869262695</v>
      </c>
      <c r="C1852" s="21">
        <v>249102.61485451637</v>
      </c>
      <c r="D1852">
        <f t="shared" si="28"/>
        <v>22</v>
      </c>
    </row>
    <row r="1853" spans="1:4" x14ac:dyDescent="0.25">
      <c r="A1853" s="20">
        <v>43632.958333328854</v>
      </c>
      <c r="B1853" s="22">
        <v>1.5052118301391602</v>
      </c>
      <c r="C1853" s="21">
        <v>185579.82017242388</v>
      </c>
      <c r="D1853">
        <f t="shared" si="28"/>
        <v>23</v>
      </c>
    </row>
    <row r="1854" spans="1:4" x14ac:dyDescent="0.25">
      <c r="A1854" s="20">
        <v>43632.999999995518</v>
      </c>
      <c r="B1854" s="22">
        <v>1.1672673225402832</v>
      </c>
      <c r="C1854" s="21">
        <v>143914.13585298843</v>
      </c>
      <c r="D1854">
        <f t="shared" si="28"/>
        <v>0</v>
      </c>
    </row>
    <row r="1855" spans="1:4" x14ac:dyDescent="0.25">
      <c r="A1855" s="20">
        <v>43633.041666662182</v>
      </c>
      <c r="B1855" s="22">
        <v>0.98793762922286987</v>
      </c>
      <c r="C1855" s="21">
        <v>121804.30946772499</v>
      </c>
      <c r="D1855">
        <f t="shared" si="28"/>
        <v>1</v>
      </c>
    </row>
    <row r="1856" spans="1:4" x14ac:dyDescent="0.25">
      <c r="A1856" s="20">
        <v>43633.083333328846</v>
      </c>
      <c r="B1856" s="22">
        <v>0.98415631055831909</v>
      </c>
      <c r="C1856" s="21">
        <v>121338.10502810331</v>
      </c>
      <c r="D1856">
        <f t="shared" si="28"/>
        <v>2</v>
      </c>
    </row>
    <row r="1857" spans="1:4" x14ac:dyDescent="0.25">
      <c r="A1857" s="20">
        <v>43633.124999995511</v>
      </c>
      <c r="B1857" s="22">
        <v>0.88417094945907593</v>
      </c>
      <c r="C1857" s="21">
        <v>109010.76015800821</v>
      </c>
      <c r="D1857">
        <f t="shared" si="28"/>
        <v>3</v>
      </c>
    </row>
    <row r="1858" spans="1:4" x14ac:dyDescent="0.25">
      <c r="A1858" s="20">
        <v>43633.166666662175</v>
      </c>
      <c r="B1858" s="22">
        <v>0.90286022424697876</v>
      </c>
      <c r="C1858" s="21">
        <v>111314.98882858102</v>
      </c>
      <c r="D1858">
        <f t="shared" si="28"/>
        <v>4</v>
      </c>
    </row>
    <row r="1859" spans="1:4" x14ac:dyDescent="0.25">
      <c r="A1859" s="20">
        <v>43633.208333328839</v>
      </c>
      <c r="B1859" s="22">
        <v>0.92425817251205444</v>
      </c>
      <c r="C1859" s="21">
        <v>113953.17390763694</v>
      </c>
      <c r="D1859">
        <f t="shared" si="28"/>
        <v>5</v>
      </c>
    </row>
    <row r="1860" spans="1:4" x14ac:dyDescent="0.25">
      <c r="A1860" s="20">
        <v>43633.249999995503</v>
      </c>
      <c r="B1860" s="22">
        <v>1.0375088453292847</v>
      </c>
      <c r="C1860" s="21">
        <v>127916.01892054421</v>
      </c>
      <c r="D1860">
        <f t="shared" si="28"/>
        <v>6</v>
      </c>
    </row>
    <row r="1861" spans="1:4" x14ac:dyDescent="0.25">
      <c r="A1861" s="20">
        <v>43633.291666662168</v>
      </c>
      <c r="B1861" s="22">
        <v>1.0795658826828003</v>
      </c>
      <c r="C1861" s="21">
        <v>133101.29402453321</v>
      </c>
      <c r="D1861">
        <f t="shared" si="28"/>
        <v>7</v>
      </c>
    </row>
    <row r="1862" spans="1:4" x14ac:dyDescent="0.25">
      <c r="A1862" s="20">
        <v>43633.333333328832</v>
      </c>
      <c r="B1862" s="22">
        <v>1.1682093143463135</v>
      </c>
      <c r="C1862" s="21">
        <v>144030.27543312372</v>
      </c>
      <c r="D1862">
        <f t="shared" si="28"/>
        <v>8</v>
      </c>
    </row>
    <row r="1863" spans="1:4" x14ac:dyDescent="0.25">
      <c r="A1863" s="20">
        <v>43633.374999995496</v>
      </c>
      <c r="B1863" s="22">
        <v>1.3326418399810791</v>
      </c>
      <c r="C1863" s="21">
        <v>164303.40771044313</v>
      </c>
      <c r="D1863">
        <f t="shared" ref="D1863:D1926" si="29">HOUR(A1863)</f>
        <v>9</v>
      </c>
    </row>
    <row r="1864" spans="1:4" x14ac:dyDescent="0.25">
      <c r="A1864" s="20">
        <v>43633.41666666216</v>
      </c>
      <c r="B1864" s="22">
        <v>1.4527719020843506</v>
      </c>
      <c r="C1864" s="21">
        <v>179114.42292839166</v>
      </c>
      <c r="D1864">
        <f t="shared" si="29"/>
        <v>10</v>
      </c>
    </row>
    <row r="1865" spans="1:4" x14ac:dyDescent="0.25">
      <c r="A1865" s="20">
        <v>43633.458333328825</v>
      </c>
      <c r="B1865" s="22">
        <v>1.5347675085067749</v>
      </c>
      <c r="C1865" s="21">
        <v>189223.78400974558</v>
      </c>
      <c r="D1865">
        <f t="shared" si="29"/>
        <v>11</v>
      </c>
    </row>
    <row r="1866" spans="1:4" x14ac:dyDescent="0.25">
      <c r="A1866" s="20">
        <v>43633.499999995489</v>
      </c>
      <c r="B1866" s="22">
        <v>1.6657413244247437</v>
      </c>
      <c r="C1866" s="21">
        <v>205371.74187100265</v>
      </c>
      <c r="D1866">
        <f t="shared" si="29"/>
        <v>12</v>
      </c>
    </row>
    <row r="1867" spans="1:4" x14ac:dyDescent="0.25">
      <c r="A1867" s="20">
        <v>43633.541666662153</v>
      </c>
      <c r="B1867" s="22">
        <v>1.7653660774230957</v>
      </c>
      <c r="C1867" s="21">
        <v>217654.62682842891</v>
      </c>
      <c r="D1867">
        <f t="shared" si="29"/>
        <v>13</v>
      </c>
    </row>
    <row r="1868" spans="1:4" x14ac:dyDescent="0.25">
      <c r="A1868" s="20">
        <v>43633.583333328817</v>
      </c>
      <c r="B1868" s="22">
        <v>2.1126265525817871</v>
      </c>
      <c r="C1868" s="21">
        <v>260468.89073637492</v>
      </c>
      <c r="D1868">
        <f t="shared" si="29"/>
        <v>14</v>
      </c>
    </row>
    <row r="1869" spans="1:4" x14ac:dyDescent="0.25">
      <c r="A1869" s="20">
        <v>43633.624999995482</v>
      </c>
      <c r="B1869" s="22">
        <v>2.2578625679016113</v>
      </c>
      <c r="C1869" s="21">
        <v>278375.25651554938</v>
      </c>
      <c r="D1869">
        <f t="shared" si="29"/>
        <v>15</v>
      </c>
    </row>
    <row r="1870" spans="1:4" x14ac:dyDescent="0.25">
      <c r="A1870" s="20">
        <v>43633.666666662146</v>
      </c>
      <c r="B1870" s="22">
        <v>2.2479197978973389</v>
      </c>
      <c r="C1870" s="21">
        <v>277149.39751519985</v>
      </c>
      <c r="D1870">
        <f t="shared" si="29"/>
        <v>16</v>
      </c>
    </row>
    <row r="1871" spans="1:4" x14ac:dyDescent="0.25">
      <c r="A1871" s="20">
        <v>43633.70833332881</v>
      </c>
      <c r="B1871" s="22">
        <v>2.1169731616973877</v>
      </c>
      <c r="C1871" s="21">
        <v>261004.79068207118</v>
      </c>
      <c r="D1871">
        <f t="shared" si="29"/>
        <v>17</v>
      </c>
    </row>
    <row r="1872" spans="1:4" x14ac:dyDescent="0.25">
      <c r="A1872" s="20">
        <v>43633.749999995474</v>
      </c>
      <c r="B1872" s="22">
        <v>2.1197597980499268</v>
      </c>
      <c r="C1872" s="21">
        <v>261348.35925018587</v>
      </c>
      <c r="D1872">
        <f t="shared" si="29"/>
        <v>18</v>
      </c>
    </row>
    <row r="1873" spans="1:4" x14ac:dyDescent="0.25">
      <c r="A1873" s="20">
        <v>43633.791666662139</v>
      </c>
      <c r="B1873" s="22">
        <v>1.9282240867614746</v>
      </c>
      <c r="C1873" s="21">
        <v>237733.63463416818</v>
      </c>
      <c r="D1873">
        <f t="shared" si="29"/>
        <v>19</v>
      </c>
    </row>
    <row r="1874" spans="1:4" x14ac:dyDescent="0.25">
      <c r="A1874" s="20">
        <v>43633.833333328803</v>
      </c>
      <c r="B1874" s="22">
        <v>1.6946858167648315</v>
      </c>
      <c r="C1874" s="21">
        <v>208940.35166791012</v>
      </c>
      <c r="D1874">
        <f t="shared" si="29"/>
        <v>20</v>
      </c>
    </row>
    <row r="1875" spans="1:4" x14ac:dyDescent="0.25">
      <c r="A1875" s="20">
        <v>43633.874999995467</v>
      </c>
      <c r="B1875" s="22">
        <v>1.7118333578109741</v>
      </c>
      <c r="C1875" s="21">
        <v>211054.49767714535</v>
      </c>
      <c r="D1875">
        <f t="shared" si="29"/>
        <v>21</v>
      </c>
    </row>
    <row r="1876" spans="1:4" x14ac:dyDescent="0.25">
      <c r="A1876" s="20">
        <v>43633.916666662131</v>
      </c>
      <c r="B1876" s="22">
        <v>1.5402679443359375</v>
      </c>
      <c r="C1876" s="21">
        <v>189901.94097849037</v>
      </c>
      <c r="D1876">
        <f t="shared" si="29"/>
        <v>22</v>
      </c>
    </row>
    <row r="1877" spans="1:4" x14ac:dyDescent="0.25">
      <c r="A1877" s="20">
        <v>43633.958333328796</v>
      </c>
      <c r="B1877" s="22">
        <v>1.2490028142929077</v>
      </c>
      <c r="C1877" s="21">
        <v>153991.42700725363</v>
      </c>
      <c r="D1877">
        <f t="shared" si="29"/>
        <v>23</v>
      </c>
    </row>
    <row r="1878" spans="1:4" x14ac:dyDescent="0.25">
      <c r="A1878" s="20">
        <v>43633.99999999546</v>
      </c>
      <c r="B1878" s="22">
        <v>1.1161749362945557</v>
      </c>
      <c r="C1878" s="21">
        <v>137614.87905616566</v>
      </c>
      <c r="D1878">
        <f t="shared" si="29"/>
        <v>0</v>
      </c>
    </row>
    <row r="1879" spans="1:4" x14ac:dyDescent="0.25">
      <c r="A1879" s="20">
        <v>43634.041666662124</v>
      </c>
      <c r="B1879" s="22">
        <v>1.015428900718689</v>
      </c>
      <c r="C1879" s="21">
        <v>125193.74949094998</v>
      </c>
      <c r="D1879">
        <f t="shared" si="29"/>
        <v>1</v>
      </c>
    </row>
    <row r="1880" spans="1:4" x14ac:dyDescent="0.25">
      <c r="A1880" s="20">
        <v>43634.083333328788</v>
      </c>
      <c r="B1880" s="22">
        <v>0.83675843477249146</v>
      </c>
      <c r="C1880" s="21">
        <v>103165.20023529269</v>
      </c>
      <c r="D1880">
        <f t="shared" si="29"/>
        <v>2</v>
      </c>
    </row>
    <row r="1881" spans="1:4" x14ac:dyDescent="0.25">
      <c r="A1881" s="20">
        <v>43634.124999995453</v>
      </c>
      <c r="B1881" s="22">
        <v>0.81356942653656006</v>
      </c>
      <c r="C1881" s="21">
        <v>100306.19269081761</v>
      </c>
      <c r="D1881">
        <f t="shared" si="29"/>
        <v>3</v>
      </c>
    </row>
    <row r="1882" spans="1:4" x14ac:dyDescent="0.25">
      <c r="A1882" s="20">
        <v>43634.166666662117</v>
      </c>
      <c r="B1882" s="22">
        <v>0.87619584798812866</v>
      </c>
      <c r="C1882" s="21">
        <v>108027.49795716676</v>
      </c>
      <c r="D1882">
        <f t="shared" si="29"/>
        <v>4</v>
      </c>
    </row>
    <row r="1883" spans="1:4" x14ac:dyDescent="0.25">
      <c r="A1883" s="20">
        <v>43634.208333328781</v>
      </c>
      <c r="B1883" s="22">
        <v>0.88624429702758789</v>
      </c>
      <c r="C1883" s="21">
        <v>109266.38628398931</v>
      </c>
      <c r="D1883">
        <f t="shared" si="29"/>
        <v>5</v>
      </c>
    </row>
    <row r="1884" spans="1:4" x14ac:dyDescent="0.25">
      <c r="A1884" s="20">
        <v>43634.249999995445</v>
      </c>
      <c r="B1884" s="22">
        <v>0.9561653733253479</v>
      </c>
      <c r="C1884" s="21">
        <v>117887.06046803486</v>
      </c>
      <c r="D1884">
        <f t="shared" si="29"/>
        <v>6</v>
      </c>
    </row>
    <row r="1885" spans="1:4" x14ac:dyDescent="0.25">
      <c r="A1885" s="20">
        <v>43634.291666662109</v>
      </c>
      <c r="B1885" s="22">
        <v>0.97768282890319824</v>
      </c>
      <c r="C1885" s="21">
        <v>120539.97978261161</v>
      </c>
      <c r="D1885">
        <f t="shared" si="29"/>
        <v>7</v>
      </c>
    </row>
    <row r="1886" spans="1:4" x14ac:dyDescent="0.25">
      <c r="A1886" s="20">
        <v>43634.333333328774</v>
      </c>
      <c r="B1886" s="22">
        <v>1.1185606718063354</v>
      </c>
      <c r="C1886" s="21">
        <v>137909.019959386</v>
      </c>
      <c r="D1886">
        <f t="shared" si="29"/>
        <v>8</v>
      </c>
    </row>
    <row r="1887" spans="1:4" x14ac:dyDescent="0.25">
      <c r="A1887" s="20">
        <v>43634.374999995438</v>
      </c>
      <c r="B1887" s="22">
        <v>1.0846585035324097</v>
      </c>
      <c r="C1887" s="21">
        <v>133729.17087385978</v>
      </c>
      <c r="D1887">
        <f t="shared" si="29"/>
        <v>9</v>
      </c>
    </row>
    <row r="1888" spans="1:4" x14ac:dyDescent="0.25">
      <c r="A1888" s="20">
        <v>43634.416666662102</v>
      </c>
      <c r="B1888" s="22">
        <v>1.103584885597229</v>
      </c>
      <c r="C1888" s="21">
        <v>136062.63285560563</v>
      </c>
      <c r="D1888">
        <f t="shared" si="29"/>
        <v>10</v>
      </c>
    </row>
    <row r="1889" spans="1:4" x14ac:dyDescent="0.25">
      <c r="A1889" s="20">
        <v>43634.458333328766</v>
      </c>
      <c r="B1889" s="22">
        <v>1.2416038513183594</v>
      </c>
      <c r="C1889" s="21">
        <v>153079.19778423978</v>
      </c>
      <c r="D1889">
        <f t="shared" si="29"/>
        <v>11</v>
      </c>
    </row>
    <row r="1890" spans="1:4" x14ac:dyDescent="0.25">
      <c r="A1890" s="20">
        <v>43634.499999995431</v>
      </c>
      <c r="B1890" s="22">
        <v>1.3402010202407837</v>
      </c>
      <c r="C1890" s="21">
        <v>165235.39036242457</v>
      </c>
      <c r="D1890">
        <f t="shared" si="29"/>
        <v>12</v>
      </c>
    </row>
    <row r="1891" spans="1:4" x14ac:dyDescent="0.25">
      <c r="A1891" s="20">
        <v>43634.541666662095</v>
      </c>
      <c r="B1891" s="22">
        <v>1.4242078065872192</v>
      </c>
      <c r="C1891" s="21">
        <v>175592.71282779041</v>
      </c>
      <c r="D1891">
        <f t="shared" si="29"/>
        <v>13</v>
      </c>
    </row>
    <row r="1892" spans="1:4" x14ac:dyDescent="0.25">
      <c r="A1892" s="20">
        <v>43634.583333328759</v>
      </c>
      <c r="B1892" s="22">
        <v>1.4142628908157349</v>
      </c>
      <c r="C1892" s="21">
        <v>174366.58927258867</v>
      </c>
      <c r="D1892">
        <f t="shared" si="29"/>
        <v>14</v>
      </c>
    </row>
    <row r="1893" spans="1:4" x14ac:dyDescent="0.25">
      <c r="A1893" s="20">
        <v>43634.624999995423</v>
      </c>
      <c r="B1893" s="22">
        <v>1.5355889797210693</v>
      </c>
      <c r="C1893" s="21">
        <v>189325.0644256798</v>
      </c>
      <c r="D1893">
        <f t="shared" si="29"/>
        <v>15</v>
      </c>
    </row>
    <row r="1894" spans="1:4" x14ac:dyDescent="0.25">
      <c r="A1894" s="20">
        <v>43634.666666662088</v>
      </c>
      <c r="B1894" s="22">
        <v>1.8781542778015137</v>
      </c>
      <c r="C1894" s="21">
        <v>231560.45292193163</v>
      </c>
      <c r="D1894">
        <f t="shared" si="29"/>
        <v>16</v>
      </c>
    </row>
    <row r="1895" spans="1:4" x14ac:dyDescent="0.25">
      <c r="A1895" s="20">
        <v>43634.708333328752</v>
      </c>
      <c r="B1895" s="22">
        <v>2.0652356147766113</v>
      </c>
      <c r="C1895" s="21">
        <v>254625.99105967366</v>
      </c>
      <c r="D1895">
        <f t="shared" si="29"/>
        <v>17</v>
      </c>
    </row>
    <row r="1896" spans="1:4" x14ac:dyDescent="0.25">
      <c r="A1896" s="20">
        <v>43634.749999995416</v>
      </c>
      <c r="B1896" s="22">
        <v>2.0653142929077148</v>
      </c>
      <c r="C1896" s="21">
        <v>254635.69140425595</v>
      </c>
      <c r="D1896">
        <f t="shared" si="29"/>
        <v>18</v>
      </c>
    </row>
    <row r="1897" spans="1:4" x14ac:dyDescent="0.25">
      <c r="A1897" s="20">
        <v>43634.79166666208</v>
      </c>
      <c r="B1897" s="22">
        <v>2.1351983547210693</v>
      </c>
      <c r="C1897" s="21">
        <v>263251.80201710027</v>
      </c>
      <c r="D1897">
        <f t="shared" si="29"/>
        <v>19</v>
      </c>
    </row>
    <row r="1898" spans="1:4" x14ac:dyDescent="0.25">
      <c r="A1898" s="20">
        <v>43634.833333328745</v>
      </c>
      <c r="B1898" s="22">
        <v>1.9335423707962036</v>
      </c>
      <c r="C1898" s="21">
        <v>238389.33383545576</v>
      </c>
      <c r="D1898">
        <f t="shared" si="29"/>
        <v>20</v>
      </c>
    </row>
    <row r="1899" spans="1:4" x14ac:dyDescent="0.25">
      <c r="A1899" s="20">
        <v>43634.874999995409</v>
      </c>
      <c r="B1899" s="22">
        <v>1.7837293148040771</v>
      </c>
      <c r="C1899" s="21">
        <v>219918.65785895239</v>
      </c>
      <c r="D1899">
        <f t="shared" si="29"/>
        <v>21</v>
      </c>
    </row>
    <row r="1900" spans="1:4" x14ac:dyDescent="0.25">
      <c r="A1900" s="20">
        <v>43634.916666662073</v>
      </c>
      <c r="B1900" s="22">
        <v>1.4663668870925903</v>
      </c>
      <c r="C1900" s="21">
        <v>180790.56898475281</v>
      </c>
      <c r="D1900">
        <f t="shared" si="29"/>
        <v>22</v>
      </c>
    </row>
    <row r="1901" spans="1:4" x14ac:dyDescent="0.25">
      <c r="A1901" s="20">
        <v>43634.958333328737</v>
      </c>
      <c r="B1901" s="22">
        <v>1.2453556060791016</v>
      </c>
      <c r="C1901" s="21">
        <v>153541.75724589723</v>
      </c>
      <c r="D1901">
        <f t="shared" si="29"/>
        <v>23</v>
      </c>
    </row>
    <row r="1902" spans="1:4" x14ac:dyDescent="0.25">
      <c r="A1902" s="20">
        <v>43634.999999995402</v>
      </c>
      <c r="B1902" s="22">
        <v>1.0896623134613037</v>
      </c>
      <c r="C1902" s="21">
        <v>134346.0980918018</v>
      </c>
      <c r="D1902">
        <f t="shared" si="29"/>
        <v>0</v>
      </c>
    </row>
    <row r="1903" spans="1:4" x14ac:dyDescent="0.25">
      <c r="A1903" s="20">
        <v>43635.041666662066</v>
      </c>
      <c r="B1903" s="22">
        <v>0.8944506049156189</v>
      </c>
      <c r="C1903" s="21">
        <v>110278.15427016008</v>
      </c>
      <c r="D1903">
        <f t="shared" si="29"/>
        <v>1</v>
      </c>
    </row>
    <row r="1904" spans="1:4" x14ac:dyDescent="0.25">
      <c r="A1904" s="20">
        <v>43635.08333332873</v>
      </c>
      <c r="B1904" s="22">
        <v>0.870857834815979</v>
      </c>
      <c r="C1904" s="21">
        <v>107369.3663209877</v>
      </c>
      <c r="D1904">
        <f t="shared" si="29"/>
        <v>2</v>
      </c>
    </row>
    <row r="1905" spans="1:4" x14ac:dyDescent="0.25">
      <c r="A1905" s="20">
        <v>43635.124999995394</v>
      </c>
      <c r="B1905" s="22">
        <v>0.86560273170471191</v>
      </c>
      <c r="C1905" s="21">
        <v>106721.45679034952</v>
      </c>
      <c r="D1905">
        <f t="shared" si="29"/>
        <v>3</v>
      </c>
    </row>
    <row r="1906" spans="1:4" x14ac:dyDescent="0.25">
      <c r="A1906" s="20">
        <v>43635.166666662059</v>
      </c>
      <c r="B1906" s="22">
        <v>0.84166264533996582</v>
      </c>
      <c r="C1906" s="21">
        <v>103769.84769884303</v>
      </c>
      <c r="D1906">
        <f t="shared" si="29"/>
        <v>4</v>
      </c>
    </row>
    <row r="1907" spans="1:4" x14ac:dyDescent="0.25">
      <c r="A1907" s="20">
        <v>43635.208333328723</v>
      </c>
      <c r="B1907" s="22">
        <v>0.8374783992767334</v>
      </c>
      <c r="C1907" s="21">
        <v>103253.96573696657</v>
      </c>
      <c r="D1907">
        <f t="shared" si="29"/>
        <v>5</v>
      </c>
    </row>
    <row r="1908" spans="1:4" x14ac:dyDescent="0.25">
      <c r="A1908" s="20">
        <v>43635.249999995387</v>
      </c>
      <c r="B1908" s="22">
        <v>0.90063685178756714</v>
      </c>
      <c r="C1908" s="21">
        <v>111040.86590918052</v>
      </c>
      <c r="D1908">
        <f t="shared" si="29"/>
        <v>6</v>
      </c>
    </row>
    <row r="1909" spans="1:4" x14ac:dyDescent="0.25">
      <c r="A1909" s="20">
        <v>43635.291666662051</v>
      </c>
      <c r="B1909" s="22">
        <v>0.96026313304901123</v>
      </c>
      <c r="C1909" s="21">
        <v>118392.2793996167</v>
      </c>
      <c r="D1909">
        <f t="shared" si="29"/>
        <v>7</v>
      </c>
    </row>
    <row r="1910" spans="1:4" x14ac:dyDescent="0.25">
      <c r="A1910" s="20">
        <v>43635.333333328716</v>
      </c>
      <c r="B1910" s="22">
        <v>1.095940113067627</v>
      </c>
      <c r="C1910" s="21">
        <v>135120.09740451796</v>
      </c>
      <c r="D1910">
        <f t="shared" si="29"/>
        <v>8</v>
      </c>
    </row>
    <row r="1911" spans="1:4" x14ac:dyDescent="0.25">
      <c r="A1911" s="20">
        <v>43635.37499999538</v>
      </c>
      <c r="B1911" s="22">
        <v>1.3450322151184082</v>
      </c>
      <c r="C1911" s="21">
        <v>165831.03561225272</v>
      </c>
      <c r="D1911">
        <f t="shared" si="29"/>
        <v>9</v>
      </c>
    </row>
    <row r="1912" spans="1:4" x14ac:dyDescent="0.25">
      <c r="A1912" s="20">
        <v>43635.416666662044</v>
      </c>
      <c r="B1912" s="22">
        <v>1.4043316841125488</v>
      </c>
      <c r="C1912" s="21">
        <v>173142.1559289429</v>
      </c>
      <c r="D1912">
        <f t="shared" si="29"/>
        <v>10</v>
      </c>
    </row>
    <row r="1913" spans="1:4" x14ac:dyDescent="0.25">
      <c r="A1913" s="20">
        <v>43635.458333328708</v>
      </c>
      <c r="B1913" s="22">
        <v>1.4872839450836182</v>
      </c>
      <c r="C1913" s="21">
        <v>183369.46438192241</v>
      </c>
      <c r="D1913">
        <f t="shared" si="29"/>
        <v>11</v>
      </c>
    </row>
    <row r="1914" spans="1:4" x14ac:dyDescent="0.25">
      <c r="A1914" s="20">
        <v>43635.499999995372</v>
      </c>
      <c r="B1914" s="22">
        <v>1.6953202486038208</v>
      </c>
      <c r="C1914" s="21">
        <v>209018.57171922369</v>
      </c>
      <c r="D1914">
        <f t="shared" si="29"/>
        <v>12</v>
      </c>
    </row>
    <row r="1915" spans="1:4" x14ac:dyDescent="0.25">
      <c r="A1915" s="20">
        <v>43635.541666662037</v>
      </c>
      <c r="B1915" s="22">
        <v>1.6373376846313477</v>
      </c>
      <c r="C1915" s="21">
        <v>201869.81459435256</v>
      </c>
      <c r="D1915">
        <f t="shared" si="29"/>
        <v>13</v>
      </c>
    </row>
    <row r="1916" spans="1:4" x14ac:dyDescent="0.25">
      <c r="A1916" s="20">
        <v>43635.583333328701</v>
      </c>
      <c r="B1916" s="22">
        <v>1.8911032676696777</v>
      </c>
      <c r="C1916" s="21">
        <v>233156.95327027544</v>
      </c>
      <c r="D1916">
        <f t="shared" si="29"/>
        <v>14</v>
      </c>
    </row>
    <row r="1917" spans="1:4" x14ac:dyDescent="0.25">
      <c r="A1917" s="20">
        <v>43635.624999995365</v>
      </c>
      <c r="B1917" s="22">
        <v>2.0720813274383545</v>
      </c>
      <c r="C1917" s="21">
        <v>255470.00922328382</v>
      </c>
      <c r="D1917">
        <f t="shared" si="29"/>
        <v>15</v>
      </c>
    </row>
    <row r="1918" spans="1:4" x14ac:dyDescent="0.25">
      <c r="A1918" s="20">
        <v>43635.666666662029</v>
      </c>
      <c r="B1918" s="22">
        <v>2.1539590358734131</v>
      </c>
      <c r="C1918" s="21">
        <v>265564.83448525611</v>
      </c>
      <c r="D1918">
        <f t="shared" si="29"/>
        <v>16</v>
      </c>
    </row>
    <row r="1919" spans="1:4" x14ac:dyDescent="0.25">
      <c r="A1919" s="20">
        <v>43635.708333328694</v>
      </c>
      <c r="B1919" s="22">
        <v>2.3430900573730469</v>
      </c>
      <c r="C1919" s="21">
        <v>288883.08129685861</v>
      </c>
      <c r="D1919">
        <f t="shared" si="29"/>
        <v>17</v>
      </c>
    </row>
    <row r="1920" spans="1:4" x14ac:dyDescent="0.25">
      <c r="A1920" s="20">
        <v>43635.749999995358</v>
      </c>
      <c r="B1920" s="22">
        <v>2.3539454936981201</v>
      </c>
      <c r="C1920" s="21">
        <v>290221.4642943627</v>
      </c>
      <c r="D1920">
        <f t="shared" si="29"/>
        <v>18</v>
      </c>
    </row>
    <row r="1921" spans="1:4" x14ac:dyDescent="0.25">
      <c r="A1921" s="20">
        <v>43635.791666662022</v>
      </c>
      <c r="B1921" s="22">
        <v>2.3060886859893799</v>
      </c>
      <c r="C1921" s="21">
        <v>284321.12681974081</v>
      </c>
      <c r="D1921">
        <f t="shared" si="29"/>
        <v>19</v>
      </c>
    </row>
    <row r="1922" spans="1:4" x14ac:dyDescent="0.25">
      <c r="A1922" s="20">
        <v>43635.833333328686</v>
      </c>
      <c r="B1922" s="22">
        <v>2.1286821365356445</v>
      </c>
      <c r="C1922" s="21">
        <v>262448.40772080142</v>
      </c>
      <c r="D1922">
        <f t="shared" si="29"/>
        <v>20</v>
      </c>
    </row>
    <row r="1923" spans="1:4" x14ac:dyDescent="0.25">
      <c r="A1923" s="20">
        <v>43635.874999995351</v>
      </c>
      <c r="B1923" s="22">
        <v>1.9571924209594727</v>
      </c>
      <c r="C1923" s="21">
        <v>241305.1839294339</v>
      </c>
      <c r="D1923">
        <f t="shared" si="29"/>
        <v>21</v>
      </c>
    </row>
    <row r="1924" spans="1:4" x14ac:dyDescent="0.25">
      <c r="A1924" s="20">
        <v>43635.916666662015</v>
      </c>
      <c r="B1924" s="22">
        <v>1.8738715648651123</v>
      </c>
      <c r="C1924" s="21">
        <v>231032.43083183549</v>
      </c>
      <c r="D1924">
        <f t="shared" si="29"/>
        <v>22</v>
      </c>
    </row>
    <row r="1925" spans="1:4" x14ac:dyDescent="0.25">
      <c r="A1925" s="20">
        <v>43635.958333328679</v>
      </c>
      <c r="B1925" s="22">
        <v>1.5066266059875488</v>
      </c>
      <c r="C1925" s="21">
        <v>185754.25000500365</v>
      </c>
      <c r="D1925">
        <f t="shared" si="29"/>
        <v>23</v>
      </c>
    </row>
    <row r="1926" spans="1:4" x14ac:dyDescent="0.25">
      <c r="A1926" s="20">
        <v>43635.999999995343</v>
      </c>
      <c r="B1926" s="22">
        <v>1.2456624507904053</v>
      </c>
      <c r="C1926" s="21">
        <v>153579.58858976816</v>
      </c>
      <c r="D1926">
        <f t="shared" si="29"/>
        <v>0</v>
      </c>
    </row>
    <row r="1927" spans="1:4" x14ac:dyDescent="0.25">
      <c r="A1927" s="20">
        <v>43636.041666662008</v>
      </c>
      <c r="B1927" s="22">
        <v>1.0401667356491089</v>
      </c>
      <c r="C1927" s="21">
        <v>128243.71419752418</v>
      </c>
      <c r="D1927">
        <f t="shared" ref="D1927:D1990" si="30">HOUR(A1927)</f>
        <v>1</v>
      </c>
    </row>
    <row r="1928" spans="1:4" x14ac:dyDescent="0.25">
      <c r="A1928" s="20">
        <v>43636.083333328672</v>
      </c>
      <c r="B1928" s="22">
        <v>0.98258179426193237</v>
      </c>
      <c r="C1928" s="21">
        <v>121143.98055652312</v>
      </c>
      <c r="D1928">
        <f t="shared" si="30"/>
        <v>2</v>
      </c>
    </row>
    <row r="1929" spans="1:4" x14ac:dyDescent="0.25">
      <c r="A1929" s="20">
        <v>43636.124999995336</v>
      </c>
      <c r="B1929" s="22">
        <v>0.93186777830123901</v>
      </c>
      <c r="C1929" s="21">
        <v>114891.3735986461</v>
      </c>
      <c r="D1929">
        <f t="shared" si="30"/>
        <v>3</v>
      </c>
    </row>
    <row r="1930" spans="1:4" x14ac:dyDescent="0.25">
      <c r="A1930" s="20">
        <v>43636.166666662</v>
      </c>
      <c r="B1930" s="22">
        <v>0.87708234786987305</v>
      </c>
      <c r="C1930" s="21">
        <v>108136.79585487314</v>
      </c>
      <c r="D1930">
        <f t="shared" si="30"/>
        <v>4</v>
      </c>
    </row>
    <row r="1931" spans="1:4" x14ac:dyDescent="0.25">
      <c r="A1931" s="20">
        <v>43636.208333328665</v>
      </c>
      <c r="B1931" s="22">
        <v>0.84002691507339478</v>
      </c>
      <c r="C1931" s="21">
        <v>103568.17606522799</v>
      </c>
      <c r="D1931">
        <f t="shared" si="30"/>
        <v>5</v>
      </c>
    </row>
    <row r="1932" spans="1:4" x14ac:dyDescent="0.25">
      <c r="A1932" s="20">
        <v>43636.249999995329</v>
      </c>
      <c r="B1932" s="22">
        <v>1.0262647867202759</v>
      </c>
      <c r="C1932" s="21">
        <v>126529.72209980029</v>
      </c>
      <c r="D1932">
        <f t="shared" si="30"/>
        <v>6</v>
      </c>
    </row>
    <row r="1933" spans="1:4" x14ac:dyDescent="0.25">
      <c r="A1933" s="20">
        <v>43636.291666661993</v>
      </c>
      <c r="B1933" s="22">
        <v>1.069616436958313</v>
      </c>
      <c r="C1933" s="21">
        <v>131874.61196464341</v>
      </c>
      <c r="D1933">
        <f t="shared" si="30"/>
        <v>7</v>
      </c>
    </row>
    <row r="1934" spans="1:4" x14ac:dyDescent="0.25">
      <c r="A1934" s="20">
        <v>43636.333333328657</v>
      </c>
      <c r="B1934" s="22">
        <v>1.0237144231796265</v>
      </c>
      <c r="C1934" s="21">
        <v>126215.28396041611</v>
      </c>
      <c r="D1934">
        <f t="shared" si="30"/>
        <v>8</v>
      </c>
    </row>
    <row r="1935" spans="1:4" x14ac:dyDescent="0.25">
      <c r="A1935" s="20">
        <v>43636.374999995322</v>
      </c>
      <c r="B1935" s="22">
        <v>1.0541907548904419</v>
      </c>
      <c r="C1935" s="21">
        <v>129972.75652684242</v>
      </c>
      <c r="D1935">
        <f t="shared" si="30"/>
        <v>9</v>
      </c>
    </row>
    <row r="1936" spans="1:4" x14ac:dyDescent="0.25">
      <c r="A1936" s="20">
        <v>43636.416666661986</v>
      </c>
      <c r="B1936" s="22">
        <v>1.1044470071792603</v>
      </c>
      <c r="C1936" s="21">
        <v>136168.92511624066</v>
      </c>
      <c r="D1936">
        <f t="shared" si="30"/>
        <v>10</v>
      </c>
    </row>
    <row r="1937" spans="1:4" x14ac:dyDescent="0.25">
      <c r="A1937" s="20">
        <v>43636.45833332865</v>
      </c>
      <c r="B1937" s="22">
        <v>1.1917730569839478</v>
      </c>
      <c r="C1937" s="21">
        <v>146935.48454304491</v>
      </c>
      <c r="D1937">
        <f t="shared" si="30"/>
        <v>11</v>
      </c>
    </row>
    <row r="1938" spans="1:4" x14ac:dyDescent="0.25">
      <c r="A1938" s="20">
        <v>43636.499999995314</v>
      </c>
      <c r="B1938" s="22">
        <v>1.2802274227142334</v>
      </c>
      <c r="C1938" s="21">
        <v>157841.1557296543</v>
      </c>
      <c r="D1938">
        <f t="shared" si="30"/>
        <v>12</v>
      </c>
    </row>
    <row r="1939" spans="1:4" x14ac:dyDescent="0.25">
      <c r="A1939" s="20">
        <v>43636.541666661979</v>
      </c>
      <c r="B1939" s="22">
        <v>1.4092055559158325</v>
      </c>
      <c r="C1939" s="21">
        <v>173743.06288083232</v>
      </c>
      <c r="D1939">
        <f t="shared" si="30"/>
        <v>13</v>
      </c>
    </row>
    <row r="1940" spans="1:4" x14ac:dyDescent="0.25">
      <c r="A1940" s="20">
        <v>43636.583333328643</v>
      </c>
      <c r="B1940" s="22">
        <v>1.5490059852600098</v>
      </c>
      <c r="C1940" s="21">
        <v>190979.26712679648</v>
      </c>
      <c r="D1940">
        <f t="shared" si="30"/>
        <v>14</v>
      </c>
    </row>
    <row r="1941" spans="1:4" x14ac:dyDescent="0.25">
      <c r="A1941" s="20">
        <v>43636.624999995307</v>
      </c>
      <c r="B1941" s="22">
        <v>1.5327615737915039</v>
      </c>
      <c r="C1941" s="21">
        <v>188976.46931537252</v>
      </c>
      <c r="D1941">
        <f t="shared" si="30"/>
        <v>15</v>
      </c>
    </row>
    <row r="1942" spans="1:4" x14ac:dyDescent="0.25">
      <c r="A1942" s="20">
        <v>43636.666666661971</v>
      </c>
      <c r="B1942" s="22">
        <v>1.6465703248977661</v>
      </c>
      <c r="C1942" s="21">
        <v>203008.120636101</v>
      </c>
      <c r="D1942">
        <f t="shared" si="30"/>
        <v>16</v>
      </c>
    </row>
    <row r="1943" spans="1:4" x14ac:dyDescent="0.25">
      <c r="A1943" s="20">
        <v>43636.708333328635</v>
      </c>
      <c r="B1943" s="22">
        <v>1.859917163848877</v>
      </c>
      <c r="C1943" s="21">
        <v>229311.97183772342</v>
      </c>
      <c r="D1943">
        <f t="shared" si="30"/>
        <v>17</v>
      </c>
    </row>
    <row r="1944" spans="1:4" x14ac:dyDescent="0.25">
      <c r="A1944" s="20">
        <v>43636.7499999953</v>
      </c>
      <c r="B1944" s="22">
        <v>1.9619982242584229</v>
      </c>
      <c r="C1944" s="21">
        <v>241897.69861351047</v>
      </c>
      <c r="D1944">
        <f t="shared" si="30"/>
        <v>18</v>
      </c>
    </row>
    <row r="1945" spans="1:4" x14ac:dyDescent="0.25">
      <c r="A1945" s="20">
        <v>43636.791666661964</v>
      </c>
      <c r="B1945" s="22">
        <v>1.8592988252639771</v>
      </c>
      <c r="C1945" s="21">
        <v>229235.73594780167</v>
      </c>
      <c r="D1945">
        <f t="shared" si="30"/>
        <v>19</v>
      </c>
    </row>
    <row r="1946" spans="1:4" x14ac:dyDescent="0.25">
      <c r="A1946" s="20">
        <v>43636.833333328628</v>
      </c>
      <c r="B1946" s="22">
        <v>1.6672519445419312</v>
      </c>
      <c r="C1946" s="21">
        <v>205557.98848698268</v>
      </c>
      <c r="D1946">
        <f t="shared" si="30"/>
        <v>20</v>
      </c>
    </row>
    <row r="1947" spans="1:4" x14ac:dyDescent="0.25">
      <c r="A1947" s="20">
        <v>43636.874999995292</v>
      </c>
      <c r="B1947" s="22">
        <v>1.7936396598815918</v>
      </c>
      <c r="C1947" s="21">
        <v>221140.51914153463</v>
      </c>
      <c r="D1947">
        <f t="shared" si="30"/>
        <v>21</v>
      </c>
    </row>
    <row r="1948" spans="1:4" x14ac:dyDescent="0.25">
      <c r="A1948" s="20">
        <v>43636.916666661957</v>
      </c>
      <c r="B1948" s="22">
        <v>1.5994809865951538</v>
      </c>
      <c r="C1948" s="21">
        <v>197202.40561363185</v>
      </c>
      <c r="D1948">
        <f t="shared" si="30"/>
        <v>22</v>
      </c>
    </row>
    <row r="1949" spans="1:4" x14ac:dyDescent="0.25">
      <c r="A1949" s="20">
        <v>43636.958333328621</v>
      </c>
      <c r="B1949" s="22">
        <v>1.2366201877593994</v>
      </c>
      <c r="C1949" s="21">
        <v>152464.75444241051</v>
      </c>
      <c r="D1949">
        <f t="shared" si="30"/>
        <v>23</v>
      </c>
    </row>
    <row r="1950" spans="1:4" x14ac:dyDescent="0.25">
      <c r="A1950" s="20">
        <v>43636.999999995285</v>
      </c>
      <c r="B1950" s="22">
        <v>1.0684754848480225</v>
      </c>
      <c r="C1950" s="21">
        <v>131733.94227070839</v>
      </c>
      <c r="D1950">
        <f t="shared" si="30"/>
        <v>0</v>
      </c>
    </row>
    <row r="1951" spans="1:4" x14ac:dyDescent="0.25">
      <c r="A1951" s="20">
        <v>43637.041666661949</v>
      </c>
      <c r="B1951" s="22">
        <v>0.93124556541442871</v>
      </c>
      <c r="C1951" s="21">
        <v>114814.66004024116</v>
      </c>
      <c r="D1951">
        <f t="shared" si="30"/>
        <v>1</v>
      </c>
    </row>
    <row r="1952" spans="1:4" x14ac:dyDescent="0.25">
      <c r="A1952" s="20">
        <v>43637.083333328614</v>
      </c>
      <c r="B1952" s="22">
        <v>0.83604228496551514</v>
      </c>
      <c r="C1952" s="21">
        <v>103076.90505335614</v>
      </c>
      <c r="D1952">
        <f t="shared" si="30"/>
        <v>2</v>
      </c>
    </row>
    <row r="1953" spans="1:4" x14ac:dyDescent="0.25">
      <c r="A1953" s="20">
        <v>43637.124999995278</v>
      </c>
      <c r="B1953" s="22">
        <v>0.78067988157272339</v>
      </c>
      <c r="C1953" s="21">
        <v>96251.191449313046</v>
      </c>
      <c r="D1953">
        <f t="shared" si="30"/>
        <v>3</v>
      </c>
    </row>
    <row r="1954" spans="1:4" x14ac:dyDescent="0.25">
      <c r="A1954" s="20">
        <v>43637.166666661942</v>
      </c>
      <c r="B1954" s="22">
        <v>0.75788402557373047</v>
      </c>
      <c r="C1954" s="21">
        <v>93440.656232765847</v>
      </c>
      <c r="D1954">
        <f t="shared" si="30"/>
        <v>4</v>
      </c>
    </row>
    <row r="1955" spans="1:4" x14ac:dyDescent="0.25">
      <c r="A1955" s="20">
        <v>43637.208333328606</v>
      </c>
      <c r="B1955" s="22">
        <v>0.83697670698165894</v>
      </c>
      <c r="C1955" s="21">
        <v>103192.11134276266</v>
      </c>
      <c r="D1955">
        <f t="shared" si="30"/>
        <v>5</v>
      </c>
    </row>
    <row r="1956" spans="1:4" x14ac:dyDescent="0.25">
      <c r="A1956" s="20">
        <v>43637.249999995271</v>
      </c>
      <c r="B1956" s="22">
        <v>0.97679567337036133</v>
      </c>
      <c r="C1956" s="21">
        <v>120430.60104870037</v>
      </c>
      <c r="D1956">
        <f t="shared" si="30"/>
        <v>6</v>
      </c>
    </row>
    <row r="1957" spans="1:4" x14ac:dyDescent="0.25">
      <c r="A1957" s="20">
        <v>43637.291666661935</v>
      </c>
      <c r="B1957" s="22">
        <v>1.0053280591964722</v>
      </c>
      <c r="C1957" s="21">
        <v>123948.40161648512</v>
      </c>
      <c r="D1957">
        <f t="shared" si="30"/>
        <v>7</v>
      </c>
    </row>
    <row r="1958" spans="1:4" x14ac:dyDescent="0.25">
      <c r="A1958" s="20">
        <v>43637.333333328599</v>
      </c>
      <c r="B1958" s="22">
        <v>1.0768685340881348</v>
      </c>
      <c r="C1958" s="21">
        <v>132768.73387777031</v>
      </c>
      <c r="D1958">
        <f t="shared" si="30"/>
        <v>8</v>
      </c>
    </row>
    <row r="1959" spans="1:4" x14ac:dyDescent="0.25">
      <c r="A1959" s="20">
        <v>43637.374999995263</v>
      </c>
      <c r="B1959" s="22">
        <v>1.1734263896942139</v>
      </c>
      <c r="C1959" s="21">
        <v>144673.49646388044</v>
      </c>
      <c r="D1959">
        <f t="shared" si="30"/>
        <v>9</v>
      </c>
    </row>
    <row r="1960" spans="1:4" x14ac:dyDescent="0.25">
      <c r="A1960" s="20">
        <v>43637.416666661928</v>
      </c>
      <c r="B1960" s="22">
        <v>1.1936120986938477</v>
      </c>
      <c r="C1960" s="21">
        <v>147162.22274891011</v>
      </c>
      <c r="D1960">
        <f t="shared" si="30"/>
        <v>10</v>
      </c>
    </row>
    <row r="1961" spans="1:4" x14ac:dyDescent="0.25">
      <c r="A1961" s="20">
        <v>43637.458333328592</v>
      </c>
      <c r="B1961" s="22">
        <v>1.2276705503463745</v>
      </c>
      <c r="C1961" s="21">
        <v>151361.34024617475</v>
      </c>
      <c r="D1961">
        <f t="shared" si="30"/>
        <v>11</v>
      </c>
    </row>
    <row r="1962" spans="1:4" x14ac:dyDescent="0.25">
      <c r="A1962" s="20">
        <v>43637.499999995256</v>
      </c>
      <c r="B1962" s="22">
        <v>1.4798846244812012</v>
      </c>
      <c r="C1962" s="21">
        <v>182457.19106643321</v>
      </c>
      <c r="D1962">
        <f t="shared" si="30"/>
        <v>12</v>
      </c>
    </row>
    <row r="1963" spans="1:4" x14ac:dyDescent="0.25">
      <c r="A1963" s="20">
        <v>43637.54166666192</v>
      </c>
      <c r="B1963" s="22">
        <v>1.6847560405731201</v>
      </c>
      <c r="C1963" s="21">
        <v>207716.09469416586</v>
      </c>
      <c r="D1963">
        <f t="shared" si="30"/>
        <v>13</v>
      </c>
    </row>
    <row r="1964" spans="1:4" x14ac:dyDescent="0.25">
      <c r="A1964" s="20">
        <v>43637.583333328585</v>
      </c>
      <c r="B1964" s="22">
        <v>1.8744839429855347</v>
      </c>
      <c r="C1964" s="21">
        <v>231107.93184716767</v>
      </c>
      <c r="D1964">
        <f t="shared" si="30"/>
        <v>14</v>
      </c>
    </row>
    <row r="1965" spans="1:4" x14ac:dyDescent="0.25">
      <c r="A1965" s="20">
        <v>43637.624999995249</v>
      </c>
      <c r="B1965" s="22">
        <v>1.9431827068328857</v>
      </c>
      <c r="C1965" s="21">
        <v>239577.90529913062</v>
      </c>
      <c r="D1965">
        <f t="shared" si="30"/>
        <v>15</v>
      </c>
    </row>
    <row r="1966" spans="1:4" x14ac:dyDescent="0.25">
      <c r="A1966" s="20">
        <v>43637.666666661913</v>
      </c>
      <c r="B1966" s="22">
        <v>1.9677929878234863</v>
      </c>
      <c r="C1966" s="21">
        <v>242612.14368948812</v>
      </c>
      <c r="D1966">
        <f t="shared" si="30"/>
        <v>16</v>
      </c>
    </row>
    <row r="1967" spans="1:4" x14ac:dyDescent="0.25">
      <c r="A1967" s="20">
        <v>43637.708333328577</v>
      </c>
      <c r="B1967" s="22">
        <v>2.1472079753875732</v>
      </c>
      <c r="C1967" s="21">
        <v>264732.48613012827</v>
      </c>
      <c r="D1967">
        <f t="shared" si="30"/>
        <v>17</v>
      </c>
    </row>
    <row r="1968" spans="1:4" x14ac:dyDescent="0.25">
      <c r="A1968" s="20">
        <v>43637.749999995242</v>
      </c>
      <c r="B1968" s="22">
        <v>2.0992190837860107</v>
      </c>
      <c r="C1968" s="21">
        <v>258815.86383460157</v>
      </c>
      <c r="D1968">
        <f t="shared" si="30"/>
        <v>18</v>
      </c>
    </row>
    <row r="1969" spans="1:4" x14ac:dyDescent="0.25">
      <c r="A1969" s="20">
        <v>43637.791666661906</v>
      </c>
      <c r="B1969" s="22">
        <v>1.9983000755310059</v>
      </c>
      <c r="C1969" s="21">
        <v>246373.40820879658</v>
      </c>
      <c r="D1969">
        <f t="shared" si="30"/>
        <v>19</v>
      </c>
    </row>
    <row r="1970" spans="1:4" x14ac:dyDescent="0.25">
      <c r="A1970" s="20">
        <v>43637.83333332857</v>
      </c>
      <c r="B1970" s="22">
        <v>1.7621817588806152</v>
      </c>
      <c r="C1970" s="21">
        <v>217262.02742769831</v>
      </c>
      <c r="D1970">
        <f t="shared" si="30"/>
        <v>20</v>
      </c>
    </row>
    <row r="1971" spans="1:4" x14ac:dyDescent="0.25">
      <c r="A1971" s="20">
        <v>43637.874999995234</v>
      </c>
      <c r="B1971" s="22">
        <v>1.5965641736984253</v>
      </c>
      <c r="C1971" s="21">
        <v>196842.78738448102</v>
      </c>
      <c r="D1971">
        <f t="shared" si="30"/>
        <v>21</v>
      </c>
    </row>
    <row r="1972" spans="1:4" x14ac:dyDescent="0.25">
      <c r="A1972" s="20">
        <v>43637.916666661898</v>
      </c>
      <c r="B1972" s="22">
        <v>1.631339430809021</v>
      </c>
      <c r="C1972" s="21">
        <v>201130.28089988712</v>
      </c>
      <c r="D1972">
        <f t="shared" si="30"/>
        <v>22</v>
      </c>
    </row>
    <row r="1973" spans="1:4" x14ac:dyDescent="0.25">
      <c r="A1973" s="20">
        <v>43637.958333328563</v>
      </c>
      <c r="B1973" s="22">
        <v>1.3270065784454346</v>
      </c>
      <c r="C1973" s="21">
        <v>163608.62787848237</v>
      </c>
      <c r="D1973">
        <f t="shared" si="30"/>
        <v>23</v>
      </c>
    </row>
    <row r="1974" spans="1:4" x14ac:dyDescent="0.25">
      <c r="A1974" s="20">
        <v>43637.999999995227</v>
      </c>
      <c r="B1974" s="22">
        <v>1.1226756572723389</v>
      </c>
      <c r="C1974" s="21">
        <v>138416.36267853167</v>
      </c>
      <c r="D1974">
        <f t="shared" si="30"/>
        <v>0</v>
      </c>
    </row>
    <row r="1975" spans="1:4" x14ac:dyDescent="0.25">
      <c r="A1975" s="20">
        <v>43638.041666661891</v>
      </c>
      <c r="B1975" s="22">
        <v>0.97249525785446167</v>
      </c>
      <c r="C1975" s="21">
        <v>119900.39638107324</v>
      </c>
      <c r="D1975">
        <f t="shared" si="30"/>
        <v>1</v>
      </c>
    </row>
    <row r="1976" spans="1:4" x14ac:dyDescent="0.25">
      <c r="A1976" s="20">
        <v>43638.083333328555</v>
      </c>
      <c r="B1976" s="22">
        <v>0.89111232757568359</v>
      </c>
      <c r="C1976" s="21">
        <v>109866.57305878095</v>
      </c>
      <c r="D1976">
        <f t="shared" si="30"/>
        <v>2</v>
      </c>
    </row>
    <row r="1977" spans="1:4" x14ac:dyDescent="0.25">
      <c r="A1977" s="20">
        <v>43638.12499999522</v>
      </c>
      <c r="B1977" s="22">
        <v>0.88171142339706421</v>
      </c>
      <c r="C1977" s="21">
        <v>108707.52150736903</v>
      </c>
      <c r="D1977">
        <f t="shared" si="30"/>
        <v>3</v>
      </c>
    </row>
    <row r="1978" spans="1:4" x14ac:dyDescent="0.25">
      <c r="A1978" s="20">
        <v>43638.166666661884</v>
      </c>
      <c r="B1978" s="22">
        <v>0.77741014957427979</v>
      </c>
      <c r="C1978" s="21">
        <v>95848.061295713953</v>
      </c>
      <c r="D1978">
        <f t="shared" si="30"/>
        <v>4</v>
      </c>
    </row>
    <row r="1979" spans="1:4" x14ac:dyDescent="0.25">
      <c r="A1979" s="20">
        <v>43638.208333328548</v>
      </c>
      <c r="B1979" s="22">
        <v>0.77955180406570435</v>
      </c>
      <c r="C1979" s="21">
        <v>96112.109084491487</v>
      </c>
      <c r="D1979">
        <f t="shared" si="30"/>
        <v>5</v>
      </c>
    </row>
    <row r="1980" spans="1:4" x14ac:dyDescent="0.25">
      <c r="A1980" s="20">
        <v>43638.249999995212</v>
      </c>
      <c r="B1980" s="22">
        <v>0.79801583290100098</v>
      </c>
      <c r="C1980" s="21">
        <v>98388.566844324538</v>
      </c>
      <c r="D1980">
        <f t="shared" si="30"/>
        <v>6</v>
      </c>
    </row>
    <row r="1981" spans="1:4" x14ac:dyDescent="0.25">
      <c r="A1981" s="20">
        <v>43638.291666661877</v>
      </c>
      <c r="B1981" s="22">
        <v>0.81678026914596558</v>
      </c>
      <c r="C1981" s="21">
        <v>100702.06228347178</v>
      </c>
      <c r="D1981">
        <f t="shared" si="30"/>
        <v>7</v>
      </c>
    </row>
    <row r="1982" spans="1:4" x14ac:dyDescent="0.25">
      <c r="A1982" s="20">
        <v>43638.333333328541</v>
      </c>
      <c r="B1982" s="22">
        <v>1.0346781015396118</v>
      </c>
      <c r="C1982" s="21">
        <v>127567.01228046676</v>
      </c>
      <c r="D1982">
        <f t="shared" si="30"/>
        <v>8</v>
      </c>
    </row>
    <row r="1983" spans="1:4" x14ac:dyDescent="0.25">
      <c r="A1983" s="20">
        <v>43638.374999995205</v>
      </c>
      <c r="B1983" s="22">
        <v>1.0496789216995239</v>
      </c>
      <c r="C1983" s="21">
        <v>129416.48585752335</v>
      </c>
      <c r="D1983">
        <f t="shared" si="30"/>
        <v>9</v>
      </c>
    </row>
    <row r="1984" spans="1:4" x14ac:dyDescent="0.25">
      <c r="A1984" s="20">
        <v>43638.416666661869</v>
      </c>
      <c r="B1984" s="22">
        <v>1.1612750291824341</v>
      </c>
      <c r="C1984" s="21">
        <v>143175.33703311253</v>
      </c>
      <c r="D1984">
        <f t="shared" si="30"/>
        <v>10</v>
      </c>
    </row>
    <row r="1985" spans="1:4" x14ac:dyDescent="0.25">
      <c r="A1985" s="20">
        <v>43638.458333328534</v>
      </c>
      <c r="B1985" s="22">
        <v>1.3385069370269775</v>
      </c>
      <c r="C1985" s="21">
        <v>165026.52430657766</v>
      </c>
      <c r="D1985">
        <f t="shared" si="30"/>
        <v>11</v>
      </c>
    </row>
    <row r="1986" spans="1:4" x14ac:dyDescent="0.25">
      <c r="A1986" s="20">
        <v>43638.499999995198</v>
      </c>
      <c r="B1986" s="22">
        <v>1.5204119682312012</v>
      </c>
      <c r="C1986" s="21">
        <v>187453.86795575562</v>
      </c>
      <c r="D1986">
        <f t="shared" si="30"/>
        <v>12</v>
      </c>
    </row>
    <row r="1987" spans="1:4" x14ac:dyDescent="0.25">
      <c r="A1987" s="20">
        <v>43638.541666661862</v>
      </c>
      <c r="B1987" s="22">
        <v>1.5789542198181152</v>
      </c>
      <c r="C1987" s="21">
        <v>194671.62980458711</v>
      </c>
      <c r="D1987">
        <f t="shared" si="30"/>
        <v>13</v>
      </c>
    </row>
    <row r="1988" spans="1:4" x14ac:dyDescent="0.25">
      <c r="A1988" s="20">
        <v>43638.583333328526</v>
      </c>
      <c r="B1988" s="22">
        <v>1.6619888544082642</v>
      </c>
      <c r="C1988" s="21">
        <v>204909.09422439447</v>
      </c>
      <c r="D1988">
        <f t="shared" si="30"/>
        <v>14</v>
      </c>
    </row>
    <row r="1989" spans="1:4" x14ac:dyDescent="0.25">
      <c r="A1989" s="20">
        <v>43638.624999995191</v>
      </c>
      <c r="B1989" s="22">
        <v>1.854569673538208</v>
      </c>
      <c r="C1989" s="21">
        <v>228652.67175094696</v>
      </c>
      <c r="D1989">
        <f t="shared" si="30"/>
        <v>15</v>
      </c>
    </row>
    <row r="1990" spans="1:4" x14ac:dyDescent="0.25">
      <c r="A1990" s="20">
        <v>43638.666666661855</v>
      </c>
      <c r="B1990" s="22">
        <v>1.9367814064025879</v>
      </c>
      <c r="C1990" s="21">
        <v>238788.67938491859</v>
      </c>
      <c r="D1990">
        <f t="shared" si="30"/>
        <v>16</v>
      </c>
    </row>
    <row r="1991" spans="1:4" x14ac:dyDescent="0.25">
      <c r="A1991" s="20">
        <v>43638.708333328519</v>
      </c>
      <c r="B1991" s="22">
        <v>2.0325288772583008</v>
      </c>
      <c r="C1991" s="21">
        <v>250593.52842183111</v>
      </c>
      <c r="D1991">
        <f t="shared" ref="D1991:D2054" si="31">HOUR(A1991)</f>
        <v>17</v>
      </c>
    </row>
    <row r="1992" spans="1:4" x14ac:dyDescent="0.25">
      <c r="A1992" s="20">
        <v>43638.749999995183</v>
      </c>
      <c r="B1992" s="22">
        <v>1.8874616622924805</v>
      </c>
      <c r="C1992" s="21">
        <v>232707.97429103323</v>
      </c>
      <c r="D1992">
        <f t="shared" si="31"/>
        <v>18</v>
      </c>
    </row>
    <row r="1993" spans="1:4" x14ac:dyDescent="0.25">
      <c r="A1993" s="20">
        <v>43638.791666661848</v>
      </c>
      <c r="B1993" s="22">
        <v>1.850951075553894</v>
      </c>
      <c r="C1993" s="21">
        <v>228206.52938762045</v>
      </c>
      <c r="D1993">
        <f t="shared" si="31"/>
        <v>19</v>
      </c>
    </row>
    <row r="1994" spans="1:4" x14ac:dyDescent="0.25">
      <c r="A1994" s="20">
        <v>43638.833333328512</v>
      </c>
      <c r="B1994" s="22">
        <v>1.6560921669006348</v>
      </c>
      <c r="C1994" s="21">
        <v>204182.08279293525</v>
      </c>
      <c r="D1994">
        <f t="shared" si="31"/>
        <v>20</v>
      </c>
    </row>
    <row r="1995" spans="1:4" x14ac:dyDescent="0.25">
      <c r="A1995" s="20">
        <v>43638.874999995176</v>
      </c>
      <c r="B1995" s="22">
        <v>1.5694354772567749</v>
      </c>
      <c r="C1995" s="21">
        <v>193498.04978253946</v>
      </c>
      <c r="D1995">
        <f t="shared" si="31"/>
        <v>21</v>
      </c>
    </row>
    <row r="1996" spans="1:4" x14ac:dyDescent="0.25">
      <c r="A1996" s="20">
        <v>43638.91666666184</v>
      </c>
      <c r="B1996" s="22">
        <v>1.4130146503448486</v>
      </c>
      <c r="C1996" s="21">
        <v>174212.6918360414</v>
      </c>
      <c r="D1996">
        <f t="shared" si="31"/>
        <v>22</v>
      </c>
    </row>
    <row r="1997" spans="1:4" x14ac:dyDescent="0.25">
      <c r="A1997" s="20">
        <v>43638.958333328505</v>
      </c>
      <c r="B1997" s="22">
        <v>1.1342651844024658</v>
      </c>
      <c r="C1997" s="21">
        <v>139845.25283048695</v>
      </c>
      <c r="D1997">
        <f t="shared" si="31"/>
        <v>23</v>
      </c>
    </row>
    <row r="1998" spans="1:4" x14ac:dyDescent="0.25">
      <c r="A1998" s="20">
        <v>43638.999999995169</v>
      </c>
      <c r="B1998" s="22">
        <v>1.0125980377197266</v>
      </c>
      <c r="C1998" s="21">
        <v>124844.72815338073</v>
      </c>
      <c r="D1998">
        <f t="shared" si="31"/>
        <v>0</v>
      </c>
    </row>
    <row r="1999" spans="1:4" x14ac:dyDescent="0.25">
      <c r="A1999" s="20">
        <v>43639.041666661833</v>
      </c>
      <c r="B1999" s="22">
        <v>0.81036752462387085</v>
      </c>
      <c r="C1999" s="21">
        <v>99911.425410047799</v>
      </c>
      <c r="D1999">
        <f t="shared" si="31"/>
        <v>1</v>
      </c>
    </row>
    <row r="2000" spans="1:4" x14ac:dyDescent="0.25">
      <c r="A2000" s="20">
        <v>43639.083333328497</v>
      </c>
      <c r="B2000" s="22">
        <v>0.78447747230529785</v>
      </c>
      <c r="C2000" s="21">
        <v>96719.402096564256</v>
      </c>
      <c r="D2000">
        <f t="shared" si="31"/>
        <v>2</v>
      </c>
    </row>
    <row r="2001" spans="1:4" x14ac:dyDescent="0.25">
      <c r="A2001" s="20">
        <v>43639.124999995161</v>
      </c>
      <c r="B2001" s="22">
        <v>0.70276075601577759</v>
      </c>
      <c r="C2001" s="21">
        <v>86644.425797256205</v>
      </c>
      <c r="D2001">
        <f t="shared" si="31"/>
        <v>3</v>
      </c>
    </row>
    <row r="2002" spans="1:4" x14ac:dyDescent="0.25">
      <c r="A2002" s="20">
        <v>43639.166666661826</v>
      </c>
      <c r="B2002" s="22">
        <v>0.69136738777160645</v>
      </c>
      <c r="C2002" s="21">
        <v>85239.720368043621</v>
      </c>
      <c r="D2002">
        <f t="shared" si="31"/>
        <v>4</v>
      </c>
    </row>
    <row r="2003" spans="1:4" x14ac:dyDescent="0.25">
      <c r="A2003" s="20">
        <v>43639.20833332849</v>
      </c>
      <c r="B2003" s="22">
        <v>0.69844728708267212</v>
      </c>
      <c r="C2003" s="21">
        <v>86112.61175427791</v>
      </c>
      <c r="D2003">
        <f t="shared" si="31"/>
        <v>5</v>
      </c>
    </row>
    <row r="2004" spans="1:4" x14ac:dyDescent="0.25">
      <c r="A2004" s="20">
        <v>43639.249999995154</v>
      </c>
      <c r="B2004" s="22">
        <v>0.70807099342346191</v>
      </c>
      <c r="C2004" s="21">
        <v>87299.132917847863</v>
      </c>
      <c r="D2004">
        <f t="shared" si="31"/>
        <v>6</v>
      </c>
    </row>
    <row r="2005" spans="1:4" x14ac:dyDescent="0.25">
      <c r="A2005" s="20">
        <v>43639.291666661818</v>
      </c>
      <c r="B2005" s="22">
        <v>0.77478265762329102</v>
      </c>
      <c r="C2005" s="21">
        <v>95524.113879140757</v>
      </c>
      <c r="D2005">
        <f t="shared" si="31"/>
        <v>7</v>
      </c>
    </row>
    <row r="2006" spans="1:4" x14ac:dyDescent="0.25">
      <c r="A2006" s="20">
        <v>43639.333333328483</v>
      </c>
      <c r="B2006" s="22">
        <v>0.97301024198532104</v>
      </c>
      <c r="C2006" s="21">
        <v>119963.88954561188</v>
      </c>
      <c r="D2006">
        <f t="shared" si="31"/>
        <v>8</v>
      </c>
    </row>
    <row r="2007" spans="1:4" x14ac:dyDescent="0.25">
      <c r="A2007" s="20">
        <v>43639.374999995147</v>
      </c>
      <c r="B2007" s="22">
        <v>1.2472957372665405</v>
      </c>
      <c r="C2007" s="21">
        <v>153780.95892480147</v>
      </c>
      <c r="D2007">
        <f t="shared" si="31"/>
        <v>9</v>
      </c>
    </row>
    <row r="2008" spans="1:4" x14ac:dyDescent="0.25">
      <c r="A2008" s="20">
        <v>43639.416666661811</v>
      </c>
      <c r="B2008" s="22">
        <v>1.5051078796386719</v>
      </c>
      <c r="C2008" s="21">
        <v>185567.00395958181</v>
      </c>
      <c r="D2008">
        <f t="shared" si="31"/>
        <v>10</v>
      </c>
    </row>
    <row r="2009" spans="1:4" x14ac:dyDescent="0.25">
      <c r="A2009" s="20">
        <v>43639.458333328475</v>
      </c>
      <c r="B2009" s="22">
        <v>1.7505152225494385</v>
      </c>
      <c r="C2009" s="21">
        <v>215823.64269604583</v>
      </c>
      <c r="D2009">
        <f t="shared" si="31"/>
        <v>11</v>
      </c>
    </row>
    <row r="2010" spans="1:4" x14ac:dyDescent="0.25">
      <c r="A2010" s="20">
        <v>43639.49999999514</v>
      </c>
      <c r="B2010" s="22">
        <v>1.948330283164978</v>
      </c>
      <c r="C2010" s="21">
        <v>240212.557692173</v>
      </c>
      <c r="D2010">
        <f t="shared" si="31"/>
        <v>12</v>
      </c>
    </row>
    <row r="2011" spans="1:4" x14ac:dyDescent="0.25">
      <c r="A2011" s="20">
        <v>43639.541666661804</v>
      </c>
      <c r="B2011" s="22">
        <v>1.973812460899353</v>
      </c>
      <c r="C2011" s="21">
        <v>243354.29353749243</v>
      </c>
      <c r="D2011">
        <f t="shared" si="31"/>
        <v>13</v>
      </c>
    </row>
    <row r="2012" spans="1:4" x14ac:dyDescent="0.25">
      <c r="A2012" s="20">
        <v>43639.583333328468</v>
      </c>
      <c r="B2012" s="22">
        <v>2.2207314968109131</v>
      </c>
      <c r="C2012" s="21">
        <v>273797.31116736255</v>
      </c>
      <c r="D2012">
        <f t="shared" si="31"/>
        <v>14</v>
      </c>
    </row>
    <row r="2013" spans="1:4" x14ac:dyDescent="0.25">
      <c r="A2013" s="20">
        <v>43639.624999995132</v>
      </c>
      <c r="B2013" s="22">
        <v>2.4913303852081299</v>
      </c>
      <c r="C2013" s="21">
        <v>307159.85326415871</v>
      </c>
      <c r="D2013">
        <f t="shared" si="31"/>
        <v>15</v>
      </c>
    </row>
    <row r="2014" spans="1:4" x14ac:dyDescent="0.25">
      <c r="A2014" s="20">
        <v>43639.666666661797</v>
      </c>
      <c r="B2014" s="22">
        <v>2.7738931179046631</v>
      </c>
      <c r="C2014" s="21">
        <v>341997.43563713494</v>
      </c>
      <c r="D2014">
        <f t="shared" si="31"/>
        <v>16</v>
      </c>
    </row>
    <row r="2015" spans="1:4" x14ac:dyDescent="0.25">
      <c r="A2015" s="20">
        <v>43639.708333328461</v>
      </c>
      <c r="B2015" s="22">
        <v>2.7348520755767822</v>
      </c>
      <c r="C2015" s="21">
        <v>337184.00707546715</v>
      </c>
      <c r="D2015">
        <f t="shared" si="31"/>
        <v>17</v>
      </c>
    </row>
    <row r="2016" spans="1:4" x14ac:dyDescent="0.25">
      <c r="A2016" s="20">
        <v>43639.749999995125</v>
      </c>
      <c r="B2016" s="22">
        <v>2.6552081108093262</v>
      </c>
      <c r="C2016" s="21">
        <v>327364.5834146812</v>
      </c>
      <c r="D2016">
        <f t="shared" si="31"/>
        <v>18</v>
      </c>
    </row>
    <row r="2017" spans="1:4" x14ac:dyDescent="0.25">
      <c r="A2017" s="20">
        <v>43639.791666661789</v>
      </c>
      <c r="B2017" s="22">
        <v>2.4114556312561035</v>
      </c>
      <c r="C2017" s="21">
        <v>297311.9752592647</v>
      </c>
      <c r="D2017">
        <f t="shared" si="31"/>
        <v>19</v>
      </c>
    </row>
    <row r="2018" spans="1:4" x14ac:dyDescent="0.25">
      <c r="A2018" s="20">
        <v>43639.833333328454</v>
      </c>
      <c r="B2018" s="22">
        <v>2.2892770767211914</v>
      </c>
      <c r="C2018" s="21">
        <v>282248.39834237361</v>
      </c>
      <c r="D2018">
        <f t="shared" si="31"/>
        <v>20</v>
      </c>
    </row>
    <row r="2019" spans="1:4" x14ac:dyDescent="0.25">
      <c r="A2019" s="20">
        <v>43639.874999995118</v>
      </c>
      <c r="B2019" s="22">
        <v>2.1297259330749512</v>
      </c>
      <c r="C2019" s="21">
        <v>262577.09895892651</v>
      </c>
      <c r="D2019">
        <f t="shared" si="31"/>
        <v>21</v>
      </c>
    </row>
    <row r="2020" spans="1:4" x14ac:dyDescent="0.25">
      <c r="A2020" s="20">
        <v>43639.916666661782</v>
      </c>
      <c r="B2020" s="22">
        <v>1.9753049612045288</v>
      </c>
      <c r="C2020" s="21">
        <v>243538.30613472016</v>
      </c>
      <c r="D2020">
        <f t="shared" si="31"/>
        <v>22</v>
      </c>
    </row>
    <row r="2021" spans="1:4" x14ac:dyDescent="0.25">
      <c r="A2021" s="20">
        <v>43639.958333328446</v>
      </c>
      <c r="B2021" s="22">
        <v>1.6376031637191772</v>
      </c>
      <c r="C2021" s="21">
        <v>201902.54590857192</v>
      </c>
      <c r="D2021">
        <f t="shared" si="31"/>
        <v>23</v>
      </c>
    </row>
    <row r="2022" spans="1:4" x14ac:dyDescent="0.25">
      <c r="A2022" s="20">
        <v>43639.999999995111</v>
      </c>
      <c r="B2022" s="22">
        <v>1.38238525390625</v>
      </c>
      <c r="C2022" s="21">
        <v>170436.34769015497</v>
      </c>
      <c r="D2022">
        <f t="shared" si="31"/>
        <v>0</v>
      </c>
    </row>
    <row r="2023" spans="1:4" x14ac:dyDescent="0.25">
      <c r="A2023" s="20">
        <v>43640.041666661775</v>
      </c>
      <c r="B2023" s="22">
        <v>1.0822025537490845</v>
      </c>
      <c r="C2023" s="21">
        <v>133426.37314797437</v>
      </c>
      <c r="D2023">
        <f t="shared" si="31"/>
        <v>1</v>
      </c>
    </row>
    <row r="2024" spans="1:4" x14ac:dyDescent="0.25">
      <c r="A2024" s="20">
        <v>43640.083333328439</v>
      </c>
      <c r="B2024" s="22">
        <v>1.04694664478302</v>
      </c>
      <c r="C2024" s="21">
        <v>129079.61934566555</v>
      </c>
      <c r="D2024">
        <f t="shared" si="31"/>
        <v>2</v>
      </c>
    </row>
    <row r="2025" spans="1:4" x14ac:dyDescent="0.25">
      <c r="A2025" s="20">
        <v>43640.124999995103</v>
      </c>
      <c r="B2025" s="22">
        <v>0.92381066083908081</v>
      </c>
      <c r="C2025" s="21">
        <v>113897.99952345221</v>
      </c>
      <c r="D2025">
        <f t="shared" si="31"/>
        <v>3</v>
      </c>
    </row>
    <row r="2026" spans="1:4" x14ac:dyDescent="0.25">
      <c r="A2026" s="20">
        <v>43640.166666661768</v>
      </c>
      <c r="B2026" s="22">
        <v>0.84237831830978394</v>
      </c>
      <c r="C2026" s="21">
        <v>103858.08409081241</v>
      </c>
      <c r="D2026">
        <f t="shared" si="31"/>
        <v>4</v>
      </c>
    </row>
    <row r="2027" spans="1:4" x14ac:dyDescent="0.25">
      <c r="A2027" s="20">
        <v>43640.208333328432</v>
      </c>
      <c r="B2027" s="22">
        <v>0.87940764427185059</v>
      </c>
      <c r="C2027" s="21">
        <v>108423.48512975527</v>
      </c>
      <c r="D2027">
        <f t="shared" si="31"/>
        <v>5</v>
      </c>
    </row>
    <row r="2028" spans="1:4" x14ac:dyDescent="0.25">
      <c r="A2028" s="20">
        <v>43640.249999995096</v>
      </c>
      <c r="B2028" s="22">
        <v>1.0733637809753418</v>
      </c>
      <c r="C2028" s="21">
        <v>132336.62761910458</v>
      </c>
      <c r="D2028">
        <f t="shared" si="31"/>
        <v>6</v>
      </c>
    </row>
    <row r="2029" spans="1:4" x14ac:dyDescent="0.25">
      <c r="A2029" s="20">
        <v>43640.29166666176</v>
      </c>
      <c r="B2029" s="22">
        <v>1.0473051071166992</v>
      </c>
      <c r="C2029" s="21">
        <v>129123.81470348214</v>
      </c>
      <c r="D2029">
        <f t="shared" si="31"/>
        <v>7</v>
      </c>
    </row>
    <row r="2030" spans="1:4" x14ac:dyDescent="0.25">
      <c r="A2030" s="20">
        <v>43640.333333328424</v>
      </c>
      <c r="B2030" s="22">
        <v>0.99425035715103149</v>
      </c>
      <c r="C2030" s="21">
        <v>122582.61514553604</v>
      </c>
      <c r="D2030">
        <f t="shared" si="31"/>
        <v>8</v>
      </c>
    </row>
    <row r="2031" spans="1:4" x14ac:dyDescent="0.25">
      <c r="A2031" s="20">
        <v>43640.374999995089</v>
      </c>
      <c r="B2031" s="22">
        <v>1.224162220954895</v>
      </c>
      <c r="C2031" s="21">
        <v>150928.79306275529</v>
      </c>
      <c r="D2031">
        <f t="shared" si="31"/>
        <v>9</v>
      </c>
    </row>
    <row r="2032" spans="1:4" x14ac:dyDescent="0.25">
      <c r="A2032" s="20">
        <v>43640.416666661753</v>
      </c>
      <c r="B2032" s="22">
        <v>1.6378456354141235</v>
      </c>
      <c r="C2032" s="21">
        <v>201932.44060687552</v>
      </c>
      <c r="D2032">
        <f t="shared" si="31"/>
        <v>10</v>
      </c>
    </row>
    <row r="2033" spans="1:4" x14ac:dyDescent="0.25">
      <c r="A2033" s="20">
        <v>43640.458333328417</v>
      </c>
      <c r="B2033" s="22">
        <v>2.1169419288635254</v>
      </c>
      <c r="C2033" s="21">
        <v>261000.93993922189</v>
      </c>
      <c r="D2033">
        <f t="shared" si="31"/>
        <v>11</v>
      </c>
    </row>
    <row r="2034" spans="1:4" x14ac:dyDescent="0.25">
      <c r="A2034" s="20">
        <v>43640.499999995081</v>
      </c>
      <c r="B2034" s="22">
        <v>2.2463016510009766</v>
      </c>
      <c r="C2034" s="21">
        <v>276949.89376162406</v>
      </c>
      <c r="D2034">
        <f t="shared" si="31"/>
        <v>12</v>
      </c>
    </row>
    <row r="2035" spans="1:4" x14ac:dyDescent="0.25">
      <c r="A2035" s="20">
        <v>43640.541666661746</v>
      </c>
      <c r="B2035" s="22">
        <v>2.3877923488616943</v>
      </c>
      <c r="C2035" s="21">
        <v>294394.49374369776</v>
      </c>
      <c r="D2035">
        <f t="shared" si="31"/>
        <v>13</v>
      </c>
    </row>
    <row r="2036" spans="1:4" x14ac:dyDescent="0.25">
      <c r="A2036" s="20">
        <v>43640.58333332841</v>
      </c>
      <c r="B2036" s="22">
        <v>2.6061789989471436</v>
      </c>
      <c r="C2036" s="21">
        <v>321319.71080578316</v>
      </c>
      <c r="D2036">
        <f t="shared" si="31"/>
        <v>14</v>
      </c>
    </row>
    <row r="2037" spans="1:4" x14ac:dyDescent="0.25">
      <c r="A2037" s="20">
        <v>43640.624999995074</v>
      </c>
      <c r="B2037" s="22">
        <v>2.6513340473175049</v>
      </c>
      <c r="C2037" s="21">
        <v>326886.94432644587</v>
      </c>
      <c r="D2037">
        <f t="shared" si="31"/>
        <v>15</v>
      </c>
    </row>
    <row r="2038" spans="1:4" x14ac:dyDescent="0.25">
      <c r="A2038" s="20">
        <v>43640.666666661738</v>
      </c>
      <c r="B2038" s="22">
        <v>2.8073701858520508</v>
      </c>
      <c r="C2038" s="21">
        <v>346124.8734669332</v>
      </c>
      <c r="D2038">
        <f t="shared" si="31"/>
        <v>16</v>
      </c>
    </row>
    <row r="2039" spans="1:4" x14ac:dyDescent="0.25">
      <c r="A2039" s="20">
        <v>43640.708333328403</v>
      </c>
      <c r="B2039" s="22">
        <v>2.7919158935546875</v>
      </c>
      <c r="C2039" s="21">
        <v>344219.49063110235</v>
      </c>
      <c r="D2039">
        <f t="shared" si="31"/>
        <v>17</v>
      </c>
    </row>
    <row r="2040" spans="1:4" x14ac:dyDescent="0.25">
      <c r="A2040" s="20">
        <v>43640.749999995067</v>
      </c>
      <c r="B2040" s="22">
        <v>2.3065106868743896</v>
      </c>
      <c r="C2040" s="21">
        <v>284373.15594068222</v>
      </c>
      <c r="D2040">
        <f t="shared" si="31"/>
        <v>18</v>
      </c>
    </row>
    <row r="2041" spans="1:4" x14ac:dyDescent="0.25">
      <c r="A2041" s="20">
        <v>43640.791666661731</v>
      </c>
      <c r="B2041" s="22">
        <v>2.235565185546875</v>
      </c>
      <c r="C2041" s="21">
        <v>275626.1788609277</v>
      </c>
      <c r="D2041">
        <f t="shared" si="31"/>
        <v>19</v>
      </c>
    </row>
    <row r="2042" spans="1:4" x14ac:dyDescent="0.25">
      <c r="A2042" s="20">
        <v>43640.833333328395</v>
      </c>
      <c r="B2042" s="22">
        <v>2.015683650970459</v>
      </c>
      <c r="C2042" s="21">
        <v>248516.65525177872</v>
      </c>
      <c r="D2042">
        <f t="shared" si="31"/>
        <v>20</v>
      </c>
    </row>
    <row r="2043" spans="1:4" x14ac:dyDescent="0.25">
      <c r="A2043" s="20">
        <v>43640.87499999506</v>
      </c>
      <c r="B2043" s="22">
        <v>1.9068257808685303</v>
      </c>
      <c r="C2043" s="21">
        <v>235095.40546263687</v>
      </c>
      <c r="D2043">
        <f t="shared" si="31"/>
        <v>21</v>
      </c>
    </row>
    <row r="2044" spans="1:4" x14ac:dyDescent="0.25">
      <c r="A2044" s="20">
        <v>43640.916666661724</v>
      </c>
      <c r="B2044" s="22">
        <v>1.7890398502349854</v>
      </c>
      <c r="C2044" s="21">
        <v>220573.40172327351</v>
      </c>
      <c r="D2044">
        <f t="shared" si="31"/>
        <v>22</v>
      </c>
    </row>
    <row r="2045" spans="1:4" x14ac:dyDescent="0.25">
      <c r="A2045" s="20">
        <v>43640.958333328388</v>
      </c>
      <c r="B2045" s="22">
        <v>1.4015884399414063</v>
      </c>
      <c r="C2045" s="21">
        <v>172803.93724784028</v>
      </c>
      <c r="D2045">
        <f t="shared" si="31"/>
        <v>23</v>
      </c>
    </row>
    <row r="2046" spans="1:4" x14ac:dyDescent="0.25">
      <c r="A2046" s="20">
        <v>43640.999999995052</v>
      </c>
      <c r="B2046" s="22">
        <v>1.2886408567428589</v>
      </c>
      <c r="C2046" s="21">
        <v>158878.46060781257</v>
      </c>
      <c r="D2046">
        <f t="shared" si="31"/>
        <v>0</v>
      </c>
    </row>
    <row r="2047" spans="1:4" x14ac:dyDescent="0.25">
      <c r="A2047" s="20">
        <v>43641.041666661717</v>
      </c>
      <c r="B2047" s="22">
        <v>1.0393872261047363</v>
      </c>
      <c r="C2047" s="21">
        <v>128147.60729870056</v>
      </c>
      <c r="D2047">
        <f t="shared" si="31"/>
        <v>1</v>
      </c>
    </row>
    <row r="2048" spans="1:4" x14ac:dyDescent="0.25">
      <c r="A2048" s="20">
        <v>43641.083333328381</v>
      </c>
      <c r="B2048" s="22">
        <v>0.93610823154449463</v>
      </c>
      <c r="C2048" s="21">
        <v>115414.18542790218</v>
      </c>
      <c r="D2048">
        <f t="shared" si="31"/>
        <v>2</v>
      </c>
    </row>
    <row r="2049" spans="1:4" x14ac:dyDescent="0.25">
      <c r="A2049" s="20">
        <v>43641.124999995045</v>
      </c>
      <c r="B2049" s="22">
        <v>0.86620467901229858</v>
      </c>
      <c r="C2049" s="21">
        <v>106795.67177514995</v>
      </c>
      <c r="D2049">
        <f t="shared" si="31"/>
        <v>3</v>
      </c>
    </row>
    <row r="2050" spans="1:4" x14ac:dyDescent="0.25">
      <c r="A2050" s="20">
        <v>43641.166666661709</v>
      </c>
      <c r="B2050" s="22">
        <v>0.81695264577865601</v>
      </c>
      <c r="C2050" s="21">
        <v>100723.31485660208</v>
      </c>
      <c r="D2050">
        <f t="shared" si="31"/>
        <v>4</v>
      </c>
    </row>
    <row r="2051" spans="1:4" x14ac:dyDescent="0.25">
      <c r="A2051" s="20">
        <v>43641.208333328374</v>
      </c>
      <c r="B2051" s="22">
        <v>0.85254210233688354</v>
      </c>
      <c r="C2051" s="21">
        <v>105111.19224094308</v>
      </c>
      <c r="D2051">
        <f t="shared" si="31"/>
        <v>5</v>
      </c>
    </row>
    <row r="2052" spans="1:4" x14ac:dyDescent="0.25">
      <c r="A2052" s="20">
        <v>43641.249999995038</v>
      </c>
      <c r="B2052" s="22">
        <v>1.076882004737854</v>
      </c>
      <c r="C2052" s="21">
        <v>132770.39469434274</v>
      </c>
      <c r="D2052">
        <f t="shared" si="31"/>
        <v>6</v>
      </c>
    </row>
    <row r="2053" spans="1:4" x14ac:dyDescent="0.25">
      <c r="A2053" s="20">
        <v>43641.291666661702</v>
      </c>
      <c r="B2053" s="22">
        <v>1.1090705394744873</v>
      </c>
      <c r="C2053" s="21">
        <v>136738.96733536827</v>
      </c>
      <c r="D2053">
        <f t="shared" si="31"/>
        <v>7</v>
      </c>
    </row>
    <row r="2054" spans="1:4" x14ac:dyDescent="0.25">
      <c r="A2054" s="20">
        <v>43641.333333328366</v>
      </c>
      <c r="B2054" s="22">
        <v>1.2906210422515869</v>
      </c>
      <c r="C2054" s="21">
        <v>159122.60064395872</v>
      </c>
      <c r="D2054">
        <f t="shared" si="31"/>
        <v>8</v>
      </c>
    </row>
    <row r="2055" spans="1:4" x14ac:dyDescent="0.25">
      <c r="A2055" s="20">
        <v>43641.374999995031</v>
      </c>
      <c r="B2055" s="22">
        <v>1.4162007570266724</v>
      </c>
      <c r="C2055" s="21">
        <v>174605.51169914886</v>
      </c>
      <c r="D2055">
        <f t="shared" ref="D2055:D2118" si="32">HOUR(A2055)</f>
        <v>9</v>
      </c>
    </row>
    <row r="2056" spans="1:4" x14ac:dyDescent="0.25">
      <c r="A2056" s="20">
        <v>43641.416666661695</v>
      </c>
      <c r="B2056" s="22">
        <v>1.5459302663803101</v>
      </c>
      <c r="C2056" s="21">
        <v>190600.0571410878</v>
      </c>
      <c r="D2056">
        <f t="shared" si="32"/>
        <v>10</v>
      </c>
    </row>
    <row r="2057" spans="1:4" x14ac:dyDescent="0.25">
      <c r="A2057" s="20">
        <v>43641.458333328359</v>
      </c>
      <c r="B2057" s="22">
        <v>1.599892258644104</v>
      </c>
      <c r="C2057" s="21">
        <v>197253.11196031197</v>
      </c>
      <c r="D2057">
        <f t="shared" si="32"/>
        <v>11</v>
      </c>
    </row>
    <row r="2058" spans="1:4" x14ac:dyDescent="0.25">
      <c r="A2058" s="20">
        <v>43641.499999995023</v>
      </c>
      <c r="B2058" s="22">
        <v>1.8635320663452148</v>
      </c>
      <c r="C2058" s="21">
        <v>229757.65857880437</v>
      </c>
      <c r="D2058">
        <f t="shared" si="32"/>
        <v>12</v>
      </c>
    </row>
    <row r="2059" spans="1:4" x14ac:dyDescent="0.25">
      <c r="A2059" s="20">
        <v>43641.541666661687</v>
      </c>
      <c r="B2059" s="22">
        <v>2.0663383007049561</v>
      </c>
      <c r="C2059" s="21">
        <v>254761.94285874366</v>
      </c>
      <c r="D2059">
        <f t="shared" si="32"/>
        <v>13</v>
      </c>
    </row>
    <row r="2060" spans="1:4" x14ac:dyDescent="0.25">
      <c r="A2060" s="20">
        <v>43641.583333328352</v>
      </c>
      <c r="B2060" s="22">
        <v>2.229665994644165</v>
      </c>
      <c r="C2060" s="21">
        <v>274898.85878214083</v>
      </c>
      <c r="D2060">
        <f t="shared" si="32"/>
        <v>14</v>
      </c>
    </row>
    <row r="2061" spans="1:4" x14ac:dyDescent="0.25">
      <c r="A2061" s="20">
        <v>43641.624999995016</v>
      </c>
      <c r="B2061" s="22">
        <v>2.2554600238800049</v>
      </c>
      <c r="C2061" s="21">
        <v>278079.04326598643</v>
      </c>
      <c r="D2061">
        <f t="shared" si="32"/>
        <v>15</v>
      </c>
    </row>
    <row r="2062" spans="1:4" x14ac:dyDescent="0.25">
      <c r="A2062" s="20">
        <v>43641.66666666168</v>
      </c>
      <c r="B2062" s="22">
        <v>2.3960063457489014</v>
      </c>
      <c r="C2062" s="21">
        <v>295407.20971808909</v>
      </c>
      <c r="D2062">
        <f t="shared" si="32"/>
        <v>16</v>
      </c>
    </row>
    <row r="2063" spans="1:4" x14ac:dyDescent="0.25">
      <c r="A2063" s="20">
        <v>43641.708333328344</v>
      </c>
      <c r="B2063" s="22">
        <v>2.6680901050567627</v>
      </c>
      <c r="C2063" s="21">
        <v>328952.82377263828</v>
      </c>
      <c r="D2063">
        <f t="shared" si="32"/>
        <v>17</v>
      </c>
    </row>
    <row r="2064" spans="1:4" x14ac:dyDescent="0.25">
      <c r="A2064" s="20">
        <v>43641.749999995009</v>
      </c>
      <c r="B2064" s="22">
        <v>2.3765056133270264</v>
      </c>
      <c r="C2064" s="21">
        <v>293002.93522089254</v>
      </c>
      <c r="D2064">
        <f t="shared" si="32"/>
        <v>18</v>
      </c>
    </row>
    <row r="2065" spans="1:4" x14ac:dyDescent="0.25">
      <c r="A2065" s="20">
        <v>43641.791666661673</v>
      </c>
      <c r="B2065" s="22">
        <v>2.312065601348877</v>
      </c>
      <c r="C2065" s="21">
        <v>285058.02966317564</v>
      </c>
      <c r="D2065">
        <f t="shared" si="32"/>
        <v>19</v>
      </c>
    </row>
    <row r="2066" spans="1:4" x14ac:dyDescent="0.25">
      <c r="A2066" s="20">
        <v>43641.833333328337</v>
      </c>
      <c r="B2066" s="22">
        <v>2.031865119934082</v>
      </c>
      <c r="C2066" s="21">
        <v>250511.69278753683</v>
      </c>
      <c r="D2066">
        <f t="shared" si="32"/>
        <v>20</v>
      </c>
    </row>
    <row r="2067" spans="1:4" x14ac:dyDescent="0.25">
      <c r="A2067" s="20">
        <v>43641.874999995001</v>
      </c>
      <c r="B2067" s="22">
        <v>1.9267672300338745</v>
      </c>
      <c r="C2067" s="21">
        <v>237554.01658698605</v>
      </c>
      <c r="D2067">
        <f t="shared" si="32"/>
        <v>21</v>
      </c>
    </row>
    <row r="2068" spans="1:4" x14ac:dyDescent="0.25">
      <c r="A2068" s="20">
        <v>43641.916666661666</v>
      </c>
      <c r="B2068" s="22">
        <v>1.6872475147247314</v>
      </c>
      <c r="C2068" s="21">
        <v>208023.2722726051</v>
      </c>
      <c r="D2068">
        <f t="shared" si="32"/>
        <v>22</v>
      </c>
    </row>
    <row r="2069" spans="1:4" x14ac:dyDescent="0.25">
      <c r="A2069" s="20">
        <v>43641.95833332833</v>
      </c>
      <c r="B2069" s="22">
        <v>1.4323809146881104</v>
      </c>
      <c r="C2069" s="21">
        <v>176600.38756249732</v>
      </c>
      <c r="D2069">
        <f t="shared" si="32"/>
        <v>23</v>
      </c>
    </row>
    <row r="2070" spans="1:4" x14ac:dyDescent="0.25">
      <c r="A2070" s="20">
        <v>43641.999999994994</v>
      </c>
      <c r="B2070" s="22">
        <v>1.0838831663131714</v>
      </c>
      <c r="C2070" s="21">
        <v>133633.57838724885</v>
      </c>
      <c r="D2070">
        <f t="shared" si="32"/>
        <v>0</v>
      </c>
    </row>
    <row r="2071" spans="1:4" x14ac:dyDescent="0.25">
      <c r="A2071" s="20">
        <v>43642.041666661658</v>
      </c>
      <c r="B2071" s="22">
        <v>0.96306848526000977</v>
      </c>
      <c r="C2071" s="21">
        <v>118738.15547394259</v>
      </c>
      <c r="D2071">
        <f t="shared" si="32"/>
        <v>1</v>
      </c>
    </row>
    <row r="2072" spans="1:4" x14ac:dyDescent="0.25">
      <c r="A2072" s="20">
        <v>43642.083333328323</v>
      </c>
      <c r="B2072" s="22">
        <v>0.84457105398178101</v>
      </c>
      <c r="C2072" s="21">
        <v>104128.42975482253</v>
      </c>
      <c r="D2072">
        <f t="shared" si="32"/>
        <v>2</v>
      </c>
    </row>
    <row r="2073" spans="1:4" x14ac:dyDescent="0.25">
      <c r="A2073" s="20">
        <v>43642.124999994987</v>
      </c>
      <c r="B2073" s="22">
        <v>0.75285601615905762</v>
      </c>
      <c r="C2073" s="21">
        <v>92820.745423990185</v>
      </c>
      <c r="D2073">
        <f t="shared" si="32"/>
        <v>3</v>
      </c>
    </row>
    <row r="2074" spans="1:4" x14ac:dyDescent="0.25">
      <c r="A2074" s="20">
        <v>43642.166666661651</v>
      </c>
      <c r="B2074" s="22">
        <v>0.75710374116897583</v>
      </c>
      <c r="C2074" s="21">
        <v>93344.453800245537</v>
      </c>
      <c r="D2074">
        <f t="shared" si="32"/>
        <v>4</v>
      </c>
    </row>
    <row r="2075" spans="1:4" x14ac:dyDescent="0.25">
      <c r="A2075" s="20">
        <v>43642.208333328315</v>
      </c>
      <c r="B2075" s="22">
        <v>0.79213476181030273</v>
      </c>
      <c r="C2075" s="21">
        <v>97663.480784289975</v>
      </c>
      <c r="D2075">
        <f t="shared" si="32"/>
        <v>5</v>
      </c>
    </row>
    <row r="2076" spans="1:4" x14ac:dyDescent="0.25">
      <c r="A2076" s="20">
        <v>43642.24999999498</v>
      </c>
      <c r="B2076" s="22">
        <v>0.98373138904571533</v>
      </c>
      <c r="C2076" s="21">
        <v>121285.71581861303</v>
      </c>
      <c r="D2076">
        <f t="shared" si="32"/>
        <v>6</v>
      </c>
    </row>
    <row r="2077" spans="1:4" x14ac:dyDescent="0.25">
      <c r="A2077" s="20">
        <v>43642.291666661644</v>
      </c>
      <c r="B2077" s="22">
        <v>0.95037597417831421</v>
      </c>
      <c r="C2077" s="21">
        <v>117173.27677918784</v>
      </c>
      <c r="D2077">
        <f t="shared" si="32"/>
        <v>7</v>
      </c>
    </row>
    <row r="2078" spans="1:4" x14ac:dyDescent="0.25">
      <c r="A2078" s="20">
        <v>43642.333333328308</v>
      </c>
      <c r="B2078" s="22">
        <v>0.99934583902359009</v>
      </c>
      <c r="C2078" s="21">
        <v>123210.8447346656</v>
      </c>
      <c r="D2078">
        <f t="shared" si="32"/>
        <v>8</v>
      </c>
    </row>
    <row r="2079" spans="1:4" x14ac:dyDescent="0.25">
      <c r="A2079" s="20">
        <v>43642.374999994972</v>
      </c>
      <c r="B2079" s="22">
        <v>1.2154903411865234</v>
      </c>
      <c r="C2079" s="21">
        <v>149859.62402239337</v>
      </c>
      <c r="D2079">
        <f t="shared" si="32"/>
        <v>9</v>
      </c>
    </row>
    <row r="2080" spans="1:4" x14ac:dyDescent="0.25">
      <c r="A2080" s="20">
        <v>43642.416666661637</v>
      </c>
      <c r="B2080" s="22">
        <v>1.3660675287246704</v>
      </c>
      <c r="C2080" s="21">
        <v>168424.51092127932</v>
      </c>
      <c r="D2080">
        <f t="shared" si="32"/>
        <v>10</v>
      </c>
    </row>
    <row r="2081" spans="1:4" x14ac:dyDescent="0.25">
      <c r="A2081" s="20">
        <v>43642.458333328301</v>
      </c>
      <c r="B2081" s="22">
        <v>1.5685970783233643</v>
      </c>
      <c r="C2081" s="21">
        <v>193394.68232277088</v>
      </c>
      <c r="D2081">
        <f t="shared" si="32"/>
        <v>11</v>
      </c>
    </row>
    <row r="2082" spans="1:4" x14ac:dyDescent="0.25">
      <c r="A2082" s="20">
        <v>43642.499999994965</v>
      </c>
      <c r="B2082" s="22">
        <v>1.8779420852661133</v>
      </c>
      <c r="C2082" s="21">
        <v>231534.29138654302</v>
      </c>
      <c r="D2082">
        <f t="shared" si="32"/>
        <v>12</v>
      </c>
    </row>
    <row r="2083" spans="1:4" x14ac:dyDescent="0.25">
      <c r="A2083" s="20">
        <v>43642.541666661629</v>
      </c>
      <c r="B2083" s="22">
        <v>2.2336382865905762</v>
      </c>
      <c r="C2083" s="21">
        <v>275388.60860361229</v>
      </c>
      <c r="D2083">
        <f t="shared" si="32"/>
        <v>13</v>
      </c>
    </row>
    <row r="2084" spans="1:4" x14ac:dyDescent="0.25">
      <c r="A2084" s="20">
        <v>43642.583333328294</v>
      </c>
      <c r="B2084" s="22">
        <v>2.4796326160430908</v>
      </c>
      <c r="C2084" s="21">
        <v>305717.61778965691</v>
      </c>
      <c r="D2084">
        <f t="shared" si="32"/>
        <v>14</v>
      </c>
    </row>
    <row r="2085" spans="1:4" x14ac:dyDescent="0.25">
      <c r="A2085" s="20">
        <v>43642.624999994958</v>
      </c>
      <c r="B2085" s="22">
        <v>2.5170822143554688</v>
      </c>
      <c r="C2085" s="21">
        <v>310334.83483591024</v>
      </c>
      <c r="D2085">
        <f t="shared" si="32"/>
        <v>15</v>
      </c>
    </row>
    <row r="2086" spans="1:4" x14ac:dyDescent="0.25">
      <c r="A2086" s="20">
        <v>43642.666666661622</v>
      </c>
      <c r="B2086" s="22">
        <v>2.9289631843566895</v>
      </c>
      <c r="C2086" s="21">
        <v>361116.25630414521</v>
      </c>
      <c r="D2086">
        <f t="shared" si="32"/>
        <v>16</v>
      </c>
    </row>
    <row r="2087" spans="1:4" x14ac:dyDescent="0.25">
      <c r="A2087" s="20">
        <v>43642.708333328286</v>
      </c>
      <c r="B2087" s="22">
        <v>2.9133636951446533</v>
      </c>
      <c r="C2087" s="21">
        <v>359192.97192331246</v>
      </c>
      <c r="D2087">
        <f t="shared" si="32"/>
        <v>17</v>
      </c>
    </row>
    <row r="2088" spans="1:4" x14ac:dyDescent="0.25">
      <c r="A2088" s="20">
        <v>43642.74999999495</v>
      </c>
      <c r="B2088" s="22">
        <v>2.8158829212188721</v>
      </c>
      <c r="C2088" s="21">
        <v>347174.42135575367</v>
      </c>
      <c r="D2088">
        <f t="shared" si="32"/>
        <v>18</v>
      </c>
    </row>
    <row r="2089" spans="1:4" x14ac:dyDescent="0.25">
      <c r="A2089" s="20">
        <v>43642.791666661615</v>
      </c>
      <c r="B2089" s="22">
        <v>2.5797655582427979</v>
      </c>
      <c r="C2089" s="21">
        <v>318063.15815458971</v>
      </c>
      <c r="D2089">
        <f t="shared" si="32"/>
        <v>19</v>
      </c>
    </row>
    <row r="2090" spans="1:4" x14ac:dyDescent="0.25">
      <c r="A2090" s="20">
        <v>43642.833333328279</v>
      </c>
      <c r="B2090" s="22">
        <v>2.5226554870605469</v>
      </c>
      <c r="C2090" s="21">
        <v>311021.97197213949</v>
      </c>
      <c r="D2090">
        <f t="shared" si="32"/>
        <v>20</v>
      </c>
    </row>
    <row r="2091" spans="1:4" x14ac:dyDescent="0.25">
      <c r="A2091" s="20">
        <v>43642.874999994943</v>
      </c>
      <c r="B2091" s="22">
        <v>2.2738630771636963</v>
      </c>
      <c r="C2091" s="21">
        <v>280347.98325876822</v>
      </c>
      <c r="D2091">
        <f t="shared" si="32"/>
        <v>21</v>
      </c>
    </row>
    <row r="2092" spans="1:4" x14ac:dyDescent="0.25">
      <c r="A2092" s="20">
        <v>43642.916666661607</v>
      </c>
      <c r="B2092" s="22">
        <v>2.0129656791687012</v>
      </c>
      <c r="C2092" s="21">
        <v>248181.55243893591</v>
      </c>
      <c r="D2092">
        <f t="shared" si="32"/>
        <v>22</v>
      </c>
    </row>
    <row r="2093" spans="1:4" x14ac:dyDescent="0.25">
      <c r="A2093" s="20">
        <v>43642.958333328272</v>
      </c>
      <c r="B2093" s="22">
        <v>1.6907864809036255</v>
      </c>
      <c r="C2093" s="21">
        <v>208459.59671141498</v>
      </c>
      <c r="D2093">
        <f t="shared" si="32"/>
        <v>23</v>
      </c>
    </row>
    <row r="2094" spans="1:4" x14ac:dyDescent="0.25">
      <c r="A2094" s="20">
        <v>43642.999999994936</v>
      </c>
      <c r="B2094" s="22">
        <v>1.2986129522323608</v>
      </c>
      <c r="C2094" s="21">
        <v>160107.93519114272</v>
      </c>
      <c r="D2094">
        <f t="shared" si="32"/>
        <v>0</v>
      </c>
    </row>
    <row r="2095" spans="1:4" x14ac:dyDescent="0.25">
      <c r="A2095" s="20">
        <v>43643.0416666616</v>
      </c>
      <c r="B2095" s="22">
        <v>1.2422211170196533</v>
      </c>
      <c r="C2095" s="21">
        <v>153155.30139673542</v>
      </c>
      <c r="D2095">
        <f t="shared" si="32"/>
        <v>1</v>
      </c>
    </row>
    <row r="2096" spans="1:4" x14ac:dyDescent="0.25">
      <c r="A2096" s="20">
        <v>43643.083333328264</v>
      </c>
      <c r="B2096" s="22">
        <v>1.1122329235076904</v>
      </c>
      <c r="C2096" s="21">
        <v>137128.86239760925</v>
      </c>
      <c r="D2096">
        <f t="shared" si="32"/>
        <v>2</v>
      </c>
    </row>
    <row r="2097" spans="1:4" x14ac:dyDescent="0.25">
      <c r="A2097" s="20">
        <v>43643.124999994929</v>
      </c>
      <c r="B2097" s="22">
        <v>0.97615426778793335</v>
      </c>
      <c r="C2097" s="21">
        <v>120351.521194117</v>
      </c>
      <c r="D2097">
        <f t="shared" si="32"/>
        <v>3</v>
      </c>
    </row>
    <row r="2098" spans="1:4" x14ac:dyDescent="0.25">
      <c r="A2098" s="20">
        <v>43643.166666661593</v>
      </c>
      <c r="B2098" s="22">
        <v>0.88847428560256958</v>
      </c>
      <c r="C2098" s="21">
        <v>109541.32491418424</v>
      </c>
      <c r="D2098">
        <f t="shared" si="32"/>
        <v>4</v>
      </c>
    </row>
    <row r="2099" spans="1:4" x14ac:dyDescent="0.25">
      <c r="A2099" s="20">
        <v>43643.208333328257</v>
      </c>
      <c r="B2099" s="22">
        <v>0.90925520658493042</v>
      </c>
      <c r="C2099" s="21">
        <v>112103.43577572811</v>
      </c>
      <c r="D2099">
        <f t="shared" si="32"/>
        <v>5</v>
      </c>
    </row>
    <row r="2100" spans="1:4" x14ac:dyDescent="0.25">
      <c r="A2100" s="20">
        <v>43643.249999994921</v>
      </c>
      <c r="B2100" s="22">
        <v>1.0620828866958618</v>
      </c>
      <c r="C2100" s="21">
        <v>130945.78927339711</v>
      </c>
      <c r="D2100">
        <f t="shared" si="32"/>
        <v>6</v>
      </c>
    </row>
    <row r="2101" spans="1:4" x14ac:dyDescent="0.25">
      <c r="A2101" s="20">
        <v>43643.291666661586</v>
      </c>
      <c r="B2101" s="22">
        <v>1.0494115352630615</v>
      </c>
      <c r="C2101" s="21">
        <v>129383.51938343536</v>
      </c>
      <c r="D2101">
        <f t="shared" si="32"/>
        <v>7</v>
      </c>
    </row>
    <row r="2102" spans="1:4" x14ac:dyDescent="0.25">
      <c r="A2102" s="20">
        <v>43643.33333332825</v>
      </c>
      <c r="B2102" s="22">
        <v>1.1591870784759521</v>
      </c>
      <c r="C2102" s="21">
        <v>142917.91046438701</v>
      </c>
      <c r="D2102">
        <f t="shared" si="32"/>
        <v>8</v>
      </c>
    </row>
    <row r="2103" spans="1:4" x14ac:dyDescent="0.25">
      <c r="A2103" s="20">
        <v>43643.374999994914</v>
      </c>
      <c r="B2103" s="22">
        <v>1.3530627489089966</v>
      </c>
      <c r="C2103" s="21">
        <v>166821.13214677715</v>
      </c>
      <c r="D2103">
        <f t="shared" si="32"/>
        <v>9</v>
      </c>
    </row>
    <row r="2104" spans="1:4" x14ac:dyDescent="0.25">
      <c r="A2104" s="20">
        <v>43643.416666661578</v>
      </c>
      <c r="B2104" s="22">
        <v>1.6347956657409668</v>
      </c>
      <c r="C2104" s="21">
        <v>201556.40527939377</v>
      </c>
      <c r="D2104">
        <f t="shared" si="32"/>
        <v>10</v>
      </c>
    </row>
    <row r="2105" spans="1:4" x14ac:dyDescent="0.25">
      <c r="A2105" s="20">
        <v>43643.458333328243</v>
      </c>
      <c r="B2105" s="22">
        <v>1.9282313585281372</v>
      </c>
      <c r="C2105" s="21">
        <v>237734.53118116746</v>
      </c>
      <c r="D2105">
        <f t="shared" si="32"/>
        <v>11</v>
      </c>
    </row>
    <row r="2106" spans="1:4" x14ac:dyDescent="0.25">
      <c r="A2106" s="20">
        <v>43643.499999994907</v>
      </c>
      <c r="B2106" s="22">
        <v>2.1068239212036133</v>
      </c>
      <c r="C2106" s="21">
        <v>259753.47562593909</v>
      </c>
      <c r="D2106">
        <f t="shared" si="32"/>
        <v>12</v>
      </c>
    </row>
    <row r="2107" spans="1:4" x14ac:dyDescent="0.25">
      <c r="A2107" s="20">
        <v>43643.541666661571</v>
      </c>
      <c r="B2107" s="22">
        <v>2.3660187721252441</v>
      </c>
      <c r="C2107" s="21">
        <v>291709.99686800729</v>
      </c>
      <c r="D2107">
        <f t="shared" si="32"/>
        <v>13</v>
      </c>
    </row>
    <row r="2108" spans="1:4" x14ac:dyDescent="0.25">
      <c r="A2108" s="20">
        <v>43643.583333328235</v>
      </c>
      <c r="B2108" s="22">
        <v>2.6055228710174561</v>
      </c>
      <c r="C2108" s="21">
        <v>321238.81581096357</v>
      </c>
      <c r="D2108">
        <f t="shared" si="32"/>
        <v>14</v>
      </c>
    </row>
    <row r="2109" spans="1:4" x14ac:dyDescent="0.25">
      <c r="A2109" s="20">
        <v>43643.6249999949</v>
      </c>
      <c r="B2109" s="22">
        <v>2.9465837478637695</v>
      </c>
      <c r="C2109" s="21">
        <v>363288.7219608085</v>
      </c>
      <c r="D2109">
        <f t="shared" si="32"/>
        <v>15</v>
      </c>
    </row>
    <row r="2110" spans="1:4" x14ac:dyDescent="0.25">
      <c r="A2110" s="20">
        <v>43643.666666661564</v>
      </c>
      <c r="B2110" s="22">
        <v>2.9729108810424805</v>
      </c>
      <c r="C2110" s="21">
        <v>366534.63362794503</v>
      </c>
      <c r="D2110">
        <f t="shared" si="32"/>
        <v>16</v>
      </c>
    </row>
    <row r="2111" spans="1:4" x14ac:dyDescent="0.25">
      <c r="A2111" s="20">
        <v>43643.708333328228</v>
      </c>
      <c r="B2111" s="22">
        <v>2.9632256031036377</v>
      </c>
      <c r="C2111" s="21">
        <v>365340.52120986488</v>
      </c>
      <c r="D2111">
        <f t="shared" si="32"/>
        <v>17</v>
      </c>
    </row>
    <row r="2112" spans="1:4" x14ac:dyDescent="0.25">
      <c r="A2112" s="20">
        <v>43643.749999994892</v>
      </c>
      <c r="B2112" s="22">
        <v>2.987717866897583</v>
      </c>
      <c r="C2112" s="21">
        <v>368360.20908334886</v>
      </c>
      <c r="D2112">
        <f t="shared" si="32"/>
        <v>18</v>
      </c>
    </row>
    <row r="2113" spans="1:4" x14ac:dyDescent="0.25">
      <c r="A2113" s="20">
        <v>43643.791666661557</v>
      </c>
      <c r="B2113" s="22">
        <v>2.6230537891387939</v>
      </c>
      <c r="C2113" s="21">
        <v>323400.22895379981</v>
      </c>
      <c r="D2113">
        <f t="shared" si="32"/>
        <v>19</v>
      </c>
    </row>
    <row r="2114" spans="1:4" x14ac:dyDescent="0.25">
      <c r="A2114" s="20">
        <v>43643.833333328221</v>
      </c>
      <c r="B2114" s="22">
        <v>2.50290846824646</v>
      </c>
      <c r="C2114" s="21">
        <v>308587.33245690202</v>
      </c>
      <c r="D2114">
        <f t="shared" si="32"/>
        <v>20</v>
      </c>
    </row>
    <row r="2115" spans="1:4" x14ac:dyDescent="0.25">
      <c r="A2115" s="20">
        <v>43643.874999994885</v>
      </c>
      <c r="B2115" s="22">
        <v>2.4592607021331787</v>
      </c>
      <c r="C2115" s="21">
        <v>303205.93402244919</v>
      </c>
      <c r="D2115">
        <f t="shared" si="32"/>
        <v>21</v>
      </c>
    </row>
    <row r="2116" spans="1:4" x14ac:dyDescent="0.25">
      <c r="A2116" s="20">
        <v>43643.916666661549</v>
      </c>
      <c r="B2116" s="22">
        <v>2.0164742469787598</v>
      </c>
      <c r="C2116" s="21">
        <v>248614.12901733897</v>
      </c>
      <c r="D2116">
        <f t="shared" si="32"/>
        <v>22</v>
      </c>
    </row>
    <row r="2117" spans="1:4" x14ac:dyDescent="0.25">
      <c r="A2117" s="20">
        <v>43643.958333328213</v>
      </c>
      <c r="B2117" s="22">
        <v>1.5894659757614136</v>
      </c>
      <c r="C2117" s="21">
        <v>195967.63993325678</v>
      </c>
      <c r="D2117">
        <f t="shared" si="32"/>
        <v>23</v>
      </c>
    </row>
    <row r="2118" spans="1:4" x14ac:dyDescent="0.25">
      <c r="A2118" s="20">
        <v>43643.999999994878</v>
      </c>
      <c r="B2118" s="22">
        <v>1.4121026992797852</v>
      </c>
      <c r="C2118" s="21">
        <v>174100.25602383757</v>
      </c>
      <c r="D2118">
        <f t="shared" si="32"/>
        <v>0</v>
      </c>
    </row>
    <row r="2119" spans="1:4" x14ac:dyDescent="0.25">
      <c r="A2119" s="20">
        <v>43644.041666661542</v>
      </c>
      <c r="B2119" s="22">
        <v>1.1986275911331177</v>
      </c>
      <c r="C2119" s="21">
        <v>147780.59032104764</v>
      </c>
      <c r="D2119">
        <f t="shared" ref="D2119:D2182" si="33">HOUR(A2119)</f>
        <v>1</v>
      </c>
    </row>
    <row r="2120" spans="1:4" x14ac:dyDescent="0.25">
      <c r="A2120" s="20">
        <v>43644.083333328206</v>
      </c>
      <c r="B2120" s="22">
        <v>1.0233019590377808</v>
      </c>
      <c r="C2120" s="21">
        <v>126164.43063881803</v>
      </c>
      <c r="D2120">
        <f t="shared" si="33"/>
        <v>2</v>
      </c>
    </row>
    <row r="2121" spans="1:4" x14ac:dyDescent="0.25">
      <c r="A2121" s="20">
        <v>43644.12499999487</v>
      </c>
      <c r="B2121" s="22">
        <v>0.98090606927871704</v>
      </c>
      <c r="C2121" s="21">
        <v>120937.37791441208</v>
      </c>
      <c r="D2121">
        <f t="shared" si="33"/>
        <v>3</v>
      </c>
    </row>
    <row r="2122" spans="1:4" x14ac:dyDescent="0.25">
      <c r="A2122" s="20">
        <v>43644.166666661535</v>
      </c>
      <c r="B2122" s="22">
        <v>0.87834179401397705</v>
      </c>
      <c r="C2122" s="21">
        <v>108292.07485564878</v>
      </c>
      <c r="D2122">
        <f t="shared" si="33"/>
        <v>4</v>
      </c>
    </row>
    <row r="2123" spans="1:4" x14ac:dyDescent="0.25">
      <c r="A2123" s="20">
        <v>43644.208333328199</v>
      </c>
      <c r="B2123" s="22">
        <v>0.90850353240966797</v>
      </c>
      <c r="C2123" s="21">
        <v>112010.76074123774</v>
      </c>
      <c r="D2123">
        <f t="shared" si="33"/>
        <v>5</v>
      </c>
    </row>
    <row r="2124" spans="1:4" x14ac:dyDescent="0.25">
      <c r="A2124" s="20">
        <v>43644.249999994863</v>
      </c>
      <c r="B2124" s="22">
        <v>1.0166275501251221</v>
      </c>
      <c r="C2124" s="21">
        <v>125341.53277091202</v>
      </c>
      <c r="D2124">
        <f t="shared" si="33"/>
        <v>6</v>
      </c>
    </row>
    <row r="2125" spans="1:4" x14ac:dyDescent="0.25">
      <c r="A2125" s="20">
        <v>43644.291666661527</v>
      </c>
      <c r="B2125" s="22">
        <v>1.0189627408981323</v>
      </c>
      <c r="C2125" s="21">
        <v>125629.44193761281</v>
      </c>
      <c r="D2125">
        <f t="shared" si="33"/>
        <v>7</v>
      </c>
    </row>
    <row r="2126" spans="1:4" x14ac:dyDescent="0.25">
      <c r="A2126" s="20">
        <v>43644.333333328192</v>
      </c>
      <c r="B2126" s="22">
        <v>1.2079812288284302</v>
      </c>
      <c r="C2126" s="21">
        <v>148933.8143169643</v>
      </c>
      <c r="D2126">
        <f t="shared" si="33"/>
        <v>8</v>
      </c>
    </row>
    <row r="2127" spans="1:4" x14ac:dyDescent="0.25">
      <c r="A2127" s="20">
        <v>43644.374999994856</v>
      </c>
      <c r="B2127" s="22">
        <v>1.4947381019592285</v>
      </c>
      <c r="C2127" s="21">
        <v>184288.49854363568</v>
      </c>
      <c r="D2127">
        <f t="shared" si="33"/>
        <v>9</v>
      </c>
    </row>
    <row r="2128" spans="1:4" x14ac:dyDescent="0.25">
      <c r="A2128" s="20">
        <v>43644.41666666152</v>
      </c>
      <c r="B2128" s="22">
        <v>1.7781304121017456</v>
      </c>
      <c r="C2128" s="21">
        <v>219228.36076198795</v>
      </c>
      <c r="D2128">
        <f t="shared" si="33"/>
        <v>10</v>
      </c>
    </row>
    <row r="2129" spans="1:4" x14ac:dyDescent="0.25">
      <c r="A2129" s="20">
        <v>43644.458333328184</v>
      </c>
      <c r="B2129" s="22">
        <v>2.0185415744781494</v>
      </c>
      <c r="C2129" s="21">
        <v>248869.01291998461</v>
      </c>
      <c r="D2129">
        <f t="shared" si="33"/>
        <v>11</v>
      </c>
    </row>
    <row r="2130" spans="1:4" x14ac:dyDescent="0.25">
      <c r="A2130" s="20">
        <v>43644.499999994849</v>
      </c>
      <c r="B2130" s="22">
        <v>2.2700574398040771</v>
      </c>
      <c r="C2130" s="21">
        <v>279878.78053082107</v>
      </c>
      <c r="D2130">
        <f t="shared" si="33"/>
        <v>12</v>
      </c>
    </row>
    <row r="2131" spans="1:4" x14ac:dyDescent="0.25">
      <c r="A2131" s="20">
        <v>43644.541666661513</v>
      </c>
      <c r="B2131" s="22">
        <v>2.5980451107025146</v>
      </c>
      <c r="C2131" s="21">
        <v>320316.87154587568</v>
      </c>
      <c r="D2131">
        <f t="shared" si="33"/>
        <v>13</v>
      </c>
    </row>
    <row r="2132" spans="1:4" x14ac:dyDescent="0.25">
      <c r="A2132" s="20">
        <v>43644.583333328177</v>
      </c>
      <c r="B2132" s="22">
        <v>2.8596346378326416</v>
      </c>
      <c r="C2132" s="21">
        <v>352568.63600304851</v>
      </c>
      <c r="D2132">
        <f t="shared" si="33"/>
        <v>14</v>
      </c>
    </row>
    <row r="2133" spans="1:4" x14ac:dyDescent="0.25">
      <c r="A2133" s="20">
        <v>43644.624999994841</v>
      </c>
      <c r="B2133" s="22">
        <v>2.9885544776916504</v>
      </c>
      <c r="C2133" s="21">
        <v>368463.35608074057</v>
      </c>
      <c r="D2133">
        <f t="shared" si="33"/>
        <v>15</v>
      </c>
    </row>
    <row r="2134" spans="1:4" x14ac:dyDescent="0.25">
      <c r="A2134" s="20">
        <v>43644.666666661506</v>
      </c>
      <c r="B2134" s="22">
        <v>2.9479904174804688</v>
      </c>
      <c r="C2134" s="21">
        <v>363462.15236394649</v>
      </c>
      <c r="D2134">
        <f t="shared" si="33"/>
        <v>16</v>
      </c>
    </row>
    <row r="2135" spans="1:4" x14ac:dyDescent="0.25">
      <c r="A2135" s="20">
        <v>43644.70833332817</v>
      </c>
      <c r="B2135" s="22">
        <v>2.8547418117523193</v>
      </c>
      <c r="C2135" s="21">
        <v>351965.39214996429</v>
      </c>
      <c r="D2135">
        <f t="shared" si="33"/>
        <v>17</v>
      </c>
    </row>
    <row r="2136" spans="1:4" x14ac:dyDescent="0.25">
      <c r="A2136" s="20">
        <v>43644.749999994834</v>
      </c>
      <c r="B2136" s="22">
        <v>2.8561601638793945</v>
      </c>
      <c r="C2136" s="21">
        <v>352140.26290729782</v>
      </c>
      <c r="D2136">
        <f t="shared" si="33"/>
        <v>18</v>
      </c>
    </row>
    <row r="2137" spans="1:4" x14ac:dyDescent="0.25">
      <c r="A2137" s="20">
        <v>43644.791666661498</v>
      </c>
      <c r="B2137" s="22">
        <v>2.6733250617980957</v>
      </c>
      <c r="C2137" s="21">
        <v>329598.24942716374</v>
      </c>
      <c r="D2137">
        <f t="shared" si="33"/>
        <v>19</v>
      </c>
    </row>
    <row r="2138" spans="1:4" x14ac:dyDescent="0.25">
      <c r="A2138" s="20">
        <v>43644.833333328163</v>
      </c>
      <c r="B2138" s="22">
        <v>2.3187150955200195</v>
      </c>
      <c r="C2138" s="21">
        <v>285877.85575529729</v>
      </c>
      <c r="D2138">
        <f t="shared" si="33"/>
        <v>20</v>
      </c>
    </row>
    <row r="2139" spans="1:4" x14ac:dyDescent="0.25">
      <c r="A2139" s="20">
        <v>43644.874999994827</v>
      </c>
      <c r="B2139" s="22">
        <v>2.2297747135162354</v>
      </c>
      <c r="C2139" s="21">
        <v>274912.26289465453</v>
      </c>
      <c r="D2139">
        <f t="shared" si="33"/>
        <v>21</v>
      </c>
    </row>
    <row r="2140" spans="1:4" x14ac:dyDescent="0.25">
      <c r="A2140" s="20">
        <v>43644.916666661491</v>
      </c>
      <c r="B2140" s="22">
        <v>2.1328380107879639</v>
      </c>
      <c r="C2140" s="21">
        <v>262960.79167963151</v>
      </c>
      <c r="D2140">
        <f t="shared" si="33"/>
        <v>22</v>
      </c>
    </row>
    <row r="2141" spans="1:4" x14ac:dyDescent="0.25">
      <c r="A2141" s="20">
        <v>43644.958333328155</v>
      </c>
      <c r="B2141" s="22">
        <v>1.8505171537399292</v>
      </c>
      <c r="C2141" s="21">
        <v>228153.03051749992</v>
      </c>
      <c r="D2141">
        <f t="shared" si="33"/>
        <v>23</v>
      </c>
    </row>
    <row r="2142" spans="1:4" x14ac:dyDescent="0.25">
      <c r="A2142" s="20">
        <v>43644.99999999482</v>
      </c>
      <c r="B2142" s="22">
        <v>1.5817892551422119</v>
      </c>
      <c r="C2142" s="21">
        <v>195021.16555436904</v>
      </c>
      <c r="D2142">
        <f t="shared" si="33"/>
        <v>0</v>
      </c>
    </row>
    <row r="2143" spans="1:4" x14ac:dyDescent="0.25">
      <c r="A2143" s="20">
        <v>43645.041666661484</v>
      </c>
      <c r="B2143" s="22">
        <v>1.2887986898422241</v>
      </c>
      <c r="C2143" s="21">
        <v>158897.9200869443</v>
      </c>
      <c r="D2143">
        <f t="shared" si="33"/>
        <v>1</v>
      </c>
    </row>
    <row r="2144" spans="1:4" x14ac:dyDescent="0.25">
      <c r="A2144" s="20">
        <v>43645.083333328148</v>
      </c>
      <c r="B2144" s="22">
        <v>1.081690788269043</v>
      </c>
      <c r="C2144" s="21">
        <v>133363.27681571408</v>
      </c>
      <c r="D2144">
        <f t="shared" si="33"/>
        <v>2</v>
      </c>
    </row>
    <row r="2145" spans="1:4" x14ac:dyDescent="0.25">
      <c r="A2145" s="20">
        <v>43645.124999994812</v>
      </c>
      <c r="B2145" s="22">
        <v>0.97333574295043945</v>
      </c>
      <c r="C2145" s="21">
        <v>120004.02104694817</v>
      </c>
      <c r="D2145">
        <f t="shared" si="33"/>
        <v>3</v>
      </c>
    </row>
    <row r="2146" spans="1:4" x14ac:dyDescent="0.25">
      <c r="A2146" s="20">
        <v>43645.166666661476</v>
      </c>
      <c r="B2146" s="22">
        <v>0.98742985725402832</v>
      </c>
      <c r="C2146" s="21">
        <v>121741.70550143972</v>
      </c>
      <c r="D2146">
        <f t="shared" si="33"/>
        <v>4</v>
      </c>
    </row>
    <row r="2147" spans="1:4" x14ac:dyDescent="0.25">
      <c r="A2147" s="20">
        <v>43645.208333328141</v>
      </c>
      <c r="B2147" s="22">
        <v>0.87157034873962402</v>
      </c>
      <c r="C2147" s="21">
        <v>107457.21322942461</v>
      </c>
      <c r="D2147">
        <f t="shared" si="33"/>
        <v>5</v>
      </c>
    </row>
    <row r="2148" spans="1:4" x14ac:dyDescent="0.25">
      <c r="A2148" s="20">
        <v>43645.249999994805</v>
      </c>
      <c r="B2148" s="22">
        <v>0.88011062145233154</v>
      </c>
      <c r="C2148" s="21">
        <v>108510.15623884887</v>
      </c>
      <c r="D2148">
        <f t="shared" si="33"/>
        <v>6</v>
      </c>
    </row>
    <row r="2149" spans="1:4" x14ac:dyDescent="0.25">
      <c r="A2149" s="20">
        <v>43645.291666661469</v>
      </c>
      <c r="B2149" s="22">
        <v>1.1009162664413452</v>
      </c>
      <c r="C2149" s="21">
        <v>135733.61480436439</v>
      </c>
      <c r="D2149">
        <f t="shared" si="33"/>
        <v>7</v>
      </c>
    </row>
    <row r="2150" spans="1:4" x14ac:dyDescent="0.25">
      <c r="A2150" s="20">
        <v>43645.333333328133</v>
      </c>
      <c r="B2150" s="22">
        <v>1.2422928810119629</v>
      </c>
      <c r="C2150" s="21">
        <v>153164.14928679381</v>
      </c>
      <c r="D2150">
        <f t="shared" si="33"/>
        <v>8</v>
      </c>
    </row>
    <row r="2151" spans="1:4" x14ac:dyDescent="0.25">
      <c r="A2151" s="20">
        <v>43645.374999994798</v>
      </c>
      <c r="B2151" s="22">
        <v>1.4796466827392578</v>
      </c>
      <c r="C2151" s="21">
        <v>182427.85487281767</v>
      </c>
      <c r="D2151">
        <f t="shared" si="33"/>
        <v>9</v>
      </c>
    </row>
    <row r="2152" spans="1:4" x14ac:dyDescent="0.25">
      <c r="A2152" s="20">
        <v>43645.416666661462</v>
      </c>
      <c r="B2152" s="22">
        <v>1.7979328632354736</v>
      </c>
      <c r="C2152" s="21">
        <v>221669.83461090838</v>
      </c>
      <c r="D2152">
        <f t="shared" si="33"/>
        <v>10</v>
      </c>
    </row>
    <row r="2153" spans="1:4" x14ac:dyDescent="0.25">
      <c r="A2153" s="20">
        <v>43645.458333328126</v>
      </c>
      <c r="B2153" s="22">
        <v>2.3260688781738281</v>
      </c>
      <c r="C2153" s="21">
        <v>286784.51462892222</v>
      </c>
      <c r="D2153">
        <f t="shared" si="33"/>
        <v>11</v>
      </c>
    </row>
    <row r="2154" spans="1:4" x14ac:dyDescent="0.25">
      <c r="A2154" s="20">
        <v>43645.49999999479</v>
      </c>
      <c r="B2154" s="22">
        <v>2.510932445526123</v>
      </c>
      <c r="C2154" s="21">
        <v>309576.62062937795</v>
      </c>
      <c r="D2154">
        <f t="shared" si="33"/>
        <v>12</v>
      </c>
    </row>
    <row r="2155" spans="1:4" x14ac:dyDescent="0.25">
      <c r="A2155" s="20">
        <v>43645.541666661455</v>
      </c>
      <c r="B2155" s="22">
        <v>2.645430326461792</v>
      </c>
      <c r="C2155" s="21">
        <v>326159.06574297091</v>
      </c>
      <c r="D2155">
        <f t="shared" si="33"/>
        <v>13</v>
      </c>
    </row>
    <row r="2156" spans="1:4" x14ac:dyDescent="0.25">
      <c r="A2156" s="20">
        <v>43645.583333328119</v>
      </c>
      <c r="B2156" s="22">
        <v>2.8118503093719482</v>
      </c>
      <c r="C2156" s="21">
        <v>346677.23460343579</v>
      </c>
      <c r="D2156">
        <f t="shared" si="33"/>
        <v>14</v>
      </c>
    </row>
    <row r="2157" spans="1:4" x14ac:dyDescent="0.25">
      <c r="A2157" s="20">
        <v>43645.624999994783</v>
      </c>
      <c r="B2157" s="22">
        <v>2.8347508907318115</v>
      </c>
      <c r="C2157" s="21">
        <v>349500.6815665217</v>
      </c>
      <c r="D2157">
        <f t="shared" si="33"/>
        <v>15</v>
      </c>
    </row>
    <row r="2158" spans="1:4" x14ac:dyDescent="0.25">
      <c r="A2158" s="20">
        <v>43645.666666661447</v>
      </c>
      <c r="B2158" s="22">
        <v>2.9879968166351318</v>
      </c>
      <c r="C2158" s="21">
        <v>368394.60121414071</v>
      </c>
      <c r="D2158">
        <f t="shared" si="33"/>
        <v>16</v>
      </c>
    </row>
    <row r="2159" spans="1:4" x14ac:dyDescent="0.25">
      <c r="A2159" s="20">
        <v>43645.708333328112</v>
      </c>
      <c r="B2159" s="22">
        <v>3.0159568786621094</v>
      </c>
      <c r="C2159" s="21">
        <v>371841.83912383515</v>
      </c>
      <c r="D2159">
        <f t="shared" si="33"/>
        <v>17</v>
      </c>
    </row>
    <row r="2160" spans="1:4" x14ac:dyDescent="0.25">
      <c r="A2160" s="20">
        <v>43645.749999994776</v>
      </c>
      <c r="B2160" s="22">
        <v>2.8919613361358643</v>
      </c>
      <c r="C2160" s="21">
        <v>356554.24303706025</v>
      </c>
      <c r="D2160">
        <f t="shared" si="33"/>
        <v>18</v>
      </c>
    </row>
    <row r="2161" spans="1:4" x14ac:dyDescent="0.25">
      <c r="A2161" s="20">
        <v>43645.79166666144</v>
      </c>
      <c r="B2161" s="22">
        <v>2.6861939430236816</v>
      </c>
      <c r="C2161" s="21">
        <v>331184.87306102383</v>
      </c>
      <c r="D2161">
        <f t="shared" si="33"/>
        <v>19</v>
      </c>
    </row>
    <row r="2162" spans="1:4" x14ac:dyDescent="0.25">
      <c r="A2162" s="20">
        <v>43645.833333328104</v>
      </c>
      <c r="B2162" s="22">
        <v>2.348599910736084</v>
      </c>
      <c r="C2162" s="21">
        <v>289562.39936745493</v>
      </c>
      <c r="D2162">
        <f t="shared" si="33"/>
        <v>20</v>
      </c>
    </row>
    <row r="2163" spans="1:4" x14ac:dyDescent="0.25">
      <c r="A2163" s="20">
        <v>43645.874999994769</v>
      </c>
      <c r="B2163" s="22">
        <v>2.3437261581420898</v>
      </c>
      <c r="C2163" s="21">
        <v>288961.50711305731</v>
      </c>
      <c r="D2163">
        <f t="shared" si="33"/>
        <v>21</v>
      </c>
    </row>
    <row r="2164" spans="1:4" x14ac:dyDescent="0.25">
      <c r="A2164" s="20">
        <v>43645.916666661433</v>
      </c>
      <c r="B2164" s="22">
        <v>2.007570743560791</v>
      </c>
      <c r="C2164" s="21">
        <v>247516.40275042647</v>
      </c>
      <c r="D2164">
        <f t="shared" si="33"/>
        <v>22</v>
      </c>
    </row>
    <row r="2165" spans="1:4" x14ac:dyDescent="0.25">
      <c r="A2165" s="20">
        <v>43645.958333328097</v>
      </c>
      <c r="B2165" s="22">
        <v>1.8738888502120972</v>
      </c>
      <c r="C2165" s="21">
        <v>231034.56196814525</v>
      </c>
      <c r="D2165">
        <f t="shared" si="33"/>
        <v>23</v>
      </c>
    </row>
    <row r="2166" spans="1:4" x14ac:dyDescent="0.25">
      <c r="A2166" s="20">
        <v>43645.999999994761</v>
      </c>
      <c r="B2166" s="22">
        <v>1.6738247871398926</v>
      </c>
      <c r="C2166" s="21">
        <v>206368.36409188245</v>
      </c>
      <c r="D2166">
        <f t="shared" si="33"/>
        <v>0</v>
      </c>
    </row>
    <row r="2167" spans="1:4" x14ac:dyDescent="0.25">
      <c r="A2167" s="20">
        <v>43646.041666661426</v>
      </c>
      <c r="B2167" s="22">
        <v>1.4838979244232178</v>
      </c>
      <c r="C2167" s="21">
        <v>182951.99682508089</v>
      </c>
      <c r="D2167">
        <f t="shared" si="33"/>
        <v>1</v>
      </c>
    </row>
    <row r="2168" spans="1:4" x14ac:dyDescent="0.25">
      <c r="A2168" s="20">
        <v>43646.08333332809</v>
      </c>
      <c r="B2168" s="22">
        <v>1.2647932767868042</v>
      </c>
      <c r="C2168" s="21">
        <v>155938.25676993612</v>
      </c>
      <c r="D2168">
        <f t="shared" si="33"/>
        <v>2</v>
      </c>
    </row>
    <row r="2169" spans="1:4" x14ac:dyDescent="0.25">
      <c r="A2169" s="20">
        <v>43646.124999994754</v>
      </c>
      <c r="B2169" s="22">
        <v>1.1488462686538696</v>
      </c>
      <c r="C2169" s="21">
        <v>141642.97653894615</v>
      </c>
      <c r="D2169">
        <f t="shared" si="33"/>
        <v>3</v>
      </c>
    </row>
    <row r="2170" spans="1:4" x14ac:dyDescent="0.25">
      <c r="A2170" s="20">
        <v>43646.166666661418</v>
      </c>
      <c r="B2170" s="22">
        <v>1.0599812269210815</v>
      </c>
      <c r="C2170" s="21">
        <v>130686.67249311558</v>
      </c>
      <c r="D2170">
        <f t="shared" si="33"/>
        <v>4</v>
      </c>
    </row>
    <row r="2171" spans="1:4" x14ac:dyDescent="0.25">
      <c r="A2171" s="20">
        <v>43646.208333328083</v>
      </c>
      <c r="B2171" s="22">
        <v>1.0167032480239868</v>
      </c>
      <c r="C2171" s="21">
        <v>125350.86567819951</v>
      </c>
      <c r="D2171">
        <f t="shared" si="33"/>
        <v>5</v>
      </c>
    </row>
    <row r="2172" spans="1:4" x14ac:dyDescent="0.25">
      <c r="A2172" s="20">
        <v>43646.249999994747</v>
      </c>
      <c r="B2172" s="22">
        <v>0.98013246059417725</v>
      </c>
      <c r="C2172" s="21">
        <v>120841.9985414321</v>
      </c>
      <c r="D2172">
        <f t="shared" si="33"/>
        <v>6</v>
      </c>
    </row>
    <row r="2173" spans="1:4" x14ac:dyDescent="0.25">
      <c r="A2173" s="20">
        <v>43646.291666661411</v>
      </c>
      <c r="B2173" s="22">
        <v>1.0671048164367676</v>
      </c>
      <c r="C2173" s="21">
        <v>131564.95051009141</v>
      </c>
      <c r="D2173">
        <f t="shared" si="33"/>
        <v>7</v>
      </c>
    </row>
    <row r="2174" spans="1:4" x14ac:dyDescent="0.25">
      <c r="A2174" s="20">
        <v>43646.333333328075</v>
      </c>
      <c r="B2174" s="22">
        <v>1.3789417743682861</v>
      </c>
      <c r="C2174" s="21">
        <v>170011.79594226996</v>
      </c>
      <c r="D2174">
        <f t="shared" si="33"/>
        <v>8</v>
      </c>
    </row>
    <row r="2175" spans="1:4" x14ac:dyDescent="0.25">
      <c r="A2175" s="20">
        <v>43646.374999994739</v>
      </c>
      <c r="B2175" s="22">
        <v>1.7207740545272827</v>
      </c>
      <c r="C2175" s="21">
        <v>212156.80956149678</v>
      </c>
      <c r="D2175">
        <f t="shared" si="33"/>
        <v>9</v>
      </c>
    </row>
    <row r="2176" spans="1:4" x14ac:dyDescent="0.25">
      <c r="A2176" s="20">
        <v>43646.416666661404</v>
      </c>
      <c r="B2176" s="22">
        <v>1.9296048879623413</v>
      </c>
      <c r="C2176" s="21">
        <v>237903.87568158741</v>
      </c>
      <c r="D2176">
        <f t="shared" si="33"/>
        <v>10</v>
      </c>
    </row>
    <row r="2177" spans="1:4" x14ac:dyDescent="0.25">
      <c r="A2177" s="20">
        <v>43646.458333328068</v>
      </c>
      <c r="B2177" s="22">
        <v>2.2198488712310791</v>
      </c>
      <c r="C2177" s="21">
        <v>273688.49093813938</v>
      </c>
      <c r="D2177">
        <f t="shared" si="33"/>
        <v>11</v>
      </c>
    </row>
    <row r="2178" spans="1:4" x14ac:dyDescent="0.25">
      <c r="A2178" s="20">
        <v>43646.499999994732</v>
      </c>
      <c r="B2178" s="22">
        <v>2.4969725608825684</v>
      </c>
      <c r="C2178" s="21">
        <v>307855.48555064341</v>
      </c>
      <c r="D2178">
        <f t="shared" si="33"/>
        <v>12</v>
      </c>
    </row>
    <row r="2179" spans="1:4" x14ac:dyDescent="0.25">
      <c r="A2179" s="20">
        <v>43646.541666661396</v>
      </c>
      <c r="B2179" s="22">
        <v>2.6584014892578125</v>
      </c>
      <c r="C2179" s="21">
        <v>327758.29982478794</v>
      </c>
      <c r="D2179">
        <f t="shared" si="33"/>
        <v>13</v>
      </c>
    </row>
    <row r="2180" spans="1:4" x14ac:dyDescent="0.25">
      <c r="A2180" s="20">
        <v>43646.583333328061</v>
      </c>
      <c r="B2180" s="22">
        <v>2.7663333415985107</v>
      </c>
      <c r="C2180" s="21">
        <v>341065.37949769461</v>
      </c>
      <c r="D2180">
        <f t="shared" si="33"/>
        <v>14</v>
      </c>
    </row>
    <row r="2181" spans="1:4" x14ac:dyDescent="0.25">
      <c r="A2181" s="20">
        <v>43646.624999994725</v>
      </c>
      <c r="B2181" s="22">
        <v>2.7807433605194092</v>
      </c>
      <c r="C2181" s="21">
        <v>342842.01230543322</v>
      </c>
      <c r="D2181">
        <f t="shared" si="33"/>
        <v>15</v>
      </c>
    </row>
    <row r="2182" spans="1:4" x14ac:dyDescent="0.25">
      <c r="A2182" s="20">
        <v>43646.666666661389</v>
      </c>
      <c r="B2182" s="22">
        <v>2.9522254467010498</v>
      </c>
      <c r="C2182" s="21">
        <v>363984.29545732611</v>
      </c>
      <c r="D2182">
        <f t="shared" si="33"/>
        <v>16</v>
      </c>
    </row>
    <row r="2183" spans="1:4" x14ac:dyDescent="0.25">
      <c r="A2183" s="20">
        <v>43646.708333328053</v>
      </c>
      <c r="B2183" s="22">
        <v>2.907630443572998</v>
      </c>
      <c r="C2183" s="21">
        <v>358486.11075309914</v>
      </c>
      <c r="D2183">
        <f t="shared" ref="D2183:D2246" si="34">HOUR(A2183)</f>
        <v>17</v>
      </c>
    </row>
    <row r="2184" spans="1:4" x14ac:dyDescent="0.25">
      <c r="A2184" s="20">
        <v>43646.749999994718</v>
      </c>
      <c r="B2184" s="22">
        <v>2.757396936416626</v>
      </c>
      <c r="C2184" s="21">
        <v>339963.59672304761</v>
      </c>
      <c r="D2184">
        <f t="shared" si="34"/>
        <v>18</v>
      </c>
    </row>
    <row r="2185" spans="1:4" x14ac:dyDescent="0.25">
      <c r="A2185" s="20">
        <v>43646.791666661382</v>
      </c>
      <c r="B2185" s="22">
        <v>2.4864797592163086</v>
      </c>
      <c r="C2185" s="21">
        <v>306561.81232316856</v>
      </c>
      <c r="D2185">
        <f t="shared" si="34"/>
        <v>19</v>
      </c>
    </row>
    <row r="2186" spans="1:4" x14ac:dyDescent="0.25">
      <c r="A2186" s="20">
        <v>43646.833333328046</v>
      </c>
      <c r="B2186" s="22">
        <v>2.6014671325683594</v>
      </c>
      <c r="C2186" s="21">
        <v>320738.77774523821</v>
      </c>
      <c r="D2186">
        <f t="shared" si="34"/>
        <v>20</v>
      </c>
    </row>
    <row r="2187" spans="1:4" x14ac:dyDescent="0.25">
      <c r="A2187" s="20">
        <v>43646.87499999471</v>
      </c>
      <c r="B2187" s="22">
        <v>2.3625571727752686</v>
      </c>
      <c r="C2187" s="21">
        <v>291283.21110136999</v>
      </c>
      <c r="D2187">
        <f t="shared" si="34"/>
        <v>21</v>
      </c>
    </row>
    <row r="2188" spans="1:4" x14ac:dyDescent="0.25">
      <c r="A2188" s="20">
        <v>43646.916666661375</v>
      </c>
      <c r="B2188" s="22">
        <v>2.1218938827514648</v>
      </c>
      <c r="C2188" s="21">
        <v>261611.47374823465</v>
      </c>
      <c r="D2188">
        <f t="shared" si="34"/>
        <v>22</v>
      </c>
    </row>
    <row r="2189" spans="1:4" x14ac:dyDescent="0.25">
      <c r="A2189" s="20">
        <v>43646.958333328039</v>
      </c>
      <c r="B2189" s="22">
        <v>1.870569109916687</v>
      </c>
      <c r="C2189" s="21">
        <v>230625.26621673969</v>
      </c>
      <c r="D2189">
        <f t="shared" si="34"/>
        <v>23</v>
      </c>
    </row>
    <row r="2190" spans="1:4" x14ac:dyDescent="0.25">
      <c r="A2190" s="20">
        <v>43646.999999994703</v>
      </c>
      <c r="B2190" s="22">
        <v>1.5330609083175659</v>
      </c>
      <c r="C2190" s="21">
        <v>173745.67215606637</v>
      </c>
      <c r="D2190">
        <f t="shared" si="34"/>
        <v>0</v>
      </c>
    </row>
    <row r="2191" spans="1:4" x14ac:dyDescent="0.25">
      <c r="A2191" s="20">
        <v>43647.041666661367</v>
      </c>
      <c r="B2191" s="22">
        <v>1.25858473777771</v>
      </c>
      <c r="C2191" s="21">
        <v>142638.59318579509</v>
      </c>
      <c r="D2191">
        <f t="shared" si="34"/>
        <v>1</v>
      </c>
    </row>
    <row r="2192" spans="1:4" x14ac:dyDescent="0.25">
      <c r="A2192" s="20">
        <v>43647.083333328032</v>
      </c>
      <c r="B2192" s="22">
        <v>1.142265796661377</v>
      </c>
      <c r="C2192" s="21">
        <v>129455.87324355988</v>
      </c>
      <c r="D2192">
        <f t="shared" si="34"/>
        <v>2</v>
      </c>
    </row>
    <row r="2193" spans="1:4" x14ac:dyDescent="0.25">
      <c r="A2193" s="20">
        <v>43647.124999994696</v>
      </c>
      <c r="B2193" s="22">
        <v>1.0381671190261841</v>
      </c>
      <c r="C2193" s="21">
        <v>117658.10668506534</v>
      </c>
      <c r="D2193">
        <f t="shared" si="34"/>
        <v>3</v>
      </c>
    </row>
    <row r="2194" spans="1:4" x14ac:dyDescent="0.25">
      <c r="A2194" s="20">
        <v>43647.16666666136</v>
      </c>
      <c r="B2194" s="22">
        <v>0.94137799739837646</v>
      </c>
      <c r="C2194" s="21">
        <v>106688.75060574693</v>
      </c>
      <c r="D2194">
        <f t="shared" si="34"/>
        <v>4</v>
      </c>
    </row>
    <row r="2195" spans="1:4" x14ac:dyDescent="0.25">
      <c r="A2195" s="20">
        <v>43647.208333328024</v>
      </c>
      <c r="B2195" s="22">
        <v>1.0468722581863403</v>
      </c>
      <c r="C2195" s="21">
        <v>118644.68213447348</v>
      </c>
      <c r="D2195">
        <f t="shared" si="34"/>
        <v>5</v>
      </c>
    </row>
    <row r="2196" spans="1:4" x14ac:dyDescent="0.25">
      <c r="A2196" s="20">
        <v>43647.249999994689</v>
      </c>
      <c r="B2196" s="22">
        <v>1.0802731513977051</v>
      </c>
      <c r="C2196" s="21">
        <v>122430.08988320424</v>
      </c>
      <c r="D2196">
        <f t="shared" si="34"/>
        <v>6</v>
      </c>
    </row>
    <row r="2197" spans="1:4" x14ac:dyDescent="0.25">
      <c r="A2197" s="20">
        <v>43647.291666661353</v>
      </c>
      <c r="B2197" s="22">
        <v>1.1211215257644653</v>
      </c>
      <c r="C2197" s="21">
        <v>127059.53951715528</v>
      </c>
      <c r="D2197">
        <f t="shared" si="34"/>
        <v>7</v>
      </c>
    </row>
    <row r="2198" spans="1:4" x14ac:dyDescent="0.25">
      <c r="A2198" s="20">
        <v>43647.333333328017</v>
      </c>
      <c r="B2198" s="22">
        <v>1.1923223733901978</v>
      </c>
      <c r="C2198" s="21">
        <v>135128.9117525942</v>
      </c>
      <c r="D2198">
        <f t="shared" si="34"/>
        <v>8</v>
      </c>
    </row>
    <row r="2199" spans="1:4" x14ac:dyDescent="0.25">
      <c r="A2199" s="20">
        <v>43647.374999994681</v>
      </c>
      <c r="B2199" s="22">
        <v>1.4661450386047363</v>
      </c>
      <c r="C2199" s="21">
        <v>166161.9273106496</v>
      </c>
      <c r="D2199">
        <f t="shared" si="34"/>
        <v>9</v>
      </c>
    </row>
    <row r="2200" spans="1:4" x14ac:dyDescent="0.25">
      <c r="A2200" s="20">
        <v>43647.416666661346</v>
      </c>
      <c r="B2200" s="22">
        <v>1.611657977104187</v>
      </c>
      <c r="C2200" s="21">
        <v>182653.2768518345</v>
      </c>
      <c r="D2200">
        <f t="shared" si="34"/>
        <v>10</v>
      </c>
    </row>
    <row r="2201" spans="1:4" x14ac:dyDescent="0.25">
      <c r="A2201" s="20">
        <v>43647.45833332801</v>
      </c>
      <c r="B2201" s="22">
        <v>1.9245098829269409</v>
      </c>
      <c r="C2201" s="21">
        <v>218109.57501166017</v>
      </c>
      <c r="D2201">
        <f t="shared" si="34"/>
        <v>11</v>
      </c>
    </row>
    <row r="2202" spans="1:4" x14ac:dyDescent="0.25">
      <c r="A2202" s="20">
        <v>43647.499999994674</v>
      </c>
      <c r="B2202" s="22">
        <v>2.1802520751953125</v>
      </c>
      <c r="C2202" s="21">
        <v>247093.48481802113</v>
      </c>
      <c r="D2202">
        <f t="shared" si="34"/>
        <v>12</v>
      </c>
    </row>
    <row r="2203" spans="1:4" x14ac:dyDescent="0.25">
      <c r="A2203" s="20">
        <v>43647.541666661338</v>
      </c>
      <c r="B2203" s="22">
        <v>2.2838912010192871</v>
      </c>
      <c r="C2203" s="21">
        <v>258839.1692068527</v>
      </c>
      <c r="D2203">
        <f t="shared" si="34"/>
        <v>13</v>
      </c>
    </row>
    <row r="2204" spans="1:4" x14ac:dyDescent="0.25">
      <c r="A2204" s="20">
        <v>43647.583333328002</v>
      </c>
      <c r="B2204" s="22">
        <v>2.7178170680999756</v>
      </c>
      <c r="C2204" s="21">
        <v>308017.08577415778</v>
      </c>
      <c r="D2204">
        <f t="shared" si="34"/>
        <v>14</v>
      </c>
    </row>
    <row r="2205" spans="1:4" x14ac:dyDescent="0.25">
      <c r="A2205" s="20">
        <v>43647.624999994667</v>
      </c>
      <c r="B2205" s="22">
        <v>2.8969020843505859</v>
      </c>
      <c r="C2205" s="21">
        <v>328313.24384115153</v>
      </c>
      <c r="D2205">
        <f t="shared" si="34"/>
        <v>15</v>
      </c>
    </row>
    <row r="2206" spans="1:4" x14ac:dyDescent="0.25">
      <c r="A2206" s="20">
        <v>43647.666666661331</v>
      </c>
      <c r="B2206" s="22">
        <v>3.1053998470306396</v>
      </c>
      <c r="C2206" s="21">
        <v>351942.82289006037</v>
      </c>
      <c r="D2206">
        <f t="shared" si="34"/>
        <v>16</v>
      </c>
    </row>
    <row r="2207" spans="1:4" x14ac:dyDescent="0.25">
      <c r="A2207" s="20">
        <v>43647.708333327995</v>
      </c>
      <c r="B2207" s="22">
        <v>3.1433854103088379</v>
      </c>
      <c r="C2207" s="21">
        <v>356247.82289899042</v>
      </c>
      <c r="D2207">
        <f t="shared" si="34"/>
        <v>17</v>
      </c>
    </row>
    <row r="2208" spans="1:4" x14ac:dyDescent="0.25">
      <c r="A2208" s="20">
        <v>43647.749999994659</v>
      </c>
      <c r="B2208" s="22">
        <v>3.0475049018859863</v>
      </c>
      <c r="C2208" s="21">
        <v>345381.44225343881</v>
      </c>
      <c r="D2208">
        <f t="shared" si="34"/>
        <v>18</v>
      </c>
    </row>
    <row r="2209" spans="1:4" x14ac:dyDescent="0.25">
      <c r="A2209" s="20">
        <v>43647.791666661324</v>
      </c>
      <c r="B2209" s="22">
        <v>2.9528295993804932</v>
      </c>
      <c r="C2209" s="21">
        <v>334651.65064427961</v>
      </c>
      <c r="D2209">
        <f t="shared" si="34"/>
        <v>19</v>
      </c>
    </row>
    <row r="2210" spans="1:4" x14ac:dyDescent="0.25">
      <c r="A2210" s="20">
        <v>43647.833333327988</v>
      </c>
      <c r="B2210" s="22">
        <v>2.8178098201751709</v>
      </c>
      <c r="C2210" s="21">
        <v>319349.51739887765</v>
      </c>
      <c r="D2210">
        <f t="shared" si="34"/>
        <v>20</v>
      </c>
    </row>
    <row r="2211" spans="1:4" x14ac:dyDescent="0.25">
      <c r="A2211" s="20">
        <v>43647.874999994652</v>
      </c>
      <c r="B2211" s="22">
        <v>2.5453946590423584</v>
      </c>
      <c r="C2211" s="21">
        <v>288476.01784009865</v>
      </c>
      <c r="D2211">
        <f t="shared" si="34"/>
        <v>21</v>
      </c>
    </row>
    <row r="2212" spans="1:4" x14ac:dyDescent="0.25">
      <c r="A2212" s="20">
        <v>43647.916666661316</v>
      </c>
      <c r="B2212" s="22">
        <v>2.4019050598144531</v>
      </c>
      <c r="C2212" s="21">
        <v>272213.97845862567</v>
      </c>
      <c r="D2212">
        <f t="shared" si="34"/>
        <v>22</v>
      </c>
    </row>
    <row r="2213" spans="1:4" x14ac:dyDescent="0.25">
      <c r="A2213" s="20">
        <v>43647.958333327981</v>
      </c>
      <c r="B2213" s="22">
        <v>1.989930272102356</v>
      </c>
      <c r="C2213" s="21">
        <v>225523.83326345257</v>
      </c>
      <c r="D2213">
        <f t="shared" si="34"/>
        <v>23</v>
      </c>
    </row>
    <row r="2214" spans="1:4" x14ac:dyDescent="0.25">
      <c r="A2214" s="20">
        <v>43647.999999994645</v>
      </c>
      <c r="B2214" s="22">
        <v>1.6758824586868286</v>
      </c>
      <c r="C2214" s="21">
        <v>189931.99986988923</v>
      </c>
      <c r="D2214">
        <f t="shared" si="34"/>
        <v>0</v>
      </c>
    </row>
    <row r="2215" spans="1:4" x14ac:dyDescent="0.25">
      <c r="A2215" s="20">
        <v>43648.041666661309</v>
      </c>
      <c r="B2215" s="22">
        <v>1.403814435005188</v>
      </c>
      <c r="C2215" s="21">
        <v>159097.84227688421</v>
      </c>
      <c r="D2215">
        <f t="shared" si="34"/>
        <v>1</v>
      </c>
    </row>
    <row r="2216" spans="1:4" x14ac:dyDescent="0.25">
      <c r="A2216" s="20">
        <v>43648.083333327973</v>
      </c>
      <c r="B2216" s="22">
        <v>1.3340740203857422</v>
      </c>
      <c r="C2216" s="21">
        <v>151193.984609679</v>
      </c>
      <c r="D2216">
        <f t="shared" si="34"/>
        <v>2</v>
      </c>
    </row>
    <row r="2217" spans="1:4" x14ac:dyDescent="0.25">
      <c r="A2217" s="20">
        <v>43648.124999994638</v>
      </c>
      <c r="B2217" s="22">
        <v>1.2161083221435547</v>
      </c>
      <c r="C2217" s="21">
        <v>137824.63351524557</v>
      </c>
      <c r="D2217">
        <f t="shared" si="34"/>
        <v>3</v>
      </c>
    </row>
    <row r="2218" spans="1:4" x14ac:dyDescent="0.25">
      <c r="A2218" s="20">
        <v>43648.166666661302</v>
      </c>
      <c r="B2218" s="22">
        <v>1.0728322267532349</v>
      </c>
      <c r="C2218" s="21">
        <v>121586.79106395843</v>
      </c>
      <c r="D2218">
        <f t="shared" si="34"/>
        <v>4</v>
      </c>
    </row>
    <row r="2219" spans="1:4" x14ac:dyDescent="0.25">
      <c r="A2219" s="20">
        <v>43648.208333327966</v>
      </c>
      <c r="B2219" s="22">
        <v>1.0677049160003662</v>
      </c>
      <c r="C2219" s="21">
        <v>121005.69996165654</v>
      </c>
      <c r="D2219">
        <f t="shared" si="34"/>
        <v>5</v>
      </c>
    </row>
    <row r="2220" spans="1:4" x14ac:dyDescent="0.25">
      <c r="A2220" s="20">
        <v>43648.24999999463</v>
      </c>
      <c r="B2220" s="22">
        <v>1.31089186668396</v>
      </c>
      <c r="C2220" s="21">
        <v>148566.69246812828</v>
      </c>
      <c r="D2220">
        <f t="shared" si="34"/>
        <v>6</v>
      </c>
    </row>
    <row r="2221" spans="1:4" x14ac:dyDescent="0.25">
      <c r="A2221" s="20">
        <v>43648.291666661295</v>
      </c>
      <c r="B2221" s="22">
        <v>1.1300091743469238</v>
      </c>
      <c r="C2221" s="21">
        <v>128066.79922123371</v>
      </c>
      <c r="D2221">
        <f t="shared" si="34"/>
        <v>7</v>
      </c>
    </row>
    <row r="2222" spans="1:4" x14ac:dyDescent="0.25">
      <c r="A2222" s="20">
        <v>43648.333333327959</v>
      </c>
      <c r="B2222" s="22">
        <v>1.2938851118087769</v>
      </c>
      <c r="C2222" s="21">
        <v>146639.27390246611</v>
      </c>
      <c r="D2222">
        <f t="shared" si="34"/>
        <v>8</v>
      </c>
    </row>
    <row r="2223" spans="1:4" x14ac:dyDescent="0.25">
      <c r="A2223" s="20">
        <v>43648.374999994623</v>
      </c>
      <c r="B2223" s="22">
        <v>1.4557422399520874</v>
      </c>
      <c r="C2223" s="21">
        <v>164982.95181502347</v>
      </c>
      <c r="D2223">
        <f t="shared" si="34"/>
        <v>9</v>
      </c>
    </row>
    <row r="2224" spans="1:4" x14ac:dyDescent="0.25">
      <c r="A2224" s="20">
        <v>43648.416666661287</v>
      </c>
      <c r="B2224" s="22">
        <v>1.8067339658737183</v>
      </c>
      <c r="C2224" s="21">
        <v>204761.73229961412</v>
      </c>
      <c r="D2224">
        <f t="shared" si="34"/>
        <v>10</v>
      </c>
    </row>
    <row r="2225" spans="1:4" x14ac:dyDescent="0.25">
      <c r="A2225" s="20">
        <v>43648.458333327952</v>
      </c>
      <c r="B2225" s="22">
        <v>1.8725361824035645</v>
      </c>
      <c r="C2225" s="21">
        <v>212219.26401169982</v>
      </c>
      <c r="D2225">
        <f t="shared" si="34"/>
        <v>11</v>
      </c>
    </row>
    <row r="2226" spans="1:4" x14ac:dyDescent="0.25">
      <c r="A2226" s="20">
        <v>43648.499999994616</v>
      </c>
      <c r="B2226" s="22">
        <v>2.002291202545166</v>
      </c>
      <c r="C2226" s="21">
        <v>226924.72878991757</v>
      </c>
      <c r="D2226">
        <f t="shared" si="34"/>
        <v>12</v>
      </c>
    </row>
    <row r="2227" spans="1:4" x14ac:dyDescent="0.25">
      <c r="A2227" s="20">
        <v>43648.54166666128</v>
      </c>
      <c r="B2227" s="22">
        <v>2.3497824668884277</v>
      </c>
      <c r="C2227" s="21">
        <v>266306.79310590035</v>
      </c>
      <c r="D2227">
        <f t="shared" si="34"/>
        <v>13</v>
      </c>
    </row>
    <row r="2228" spans="1:4" x14ac:dyDescent="0.25">
      <c r="A2228" s="20">
        <v>43648.583333327944</v>
      </c>
      <c r="B2228" s="22">
        <v>2.6412053108215332</v>
      </c>
      <c r="C2228" s="21">
        <v>299334.48145544983</v>
      </c>
      <c r="D2228">
        <f t="shared" si="34"/>
        <v>14</v>
      </c>
    </row>
    <row r="2229" spans="1:4" x14ac:dyDescent="0.25">
      <c r="A2229" s="20">
        <v>43648.624999994609</v>
      </c>
      <c r="B2229" s="22">
        <v>2.8806896209716797</v>
      </c>
      <c r="C2229" s="21">
        <v>326475.8443407201</v>
      </c>
      <c r="D2229">
        <f t="shared" si="34"/>
        <v>15</v>
      </c>
    </row>
    <row r="2230" spans="1:4" x14ac:dyDescent="0.25">
      <c r="A2230" s="20">
        <v>43648.666666661273</v>
      </c>
      <c r="B2230" s="22">
        <v>2.7323663234710693</v>
      </c>
      <c r="C2230" s="21">
        <v>309665.98970230966</v>
      </c>
      <c r="D2230">
        <f t="shared" si="34"/>
        <v>16</v>
      </c>
    </row>
    <row r="2231" spans="1:4" x14ac:dyDescent="0.25">
      <c r="A2231" s="20">
        <v>43648.708333327937</v>
      </c>
      <c r="B2231" s="22">
        <v>2.7785618305206299</v>
      </c>
      <c r="C2231" s="21">
        <v>314901.44341414195</v>
      </c>
      <c r="D2231">
        <f t="shared" si="34"/>
        <v>17</v>
      </c>
    </row>
    <row r="2232" spans="1:4" x14ac:dyDescent="0.25">
      <c r="A2232" s="20">
        <v>43648.749999994601</v>
      </c>
      <c r="B2232" s="22">
        <v>2.5356645584106445</v>
      </c>
      <c r="C2232" s="21">
        <v>287373.28091345</v>
      </c>
      <c r="D2232">
        <f t="shared" si="34"/>
        <v>18</v>
      </c>
    </row>
    <row r="2233" spans="1:4" x14ac:dyDescent="0.25">
      <c r="A2233" s="20">
        <v>43648.791666661265</v>
      </c>
      <c r="B2233" s="22">
        <v>2.4518389701843262</v>
      </c>
      <c r="C2233" s="21">
        <v>277873.11487879278</v>
      </c>
      <c r="D2233">
        <f t="shared" si="34"/>
        <v>19</v>
      </c>
    </row>
    <row r="2234" spans="1:4" x14ac:dyDescent="0.25">
      <c r="A2234" s="20">
        <v>43648.83333332793</v>
      </c>
      <c r="B2234" s="22">
        <v>2.0944187641143799</v>
      </c>
      <c r="C2234" s="21">
        <v>237365.77847170018</v>
      </c>
      <c r="D2234">
        <f t="shared" si="34"/>
        <v>20</v>
      </c>
    </row>
    <row r="2235" spans="1:4" x14ac:dyDescent="0.25">
      <c r="A2235" s="20">
        <v>43648.874999994594</v>
      </c>
      <c r="B2235" s="22">
        <v>2.0490307807922363</v>
      </c>
      <c r="C2235" s="21">
        <v>232221.84346733787</v>
      </c>
      <c r="D2235">
        <f t="shared" si="34"/>
        <v>21</v>
      </c>
    </row>
    <row r="2236" spans="1:4" x14ac:dyDescent="0.25">
      <c r="A2236" s="20">
        <v>43648.916666661258</v>
      </c>
      <c r="B2236" s="22">
        <v>1.8308882713317871</v>
      </c>
      <c r="C2236" s="21">
        <v>207499.20085973854</v>
      </c>
      <c r="D2236">
        <f t="shared" si="34"/>
        <v>22</v>
      </c>
    </row>
    <row r="2237" spans="1:4" x14ac:dyDescent="0.25">
      <c r="A2237" s="20">
        <v>43648.958333327922</v>
      </c>
      <c r="B2237" s="22">
        <v>1.5106353759765625</v>
      </c>
      <c r="C2237" s="21">
        <v>171204.12982796592</v>
      </c>
      <c r="D2237">
        <f t="shared" si="34"/>
        <v>23</v>
      </c>
    </row>
    <row r="2238" spans="1:4" x14ac:dyDescent="0.25">
      <c r="A2238" s="20">
        <v>43648.999999994587</v>
      </c>
      <c r="B2238" s="22">
        <v>1.2865896224975586</v>
      </c>
      <c r="C2238" s="21">
        <v>145812.45763756242</v>
      </c>
      <c r="D2238">
        <f t="shared" si="34"/>
        <v>0</v>
      </c>
    </row>
    <row r="2239" spans="1:4" x14ac:dyDescent="0.25">
      <c r="A2239" s="20">
        <v>43649.041666661251</v>
      </c>
      <c r="B2239" s="22">
        <v>1.1274842023849487</v>
      </c>
      <c r="C2239" s="21">
        <v>127780.63775933196</v>
      </c>
      <c r="D2239">
        <f t="shared" si="34"/>
        <v>1</v>
      </c>
    </row>
    <row r="2240" spans="1:4" x14ac:dyDescent="0.25">
      <c r="A2240" s="20">
        <v>43649.083333327915</v>
      </c>
      <c r="B2240" s="22">
        <v>1.0146116018295288</v>
      </c>
      <c r="C2240" s="21">
        <v>114988.50031384287</v>
      </c>
      <c r="D2240">
        <f t="shared" si="34"/>
        <v>2</v>
      </c>
    </row>
    <row r="2241" spans="1:4" x14ac:dyDescent="0.25">
      <c r="A2241" s="20">
        <v>43649.124999994579</v>
      </c>
      <c r="B2241" s="22">
        <v>1.0544112920761108</v>
      </c>
      <c r="C2241" s="21">
        <v>119499.09992275498</v>
      </c>
      <c r="D2241">
        <f t="shared" si="34"/>
        <v>3</v>
      </c>
    </row>
    <row r="2242" spans="1:4" x14ac:dyDescent="0.25">
      <c r="A2242" s="20">
        <v>43649.166666661244</v>
      </c>
      <c r="B2242" s="22">
        <v>0.93792504072189331</v>
      </c>
      <c r="C2242" s="21">
        <v>106297.41828788114</v>
      </c>
      <c r="D2242">
        <f t="shared" si="34"/>
        <v>4</v>
      </c>
    </row>
    <row r="2243" spans="1:4" x14ac:dyDescent="0.25">
      <c r="A2243" s="20">
        <v>43649.208333327908</v>
      </c>
      <c r="B2243" s="22">
        <v>0.9508436918258667</v>
      </c>
      <c r="C2243" s="21">
        <v>107761.52170819</v>
      </c>
      <c r="D2243">
        <f t="shared" si="34"/>
        <v>5</v>
      </c>
    </row>
    <row r="2244" spans="1:4" x14ac:dyDescent="0.25">
      <c r="A2244" s="20">
        <v>43649.249999994572</v>
      </c>
      <c r="B2244" s="22">
        <v>1.0783352851867676</v>
      </c>
      <c r="C2244" s="21">
        <v>122210.46660174092</v>
      </c>
      <c r="D2244">
        <f t="shared" si="34"/>
        <v>6</v>
      </c>
    </row>
    <row r="2245" spans="1:4" x14ac:dyDescent="0.25">
      <c r="A2245" s="20">
        <v>43649.291666661236</v>
      </c>
      <c r="B2245" s="22">
        <v>1.0502810478210449</v>
      </c>
      <c r="C2245" s="21">
        <v>119031.00888972962</v>
      </c>
      <c r="D2245">
        <f t="shared" si="34"/>
        <v>7</v>
      </c>
    </row>
    <row r="2246" spans="1:4" x14ac:dyDescent="0.25">
      <c r="A2246" s="20">
        <v>43649.333333327901</v>
      </c>
      <c r="B2246" s="22">
        <v>0.99713879823684692</v>
      </c>
      <c r="C2246" s="21">
        <v>113008.26326768856</v>
      </c>
      <c r="D2246">
        <f t="shared" si="34"/>
        <v>8</v>
      </c>
    </row>
    <row r="2247" spans="1:4" x14ac:dyDescent="0.25">
      <c r="A2247" s="20">
        <v>43649.374999994565</v>
      </c>
      <c r="B2247" s="22">
        <v>1.3401874303817749</v>
      </c>
      <c r="C2247" s="21">
        <v>151886.83283453656</v>
      </c>
      <c r="D2247">
        <f t="shared" ref="D2247:D2310" si="35">HOUR(A2247)</f>
        <v>9</v>
      </c>
    </row>
    <row r="2248" spans="1:4" x14ac:dyDescent="0.25">
      <c r="A2248" s="20">
        <v>43649.416666661229</v>
      </c>
      <c r="B2248" s="22">
        <v>1.6678591966629028</v>
      </c>
      <c r="C2248" s="21">
        <v>189022.70328182279</v>
      </c>
      <c r="D2248">
        <f t="shared" si="35"/>
        <v>10</v>
      </c>
    </row>
    <row r="2249" spans="1:4" x14ac:dyDescent="0.25">
      <c r="A2249" s="20">
        <v>43649.458333327893</v>
      </c>
      <c r="B2249" s="22">
        <v>1.778904914855957</v>
      </c>
      <c r="C2249" s="21">
        <v>201607.79552625219</v>
      </c>
      <c r="D2249">
        <f t="shared" si="35"/>
        <v>11</v>
      </c>
    </row>
    <row r="2250" spans="1:4" x14ac:dyDescent="0.25">
      <c r="A2250" s="20">
        <v>43649.499999994558</v>
      </c>
      <c r="B2250" s="22">
        <v>1.9947620630264282</v>
      </c>
      <c r="C2250" s="21">
        <v>226071.43235574296</v>
      </c>
      <c r="D2250">
        <f t="shared" si="35"/>
        <v>12</v>
      </c>
    </row>
    <row r="2251" spans="1:4" x14ac:dyDescent="0.25">
      <c r="A2251" s="20">
        <v>43649.541666661222</v>
      </c>
      <c r="B2251" s="22">
        <v>2.3061115741729736</v>
      </c>
      <c r="C2251" s="21">
        <v>261357.46032509845</v>
      </c>
      <c r="D2251">
        <f t="shared" si="35"/>
        <v>13</v>
      </c>
    </row>
    <row r="2252" spans="1:4" x14ac:dyDescent="0.25">
      <c r="A2252" s="20">
        <v>43649.583333327886</v>
      </c>
      <c r="B2252" s="22">
        <v>2.6600701808929443</v>
      </c>
      <c r="C2252" s="21">
        <v>301472.48491826805</v>
      </c>
      <c r="D2252">
        <f t="shared" si="35"/>
        <v>14</v>
      </c>
    </row>
    <row r="2253" spans="1:4" x14ac:dyDescent="0.25">
      <c r="A2253" s="20">
        <v>43649.62499999455</v>
      </c>
      <c r="B2253" s="22">
        <v>2.8492908477783203</v>
      </c>
      <c r="C2253" s="21">
        <v>322917.34192000219</v>
      </c>
      <c r="D2253">
        <f t="shared" si="35"/>
        <v>15</v>
      </c>
    </row>
    <row r="2254" spans="1:4" x14ac:dyDescent="0.25">
      <c r="A2254" s="20">
        <v>43649.666666661215</v>
      </c>
      <c r="B2254" s="22">
        <v>2.8898272514343262</v>
      </c>
      <c r="C2254" s="21">
        <v>327511.43512386031</v>
      </c>
      <c r="D2254">
        <f t="shared" si="35"/>
        <v>16</v>
      </c>
    </row>
    <row r="2255" spans="1:4" x14ac:dyDescent="0.25">
      <c r="A2255" s="20">
        <v>43649.708333327879</v>
      </c>
      <c r="B2255" s="22">
        <v>2.7108738422393799</v>
      </c>
      <c r="C2255" s="21">
        <v>307230.19241751707</v>
      </c>
      <c r="D2255">
        <f t="shared" si="35"/>
        <v>17</v>
      </c>
    </row>
    <row r="2256" spans="1:4" x14ac:dyDescent="0.25">
      <c r="A2256" s="20">
        <v>43649.749999994543</v>
      </c>
      <c r="B2256" s="22">
        <v>2.4901342391967773</v>
      </c>
      <c r="C2256" s="21">
        <v>282213.21462229715</v>
      </c>
      <c r="D2256">
        <f t="shared" si="35"/>
        <v>18</v>
      </c>
    </row>
    <row r="2257" spans="1:4" x14ac:dyDescent="0.25">
      <c r="A2257" s="20">
        <v>43649.791666661207</v>
      </c>
      <c r="B2257" s="22">
        <v>2.2744998931884766</v>
      </c>
      <c r="C2257" s="21">
        <v>257774.82852564691</v>
      </c>
      <c r="D2257">
        <f t="shared" si="35"/>
        <v>19</v>
      </c>
    </row>
    <row r="2258" spans="1:4" x14ac:dyDescent="0.25">
      <c r="A2258" s="20">
        <v>43649.833333327872</v>
      </c>
      <c r="B2258" s="22">
        <v>2.0833883285522461</v>
      </c>
      <c r="C2258" s="21">
        <v>236115.67129688457</v>
      </c>
      <c r="D2258">
        <f t="shared" si="35"/>
        <v>20</v>
      </c>
    </row>
    <row r="2259" spans="1:4" x14ac:dyDescent="0.25">
      <c r="A2259" s="20">
        <v>43649.874999994536</v>
      </c>
      <c r="B2259" s="22">
        <v>2.0465409755706787</v>
      </c>
      <c r="C2259" s="21">
        <v>231939.6675411172</v>
      </c>
      <c r="D2259">
        <f t="shared" si="35"/>
        <v>21</v>
      </c>
    </row>
    <row r="2260" spans="1:4" x14ac:dyDescent="0.25">
      <c r="A2260" s="20">
        <v>43649.9166666612</v>
      </c>
      <c r="B2260" s="22">
        <v>1.9553310871124268</v>
      </c>
      <c r="C2260" s="21">
        <v>221602.62007517522</v>
      </c>
      <c r="D2260">
        <f t="shared" si="35"/>
        <v>22</v>
      </c>
    </row>
    <row r="2261" spans="1:4" x14ac:dyDescent="0.25">
      <c r="A2261" s="20">
        <v>43649.958333327864</v>
      </c>
      <c r="B2261" s="22">
        <v>1.5671420097351074</v>
      </c>
      <c r="C2261" s="21">
        <v>177608.1696220726</v>
      </c>
      <c r="D2261">
        <f t="shared" si="35"/>
        <v>23</v>
      </c>
    </row>
    <row r="2262" spans="1:4" x14ac:dyDescent="0.25">
      <c r="A2262" s="20">
        <v>43649.999999994528</v>
      </c>
      <c r="B2262" s="22">
        <v>1.298892617225647</v>
      </c>
      <c r="C2262" s="21">
        <v>147206.78716287145</v>
      </c>
      <c r="D2262">
        <f t="shared" si="35"/>
        <v>0</v>
      </c>
    </row>
    <row r="2263" spans="1:4" x14ac:dyDescent="0.25">
      <c r="A2263" s="20">
        <v>43650.041666661193</v>
      </c>
      <c r="B2263" s="22">
        <v>1.1571604013442993</v>
      </c>
      <c r="C2263" s="21">
        <v>131143.91648312905</v>
      </c>
      <c r="D2263">
        <f t="shared" si="35"/>
        <v>1</v>
      </c>
    </row>
    <row r="2264" spans="1:4" x14ac:dyDescent="0.25">
      <c r="A2264" s="20">
        <v>43650.083333327857</v>
      </c>
      <c r="B2264" s="22">
        <v>1.108475923538208</v>
      </c>
      <c r="C2264" s="21">
        <v>125626.38141710918</v>
      </c>
      <c r="D2264">
        <f t="shared" si="35"/>
        <v>2</v>
      </c>
    </row>
    <row r="2265" spans="1:4" x14ac:dyDescent="0.25">
      <c r="A2265" s="20">
        <v>43650.124999994521</v>
      </c>
      <c r="B2265" s="22">
        <v>1.0216267108917236</v>
      </c>
      <c r="C2265" s="21">
        <v>115783.54037562148</v>
      </c>
      <c r="D2265">
        <f t="shared" si="35"/>
        <v>3</v>
      </c>
    </row>
    <row r="2266" spans="1:4" x14ac:dyDescent="0.25">
      <c r="A2266" s="20">
        <v>43650.166666661185</v>
      </c>
      <c r="B2266" s="22">
        <v>0.92819786071777344</v>
      </c>
      <c r="C2266" s="21">
        <v>105195.01236334837</v>
      </c>
      <c r="D2266">
        <f t="shared" si="35"/>
        <v>4</v>
      </c>
    </row>
    <row r="2267" spans="1:4" x14ac:dyDescent="0.25">
      <c r="A2267" s="20">
        <v>43650.20833332785</v>
      </c>
      <c r="B2267" s="22">
        <v>0.95849394798278809</v>
      </c>
      <c r="C2267" s="21">
        <v>108628.54459745609</v>
      </c>
      <c r="D2267">
        <f t="shared" si="35"/>
        <v>5</v>
      </c>
    </row>
    <row r="2268" spans="1:4" x14ac:dyDescent="0.25">
      <c r="A2268" s="20">
        <v>43650.249999994514</v>
      </c>
      <c r="B2268" s="22">
        <v>0.94429600238800049</v>
      </c>
      <c r="C2268" s="21">
        <v>107019.45549524369</v>
      </c>
      <c r="D2268">
        <f t="shared" si="35"/>
        <v>6</v>
      </c>
    </row>
    <row r="2269" spans="1:4" x14ac:dyDescent="0.25">
      <c r="A2269" s="20">
        <v>43650.291666661178</v>
      </c>
      <c r="B2269" s="22">
        <v>1.0780534744262695</v>
      </c>
      <c r="C2269" s="21">
        <v>122178.52827513048</v>
      </c>
      <c r="D2269">
        <f t="shared" si="35"/>
        <v>7</v>
      </c>
    </row>
    <row r="2270" spans="1:4" x14ac:dyDescent="0.25">
      <c r="A2270" s="20">
        <v>43650.333333327842</v>
      </c>
      <c r="B2270" s="22">
        <v>1.2533152103424072</v>
      </c>
      <c r="C2270" s="21">
        <v>142041.3843069931</v>
      </c>
      <c r="D2270">
        <f t="shared" si="35"/>
        <v>8</v>
      </c>
    </row>
    <row r="2271" spans="1:4" x14ac:dyDescent="0.25">
      <c r="A2271" s="20">
        <v>43650.374999994507</v>
      </c>
      <c r="B2271" s="22">
        <v>1.4954682588577271</v>
      </c>
      <c r="C2271" s="21">
        <v>169485.20206444096</v>
      </c>
      <c r="D2271">
        <f t="shared" si="35"/>
        <v>9</v>
      </c>
    </row>
    <row r="2272" spans="1:4" x14ac:dyDescent="0.25">
      <c r="A2272" s="20">
        <v>43650.416666661171</v>
      </c>
      <c r="B2272" s="22">
        <v>1.9440586566925049</v>
      </c>
      <c r="C2272" s="21">
        <v>220325.08701075759</v>
      </c>
      <c r="D2272">
        <f t="shared" si="35"/>
        <v>10</v>
      </c>
    </row>
    <row r="2273" spans="1:4" x14ac:dyDescent="0.25">
      <c r="A2273" s="20">
        <v>43650.458333327835</v>
      </c>
      <c r="B2273" s="22">
        <v>2.352139949798584</v>
      </c>
      <c r="C2273" s="21">
        <v>266573.97260972782</v>
      </c>
      <c r="D2273">
        <f t="shared" si="35"/>
        <v>11</v>
      </c>
    </row>
    <row r="2274" spans="1:4" x14ac:dyDescent="0.25">
      <c r="A2274" s="20">
        <v>43650.499999994499</v>
      </c>
      <c r="B2274" s="22">
        <v>2.706489086151123</v>
      </c>
      <c r="C2274" s="21">
        <v>306733.25691439305</v>
      </c>
      <c r="D2274">
        <f t="shared" si="35"/>
        <v>12</v>
      </c>
    </row>
    <row r="2275" spans="1:4" x14ac:dyDescent="0.25">
      <c r="A2275" s="20">
        <v>43650.541666661164</v>
      </c>
      <c r="B2275" s="22">
        <v>2.6687295436859131</v>
      </c>
      <c r="C2275" s="21">
        <v>302453.87241614558</v>
      </c>
      <c r="D2275">
        <f t="shared" si="35"/>
        <v>13</v>
      </c>
    </row>
    <row r="2276" spans="1:4" x14ac:dyDescent="0.25">
      <c r="A2276" s="20">
        <v>43650.583333327828</v>
      </c>
      <c r="B2276" s="22">
        <v>2.7374546527862549</v>
      </c>
      <c r="C2276" s="21">
        <v>310242.66293963627</v>
      </c>
      <c r="D2276">
        <f t="shared" si="35"/>
        <v>14</v>
      </c>
    </row>
    <row r="2277" spans="1:4" x14ac:dyDescent="0.25">
      <c r="A2277" s="20">
        <v>43650.624999994492</v>
      </c>
      <c r="B2277" s="22">
        <v>2.871384859085083</v>
      </c>
      <c r="C2277" s="21">
        <v>325421.31213037693</v>
      </c>
      <c r="D2277">
        <f t="shared" si="35"/>
        <v>15</v>
      </c>
    </row>
    <row r="2278" spans="1:4" x14ac:dyDescent="0.25">
      <c r="A2278" s="20">
        <v>43650.666666661156</v>
      </c>
      <c r="B2278" s="22">
        <v>2.9646725654602051</v>
      </c>
      <c r="C2278" s="21">
        <v>335993.84395876387</v>
      </c>
      <c r="D2278">
        <f t="shared" si="35"/>
        <v>16</v>
      </c>
    </row>
    <row r="2279" spans="1:4" x14ac:dyDescent="0.25">
      <c r="A2279" s="20">
        <v>43650.708333327821</v>
      </c>
      <c r="B2279" s="22">
        <v>2.7568199634552002</v>
      </c>
      <c r="C2279" s="21">
        <v>312437.38260173978</v>
      </c>
      <c r="D2279">
        <f t="shared" si="35"/>
        <v>17</v>
      </c>
    </row>
    <row r="2280" spans="1:4" x14ac:dyDescent="0.25">
      <c r="A2280" s="20">
        <v>43650.749999994485</v>
      </c>
      <c r="B2280" s="22">
        <v>2.7886595726013184</v>
      </c>
      <c r="C2280" s="21">
        <v>316045.84607652097</v>
      </c>
      <c r="D2280">
        <f t="shared" si="35"/>
        <v>18</v>
      </c>
    </row>
    <row r="2281" spans="1:4" x14ac:dyDescent="0.25">
      <c r="A2281" s="20">
        <v>43650.791666661149</v>
      </c>
      <c r="B2281" s="22">
        <v>2.4486832618713379</v>
      </c>
      <c r="C2281" s="21">
        <v>277515.47047014994</v>
      </c>
      <c r="D2281">
        <f t="shared" si="35"/>
        <v>19</v>
      </c>
    </row>
    <row r="2282" spans="1:4" x14ac:dyDescent="0.25">
      <c r="A2282" s="20">
        <v>43650.833333327813</v>
      </c>
      <c r="B2282" s="22">
        <v>2.3361132144927979</v>
      </c>
      <c r="C2282" s="21">
        <v>264757.62214180868</v>
      </c>
      <c r="D2282">
        <f t="shared" si="35"/>
        <v>20</v>
      </c>
    </row>
    <row r="2283" spans="1:4" x14ac:dyDescent="0.25">
      <c r="A2283" s="20">
        <v>43650.874999994478</v>
      </c>
      <c r="B2283" s="22">
        <v>2.0690224170684814</v>
      </c>
      <c r="C2283" s="21">
        <v>234487.54619543607</v>
      </c>
      <c r="D2283">
        <f t="shared" si="35"/>
        <v>21</v>
      </c>
    </row>
    <row r="2284" spans="1:4" x14ac:dyDescent="0.25">
      <c r="A2284" s="20">
        <v>43650.916666661142</v>
      </c>
      <c r="B2284" s="22">
        <v>1.9282509088516235</v>
      </c>
      <c r="C2284" s="21">
        <v>218533.55494638471</v>
      </c>
      <c r="D2284">
        <f t="shared" si="35"/>
        <v>22</v>
      </c>
    </row>
    <row r="2285" spans="1:4" x14ac:dyDescent="0.25">
      <c r="A2285" s="20">
        <v>43650.958333327806</v>
      </c>
      <c r="B2285" s="22">
        <v>1.7231196165084839</v>
      </c>
      <c r="C2285" s="21">
        <v>195285.50649962426</v>
      </c>
      <c r="D2285">
        <f t="shared" si="35"/>
        <v>23</v>
      </c>
    </row>
    <row r="2286" spans="1:4" x14ac:dyDescent="0.25">
      <c r="A2286" s="20">
        <v>43650.99999999447</v>
      </c>
      <c r="B2286" s="22">
        <v>1.4738855361938477</v>
      </c>
      <c r="C2286" s="21">
        <v>167039.17748978204</v>
      </c>
      <c r="D2286">
        <f t="shared" si="35"/>
        <v>0</v>
      </c>
    </row>
    <row r="2287" spans="1:4" x14ac:dyDescent="0.25">
      <c r="A2287" s="20">
        <v>43651.041666661135</v>
      </c>
      <c r="B2287" s="22">
        <v>1.2887922525405884</v>
      </c>
      <c r="C2287" s="21">
        <v>146062.08727410267</v>
      </c>
      <c r="D2287">
        <f t="shared" si="35"/>
        <v>1</v>
      </c>
    </row>
    <row r="2288" spans="1:4" x14ac:dyDescent="0.25">
      <c r="A2288" s="20">
        <v>43651.083333327799</v>
      </c>
      <c r="B2288" s="22">
        <v>1.1415251493453979</v>
      </c>
      <c r="C2288" s="21">
        <v>129371.93380902914</v>
      </c>
      <c r="D2288">
        <f t="shared" si="35"/>
        <v>2</v>
      </c>
    </row>
    <row r="2289" spans="1:4" x14ac:dyDescent="0.25">
      <c r="A2289" s="20">
        <v>43651.124999994463</v>
      </c>
      <c r="B2289" s="22">
        <v>1.047559380531311</v>
      </c>
      <c r="C2289" s="21">
        <v>118722.55544859469</v>
      </c>
      <c r="D2289">
        <f t="shared" si="35"/>
        <v>3</v>
      </c>
    </row>
    <row r="2290" spans="1:4" x14ac:dyDescent="0.25">
      <c r="A2290" s="20">
        <v>43651.166666661127</v>
      </c>
      <c r="B2290" s="22">
        <v>1.0080771446228027</v>
      </c>
      <c r="C2290" s="21">
        <v>114247.9337431359</v>
      </c>
      <c r="D2290">
        <f t="shared" si="35"/>
        <v>4</v>
      </c>
    </row>
    <row r="2291" spans="1:4" x14ac:dyDescent="0.25">
      <c r="A2291" s="20">
        <v>43651.208333327791</v>
      </c>
      <c r="B2291" s="22">
        <v>0.97241890430450439</v>
      </c>
      <c r="C2291" s="21">
        <v>110206.69513455093</v>
      </c>
      <c r="D2291">
        <f t="shared" si="35"/>
        <v>5</v>
      </c>
    </row>
    <row r="2292" spans="1:4" x14ac:dyDescent="0.25">
      <c r="A2292" s="20">
        <v>43651.249999994456</v>
      </c>
      <c r="B2292" s="22">
        <v>1.0378921031951904</v>
      </c>
      <c r="C2292" s="21">
        <v>117626.93844501022</v>
      </c>
      <c r="D2292">
        <f t="shared" si="35"/>
        <v>6</v>
      </c>
    </row>
    <row r="2293" spans="1:4" x14ac:dyDescent="0.25">
      <c r="A2293" s="20">
        <v>43651.29166666112</v>
      </c>
      <c r="B2293" s="22">
        <v>1.0284228324890137</v>
      </c>
      <c r="C2293" s="21">
        <v>116553.76203385381</v>
      </c>
      <c r="D2293">
        <f t="shared" si="35"/>
        <v>7</v>
      </c>
    </row>
    <row r="2294" spans="1:4" x14ac:dyDescent="0.25">
      <c r="A2294" s="20">
        <v>43651.333333327784</v>
      </c>
      <c r="B2294" s="22">
        <v>1.1982170343399048</v>
      </c>
      <c r="C2294" s="21">
        <v>135796.96859448636</v>
      </c>
      <c r="D2294">
        <f t="shared" si="35"/>
        <v>8</v>
      </c>
    </row>
    <row r="2295" spans="1:4" x14ac:dyDescent="0.25">
      <c r="A2295" s="20">
        <v>43651.374999994448</v>
      </c>
      <c r="B2295" s="22">
        <v>1.46666419506073</v>
      </c>
      <c r="C2295" s="21">
        <v>166220.76462553471</v>
      </c>
      <c r="D2295">
        <f t="shared" si="35"/>
        <v>9</v>
      </c>
    </row>
    <row r="2296" spans="1:4" x14ac:dyDescent="0.25">
      <c r="A2296" s="20">
        <v>43651.416666661113</v>
      </c>
      <c r="B2296" s="22">
        <v>1.8103059530258179</v>
      </c>
      <c r="C2296" s="21">
        <v>205166.5546424886</v>
      </c>
      <c r="D2296">
        <f t="shared" si="35"/>
        <v>10</v>
      </c>
    </row>
    <row r="2297" spans="1:4" x14ac:dyDescent="0.25">
      <c r="A2297" s="20">
        <v>43651.458333327777</v>
      </c>
      <c r="B2297" s="22">
        <v>2.0929262638092041</v>
      </c>
      <c r="C2297" s="21">
        <v>237196.62963533693</v>
      </c>
      <c r="D2297">
        <f t="shared" si="35"/>
        <v>11</v>
      </c>
    </row>
    <row r="2298" spans="1:4" x14ac:dyDescent="0.25">
      <c r="A2298" s="20">
        <v>43651.499999994441</v>
      </c>
      <c r="B2298" s="22">
        <v>2.2681107521057129</v>
      </c>
      <c r="C2298" s="21">
        <v>257050.73099899158</v>
      </c>
      <c r="D2298">
        <f t="shared" si="35"/>
        <v>12</v>
      </c>
    </row>
    <row r="2299" spans="1:4" x14ac:dyDescent="0.25">
      <c r="A2299" s="20">
        <v>43651.541666661105</v>
      </c>
      <c r="B2299" s="22">
        <v>2.5791687965393066</v>
      </c>
      <c r="C2299" s="21">
        <v>292303.72630821069</v>
      </c>
      <c r="D2299">
        <f t="shared" si="35"/>
        <v>13</v>
      </c>
    </row>
    <row r="2300" spans="1:4" x14ac:dyDescent="0.25">
      <c r="A2300" s="20">
        <v>43651.58333332777</v>
      </c>
      <c r="B2300" s="22">
        <v>2.8083908557891846</v>
      </c>
      <c r="C2300" s="21">
        <v>318282.04233028868</v>
      </c>
      <c r="D2300">
        <f t="shared" si="35"/>
        <v>14</v>
      </c>
    </row>
    <row r="2301" spans="1:4" x14ac:dyDescent="0.25">
      <c r="A2301" s="20">
        <v>43651.624999994434</v>
      </c>
      <c r="B2301" s="22">
        <v>2.9384970664978027</v>
      </c>
      <c r="C2301" s="21">
        <v>333027.30842415552</v>
      </c>
      <c r="D2301">
        <f t="shared" si="35"/>
        <v>15</v>
      </c>
    </row>
    <row r="2302" spans="1:4" x14ac:dyDescent="0.25">
      <c r="A2302" s="20">
        <v>43651.666666661098</v>
      </c>
      <c r="B2302" s="22">
        <v>3.1021804809570313</v>
      </c>
      <c r="C2302" s="21">
        <v>351577.96398632036</v>
      </c>
      <c r="D2302">
        <f t="shared" si="35"/>
        <v>16</v>
      </c>
    </row>
    <row r="2303" spans="1:4" x14ac:dyDescent="0.25">
      <c r="A2303" s="20">
        <v>43651.708333327762</v>
      </c>
      <c r="B2303" s="22">
        <v>3.0578575134277344</v>
      </c>
      <c r="C2303" s="21">
        <v>346554.72991678782</v>
      </c>
      <c r="D2303">
        <f t="shared" si="35"/>
        <v>17</v>
      </c>
    </row>
    <row r="2304" spans="1:4" x14ac:dyDescent="0.25">
      <c r="A2304" s="20">
        <v>43651.749999994427</v>
      </c>
      <c r="B2304" s="22">
        <v>3.012897253036499</v>
      </c>
      <c r="C2304" s="21">
        <v>341459.26983453985</v>
      </c>
      <c r="D2304">
        <f t="shared" si="35"/>
        <v>18</v>
      </c>
    </row>
    <row r="2305" spans="1:4" x14ac:dyDescent="0.25">
      <c r="A2305" s="20">
        <v>43651.791666661091</v>
      </c>
      <c r="B2305" s="22">
        <v>2.8915796279907227</v>
      </c>
      <c r="C2305" s="21">
        <v>327710.03639339225</v>
      </c>
      <c r="D2305">
        <f t="shared" si="35"/>
        <v>19</v>
      </c>
    </row>
    <row r="2306" spans="1:4" x14ac:dyDescent="0.25">
      <c r="A2306" s="20">
        <v>43651.833333327755</v>
      </c>
      <c r="B2306" s="22">
        <v>2.7923269271850586</v>
      </c>
      <c r="C2306" s="21">
        <v>316461.47665175097</v>
      </c>
      <c r="D2306">
        <f t="shared" si="35"/>
        <v>20</v>
      </c>
    </row>
    <row r="2307" spans="1:4" x14ac:dyDescent="0.25">
      <c r="A2307" s="20">
        <v>43651.874999994419</v>
      </c>
      <c r="B2307" s="22">
        <v>2.49910569190979</v>
      </c>
      <c r="C2307" s="21">
        <v>283229.97206055798</v>
      </c>
      <c r="D2307">
        <f t="shared" si="35"/>
        <v>21</v>
      </c>
    </row>
    <row r="2308" spans="1:4" x14ac:dyDescent="0.25">
      <c r="A2308" s="20">
        <v>43651.916666661084</v>
      </c>
      <c r="B2308" s="22">
        <v>2.5937418937683105</v>
      </c>
      <c r="C2308" s="21">
        <v>293955.33229445142</v>
      </c>
      <c r="D2308">
        <f t="shared" si="35"/>
        <v>22</v>
      </c>
    </row>
    <row r="2309" spans="1:4" x14ac:dyDescent="0.25">
      <c r="A2309" s="20">
        <v>43651.958333327748</v>
      </c>
      <c r="B2309" s="22">
        <v>2.1295678615570068</v>
      </c>
      <c r="C2309" s="21">
        <v>241349.31462979733</v>
      </c>
      <c r="D2309">
        <f t="shared" si="35"/>
        <v>23</v>
      </c>
    </row>
    <row r="2310" spans="1:4" x14ac:dyDescent="0.25">
      <c r="A2310" s="20">
        <v>43651.999999994412</v>
      </c>
      <c r="B2310" s="22">
        <v>1.7946165800094604</v>
      </c>
      <c r="C2310" s="21">
        <v>203388.43829652696</v>
      </c>
      <c r="D2310">
        <f t="shared" si="35"/>
        <v>0</v>
      </c>
    </row>
    <row r="2311" spans="1:4" x14ac:dyDescent="0.25">
      <c r="A2311" s="20">
        <v>43652.041666661076</v>
      </c>
      <c r="B2311" s="22">
        <v>1.460180401802063</v>
      </c>
      <c r="C2311" s="21">
        <v>165485.93992826657</v>
      </c>
      <c r="D2311">
        <f t="shared" ref="D2311:D2374" si="36">HOUR(A2311)</f>
        <v>1</v>
      </c>
    </row>
    <row r="2312" spans="1:4" x14ac:dyDescent="0.25">
      <c r="A2312" s="20">
        <v>43652.083333327741</v>
      </c>
      <c r="B2312" s="22">
        <v>1.2709918022155762</v>
      </c>
      <c r="C2312" s="21">
        <v>144044.71719466202</v>
      </c>
      <c r="D2312">
        <f t="shared" si="36"/>
        <v>2</v>
      </c>
    </row>
    <row r="2313" spans="1:4" x14ac:dyDescent="0.25">
      <c r="A2313" s="20">
        <v>43652.124999994405</v>
      </c>
      <c r="B2313" s="22">
        <v>1.2235835790634155</v>
      </c>
      <c r="C2313" s="21">
        <v>138671.82329813935</v>
      </c>
      <c r="D2313">
        <f t="shared" si="36"/>
        <v>3</v>
      </c>
    </row>
    <row r="2314" spans="1:4" x14ac:dyDescent="0.25">
      <c r="A2314" s="20">
        <v>43652.166666661069</v>
      </c>
      <c r="B2314" s="22">
        <v>1.1591135263442993</v>
      </c>
      <c r="C2314" s="21">
        <v>131365.26908176928</v>
      </c>
      <c r="D2314">
        <f t="shared" si="36"/>
        <v>4</v>
      </c>
    </row>
    <row r="2315" spans="1:4" x14ac:dyDescent="0.25">
      <c r="A2315" s="20">
        <v>43652.208333327733</v>
      </c>
      <c r="B2315" s="22">
        <v>1.0415116548538208</v>
      </c>
      <c r="C2315" s="21">
        <v>118037.15139377199</v>
      </c>
      <c r="D2315">
        <f t="shared" si="36"/>
        <v>5</v>
      </c>
    </row>
    <row r="2316" spans="1:4" x14ac:dyDescent="0.25">
      <c r="A2316" s="20">
        <v>43652.249999994398</v>
      </c>
      <c r="B2316" s="22">
        <v>1.1384491920471191</v>
      </c>
      <c r="C2316" s="21">
        <v>129023.32778469361</v>
      </c>
      <c r="D2316">
        <f t="shared" si="36"/>
        <v>6</v>
      </c>
    </row>
    <row r="2317" spans="1:4" x14ac:dyDescent="0.25">
      <c r="A2317" s="20">
        <v>43652.291666661062</v>
      </c>
      <c r="B2317" s="22">
        <v>1.1340699195861816</v>
      </c>
      <c r="C2317" s="21">
        <v>128527.01375493001</v>
      </c>
      <c r="D2317">
        <f t="shared" si="36"/>
        <v>7</v>
      </c>
    </row>
    <row r="2318" spans="1:4" x14ac:dyDescent="0.25">
      <c r="A2318" s="20">
        <v>43652.333333327726</v>
      </c>
      <c r="B2318" s="22">
        <v>1.4053692817687988</v>
      </c>
      <c r="C2318" s="21">
        <v>159274.05699514988</v>
      </c>
      <c r="D2318">
        <f t="shared" si="36"/>
        <v>8</v>
      </c>
    </row>
    <row r="2319" spans="1:4" x14ac:dyDescent="0.25">
      <c r="A2319" s="20">
        <v>43652.37499999439</v>
      </c>
      <c r="B2319" s="22">
        <v>1.6473715305328369</v>
      </c>
      <c r="C2319" s="21">
        <v>186700.78423518562</v>
      </c>
      <c r="D2319">
        <f t="shared" si="36"/>
        <v>9</v>
      </c>
    </row>
    <row r="2320" spans="1:4" x14ac:dyDescent="0.25">
      <c r="A2320" s="20">
        <v>43652.416666661054</v>
      </c>
      <c r="B2320" s="22">
        <v>2.0195188522338867</v>
      </c>
      <c r="C2320" s="21">
        <v>228877.18192377308</v>
      </c>
      <c r="D2320">
        <f t="shared" si="36"/>
        <v>10</v>
      </c>
    </row>
    <row r="2321" spans="1:4" x14ac:dyDescent="0.25">
      <c r="A2321" s="20">
        <v>43652.458333327719</v>
      </c>
      <c r="B2321" s="22">
        <v>2.3372280597686768</v>
      </c>
      <c r="C2321" s="21">
        <v>264883.97037804418</v>
      </c>
      <c r="D2321">
        <f t="shared" si="36"/>
        <v>11</v>
      </c>
    </row>
    <row r="2322" spans="1:4" x14ac:dyDescent="0.25">
      <c r="A2322" s="20">
        <v>43652.499999994383</v>
      </c>
      <c r="B2322" s="22">
        <v>2.5544753074645996</v>
      </c>
      <c r="C2322" s="21">
        <v>289505.15070440649</v>
      </c>
      <c r="D2322">
        <f t="shared" si="36"/>
        <v>12</v>
      </c>
    </row>
    <row r="2323" spans="1:4" x14ac:dyDescent="0.25">
      <c r="A2323" s="20">
        <v>43652.541666661047</v>
      </c>
      <c r="B2323" s="22">
        <v>2.8215310573577881</v>
      </c>
      <c r="C2323" s="21">
        <v>319771.25462538842</v>
      </c>
      <c r="D2323">
        <f t="shared" si="36"/>
        <v>13</v>
      </c>
    </row>
    <row r="2324" spans="1:4" x14ac:dyDescent="0.25">
      <c r="A2324" s="20">
        <v>43652.583333327711</v>
      </c>
      <c r="B2324" s="22">
        <v>2.8434140682220459</v>
      </c>
      <c r="C2324" s="21">
        <v>322251.31162167661</v>
      </c>
      <c r="D2324">
        <f t="shared" si="36"/>
        <v>14</v>
      </c>
    </row>
    <row r="2325" spans="1:4" x14ac:dyDescent="0.25">
      <c r="A2325" s="20">
        <v>43652.624999994376</v>
      </c>
      <c r="B2325" s="22">
        <v>3.0474436283111572</v>
      </c>
      <c r="C2325" s="21">
        <v>345374.49796415039</v>
      </c>
      <c r="D2325">
        <f t="shared" si="36"/>
        <v>15</v>
      </c>
    </row>
    <row r="2326" spans="1:4" x14ac:dyDescent="0.25">
      <c r="A2326" s="20">
        <v>43652.66666666104</v>
      </c>
      <c r="B2326" s="22">
        <v>3.0391414165496826</v>
      </c>
      <c r="C2326" s="21">
        <v>344433.58729644422</v>
      </c>
      <c r="D2326">
        <f t="shared" si="36"/>
        <v>16</v>
      </c>
    </row>
    <row r="2327" spans="1:4" x14ac:dyDescent="0.25">
      <c r="A2327" s="20">
        <v>43652.708333327704</v>
      </c>
      <c r="B2327" s="22">
        <v>2.8668415546417236</v>
      </c>
      <c r="C2327" s="21">
        <v>324906.40794096183</v>
      </c>
      <c r="D2327">
        <f t="shared" si="36"/>
        <v>17</v>
      </c>
    </row>
    <row r="2328" spans="1:4" x14ac:dyDescent="0.25">
      <c r="A2328" s="20">
        <v>43652.749999994368</v>
      </c>
      <c r="B2328" s="22">
        <v>2.8687489032745361</v>
      </c>
      <c r="C2328" s="21">
        <v>325122.5725880714</v>
      </c>
      <c r="D2328">
        <f t="shared" si="36"/>
        <v>18</v>
      </c>
    </row>
    <row r="2329" spans="1:4" x14ac:dyDescent="0.25">
      <c r="A2329" s="20">
        <v>43652.791666661033</v>
      </c>
      <c r="B2329" s="22">
        <v>2.5195748805999756</v>
      </c>
      <c r="C2329" s="21">
        <v>285549.79701217625</v>
      </c>
      <c r="D2329">
        <f t="shared" si="36"/>
        <v>19</v>
      </c>
    </row>
    <row r="2330" spans="1:4" x14ac:dyDescent="0.25">
      <c r="A2330" s="20">
        <v>43652.833333327697</v>
      </c>
      <c r="B2330" s="22">
        <v>2.529320240020752</v>
      </c>
      <c r="C2330" s="21">
        <v>286654.26325600175</v>
      </c>
      <c r="D2330">
        <f t="shared" si="36"/>
        <v>20</v>
      </c>
    </row>
    <row r="2331" spans="1:4" x14ac:dyDescent="0.25">
      <c r="A2331" s="20">
        <v>43652.874999994361</v>
      </c>
      <c r="B2331" s="22">
        <v>2.3536529541015625</v>
      </c>
      <c r="C2331" s="21">
        <v>266745.44521604746</v>
      </c>
      <c r="D2331">
        <f t="shared" si="36"/>
        <v>21</v>
      </c>
    </row>
    <row r="2332" spans="1:4" x14ac:dyDescent="0.25">
      <c r="A2332" s="20">
        <v>43652.916666661025</v>
      </c>
      <c r="B2332" s="22">
        <v>2.141038179397583</v>
      </c>
      <c r="C2332" s="21">
        <v>242649.27477635257</v>
      </c>
      <c r="D2332">
        <f t="shared" si="36"/>
        <v>22</v>
      </c>
    </row>
    <row r="2333" spans="1:4" x14ac:dyDescent="0.25">
      <c r="A2333" s="20">
        <v>43652.95833332769</v>
      </c>
      <c r="B2333" s="22">
        <v>1.8267152309417725</v>
      </c>
      <c r="C2333" s="21">
        <v>207026.25963244366</v>
      </c>
      <c r="D2333">
        <f t="shared" si="36"/>
        <v>23</v>
      </c>
    </row>
    <row r="2334" spans="1:4" x14ac:dyDescent="0.25">
      <c r="A2334" s="20">
        <v>43652.999999994354</v>
      </c>
      <c r="B2334" s="22">
        <v>1.6345851421356201</v>
      </c>
      <c r="C2334" s="21">
        <v>185251.67048212478</v>
      </c>
      <c r="D2334">
        <f t="shared" si="36"/>
        <v>0</v>
      </c>
    </row>
    <row r="2335" spans="1:4" x14ac:dyDescent="0.25">
      <c r="A2335" s="20">
        <v>43653.041666661018</v>
      </c>
      <c r="B2335" s="22">
        <v>1.5519469976425171</v>
      </c>
      <c r="C2335" s="21">
        <v>175886.08045058369</v>
      </c>
      <c r="D2335">
        <f t="shared" si="36"/>
        <v>1</v>
      </c>
    </row>
    <row r="2336" spans="1:4" x14ac:dyDescent="0.25">
      <c r="A2336" s="20">
        <v>43653.083333327682</v>
      </c>
      <c r="B2336" s="22">
        <v>1.2923662662506104</v>
      </c>
      <c r="C2336" s="21">
        <v>146467.13929191467</v>
      </c>
      <c r="D2336">
        <f t="shared" si="36"/>
        <v>2</v>
      </c>
    </row>
    <row r="2337" spans="1:4" x14ac:dyDescent="0.25">
      <c r="A2337" s="20">
        <v>43653.124999994347</v>
      </c>
      <c r="B2337" s="22">
        <v>1.1617395877838135</v>
      </c>
      <c r="C2337" s="21">
        <v>131662.88726996782</v>
      </c>
      <c r="D2337">
        <f t="shared" si="36"/>
        <v>3</v>
      </c>
    </row>
    <row r="2338" spans="1:4" x14ac:dyDescent="0.25">
      <c r="A2338" s="20">
        <v>43653.166666661011</v>
      </c>
      <c r="B2338" s="22">
        <v>1.1094003915786743</v>
      </c>
      <c r="C2338" s="21">
        <v>125731.15371950511</v>
      </c>
      <c r="D2338">
        <f t="shared" si="36"/>
        <v>4</v>
      </c>
    </row>
    <row r="2339" spans="1:4" x14ac:dyDescent="0.25">
      <c r="A2339" s="20">
        <v>43653.208333327675</v>
      </c>
      <c r="B2339" s="22">
        <v>1.0221959352493286</v>
      </c>
      <c r="C2339" s="21">
        <v>115848.05201249325</v>
      </c>
      <c r="D2339">
        <f t="shared" si="36"/>
        <v>5</v>
      </c>
    </row>
    <row r="2340" spans="1:4" x14ac:dyDescent="0.25">
      <c r="A2340" s="20">
        <v>43653.249999994339</v>
      </c>
      <c r="B2340" s="22">
        <v>1.0588221549987793</v>
      </c>
      <c r="C2340" s="21">
        <v>119998.99417948634</v>
      </c>
      <c r="D2340">
        <f t="shared" si="36"/>
        <v>6</v>
      </c>
    </row>
    <row r="2341" spans="1:4" x14ac:dyDescent="0.25">
      <c r="A2341" s="20">
        <v>43653.291666661004</v>
      </c>
      <c r="B2341" s="22">
        <v>1.0932059288024902</v>
      </c>
      <c r="C2341" s="21">
        <v>123895.79427293077</v>
      </c>
      <c r="D2341">
        <f t="shared" si="36"/>
        <v>7</v>
      </c>
    </row>
    <row r="2342" spans="1:4" x14ac:dyDescent="0.25">
      <c r="A2342" s="20">
        <v>43653.333333327668</v>
      </c>
      <c r="B2342" s="22">
        <v>1.2617722749710083</v>
      </c>
      <c r="C2342" s="21">
        <v>142999.84484198652</v>
      </c>
      <c r="D2342">
        <f t="shared" si="36"/>
        <v>8</v>
      </c>
    </row>
    <row r="2343" spans="1:4" x14ac:dyDescent="0.25">
      <c r="A2343" s="20">
        <v>43653.374999994332</v>
      </c>
      <c r="B2343" s="22">
        <v>1.5798964500427246</v>
      </c>
      <c r="C2343" s="21">
        <v>179053.66261729441</v>
      </c>
      <c r="D2343">
        <f t="shared" si="36"/>
        <v>9</v>
      </c>
    </row>
    <row r="2344" spans="1:4" x14ac:dyDescent="0.25">
      <c r="A2344" s="20">
        <v>43653.416666660996</v>
      </c>
      <c r="B2344" s="22">
        <v>2.089871883392334</v>
      </c>
      <c r="C2344" s="21">
        <v>236850.46897357181</v>
      </c>
      <c r="D2344">
        <f t="shared" si="36"/>
        <v>10</v>
      </c>
    </row>
    <row r="2345" spans="1:4" x14ac:dyDescent="0.25">
      <c r="A2345" s="20">
        <v>43653.458333327661</v>
      </c>
      <c r="B2345" s="22">
        <v>2.395888090133667</v>
      </c>
      <c r="C2345" s="21">
        <v>271532.06005873758</v>
      </c>
      <c r="D2345">
        <f t="shared" si="36"/>
        <v>11</v>
      </c>
    </row>
    <row r="2346" spans="1:4" x14ac:dyDescent="0.25">
      <c r="A2346" s="20">
        <v>43653.499999994325</v>
      </c>
      <c r="B2346" s="22">
        <v>2.4323017597198486</v>
      </c>
      <c r="C2346" s="21">
        <v>275658.91337786842</v>
      </c>
      <c r="D2346">
        <f t="shared" si="36"/>
        <v>12</v>
      </c>
    </row>
    <row r="2347" spans="1:4" x14ac:dyDescent="0.25">
      <c r="A2347" s="20">
        <v>43653.541666660989</v>
      </c>
      <c r="B2347" s="22">
        <v>2.5861196517944336</v>
      </c>
      <c r="C2347" s="21">
        <v>293091.48432343977</v>
      </c>
      <c r="D2347">
        <f t="shared" si="36"/>
        <v>13</v>
      </c>
    </row>
    <row r="2348" spans="1:4" x14ac:dyDescent="0.25">
      <c r="A2348" s="20">
        <v>43653.583333327653</v>
      </c>
      <c r="B2348" s="22">
        <v>2.4044268131256104</v>
      </c>
      <c r="C2348" s="21">
        <v>272499.77514268545</v>
      </c>
      <c r="D2348">
        <f t="shared" si="36"/>
        <v>14</v>
      </c>
    </row>
    <row r="2349" spans="1:4" x14ac:dyDescent="0.25">
      <c r="A2349" s="20">
        <v>43653.624999994317</v>
      </c>
      <c r="B2349" s="22">
        <v>2.5731992721557617</v>
      </c>
      <c r="C2349" s="21">
        <v>291627.18500391947</v>
      </c>
      <c r="D2349">
        <f t="shared" si="36"/>
        <v>15</v>
      </c>
    </row>
    <row r="2350" spans="1:4" x14ac:dyDescent="0.25">
      <c r="A2350" s="20">
        <v>43653.666666660982</v>
      </c>
      <c r="B2350" s="22">
        <v>2.7248356342315674</v>
      </c>
      <c r="C2350" s="21">
        <v>308812.51763435925</v>
      </c>
      <c r="D2350">
        <f t="shared" si="36"/>
        <v>16</v>
      </c>
    </row>
    <row r="2351" spans="1:4" x14ac:dyDescent="0.25">
      <c r="A2351" s="20">
        <v>43653.708333327646</v>
      </c>
      <c r="B2351" s="22">
        <v>3.027616024017334</v>
      </c>
      <c r="C2351" s="21">
        <v>343127.3853957036</v>
      </c>
      <c r="D2351">
        <f t="shared" si="36"/>
        <v>17</v>
      </c>
    </row>
    <row r="2352" spans="1:4" x14ac:dyDescent="0.25">
      <c r="A2352" s="20">
        <v>43653.74999999431</v>
      </c>
      <c r="B2352" s="22">
        <v>2.5956714153289795</v>
      </c>
      <c r="C2352" s="21">
        <v>294174.00985558366</v>
      </c>
      <c r="D2352">
        <f t="shared" si="36"/>
        <v>18</v>
      </c>
    </row>
    <row r="2353" spans="1:4" x14ac:dyDescent="0.25">
      <c r="A2353" s="20">
        <v>43653.791666660974</v>
      </c>
      <c r="B2353" s="22">
        <v>2.5495560169219971</v>
      </c>
      <c r="C2353" s="21">
        <v>288947.63505892997</v>
      </c>
      <c r="D2353">
        <f t="shared" si="36"/>
        <v>19</v>
      </c>
    </row>
    <row r="2354" spans="1:4" x14ac:dyDescent="0.25">
      <c r="A2354" s="20">
        <v>43653.833333327639</v>
      </c>
      <c r="B2354" s="22">
        <v>2.3825488090515137</v>
      </c>
      <c r="C2354" s="21">
        <v>270020.28557859588</v>
      </c>
      <c r="D2354">
        <f t="shared" si="36"/>
        <v>20</v>
      </c>
    </row>
    <row r="2355" spans="1:4" x14ac:dyDescent="0.25">
      <c r="A2355" s="20">
        <v>43653.874999994303</v>
      </c>
      <c r="B2355" s="22">
        <v>2.1910476684570313</v>
      </c>
      <c r="C2355" s="21">
        <v>248316.97672066139</v>
      </c>
      <c r="D2355">
        <f t="shared" si="36"/>
        <v>21</v>
      </c>
    </row>
    <row r="2356" spans="1:4" x14ac:dyDescent="0.25">
      <c r="A2356" s="20">
        <v>43653.916666660967</v>
      </c>
      <c r="B2356" s="22">
        <v>2.0107564926147461</v>
      </c>
      <c r="C2356" s="21">
        <v>227884.1215349517</v>
      </c>
      <c r="D2356">
        <f t="shared" si="36"/>
        <v>22</v>
      </c>
    </row>
    <row r="2357" spans="1:4" x14ac:dyDescent="0.25">
      <c r="A2357" s="20">
        <v>43653.958333327631</v>
      </c>
      <c r="B2357" s="22">
        <v>1.7955015897750854</v>
      </c>
      <c r="C2357" s="21">
        <v>203488.73869278579</v>
      </c>
      <c r="D2357">
        <f t="shared" si="36"/>
        <v>23</v>
      </c>
    </row>
    <row r="2358" spans="1:4" x14ac:dyDescent="0.25">
      <c r="A2358" s="20">
        <v>43653.999999994296</v>
      </c>
      <c r="B2358" s="22">
        <v>1.5820252895355225</v>
      </c>
      <c r="C2358" s="21">
        <v>179294.92938404958</v>
      </c>
      <c r="D2358">
        <f t="shared" si="36"/>
        <v>0</v>
      </c>
    </row>
    <row r="2359" spans="1:4" x14ac:dyDescent="0.25">
      <c r="A2359" s="20">
        <v>43654.04166666096</v>
      </c>
      <c r="B2359" s="22">
        <v>1.2942560911178589</v>
      </c>
      <c r="C2359" s="21">
        <v>146681.31792632895</v>
      </c>
      <c r="D2359">
        <f t="shared" si="36"/>
        <v>1</v>
      </c>
    </row>
    <row r="2360" spans="1:4" x14ac:dyDescent="0.25">
      <c r="A2360" s="20">
        <v>43654.083333327624</v>
      </c>
      <c r="B2360" s="22">
        <v>1.2393838167190552</v>
      </c>
      <c r="C2360" s="21">
        <v>140462.50421421425</v>
      </c>
      <c r="D2360">
        <f t="shared" si="36"/>
        <v>2</v>
      </c>
    </row>
    <row r="2361" spans="1:4" x14ac:dyDescent="0.25">
      <c r="A2361" s="20">
        <v>43654.124999994288</v>
      </c>
      <c r="B2361" s="22">
        <v>1.1394925117492676</v>
      </c>
      <c r="C2361" s="21">
        <v>129141.56984666256</v>
      </c>
      <c r="D2361">
        <f t="shared" si="36"/>
        <v>3</v>
      </c>
    </row>
    <row r="2362" spans="1:4" x14ac:dyDescent="0.25">
      <c r="A2362" s="20">
        <v>43654.166666660953</v>
      </c>
      <c r="B2362" s="22">
        <v>1.1386871337890625</v>
      </c>
      <c r="C2362" s="21">
        <v>129050.29432442054</v>
      </c>
      <c r="D2362">
        <f t="shared" si="36"/>
        <v>4</v>
      </c>
    </row>
    <row r="2363" spans="1:4" x14ac:dyDescent="0.25">
      <c r="A2363" s="20">
        <v>43654.208333327617</v>
      </c>
      <c r="B2363" s="22">
        <v>1.1380428075790405</v>
      </c>
      <c r="C2363" s="21">
        <v>128977.27120456884</v>
      </c>
      <c r="D2363">
        <f t="shared" si="36"/>
        <v>5</v>
      </c>
    </row>
    <row r="2364" spans="1:4" x14ac:dyDescent="0.25">
      <c r="A2364" s="20">
        <v>43654.249999994281</v>
      </c>
      <c r="B2364" s="22">
        <v>1.1784806251525879</v>
      </c>
      <c r="C2364" s="21">
        <v>133560.19139822951</v>
      </c>
      <c r="D2364">
        <f t="shared" si="36"/>
        <v>6</v>
      </c>
    </row>
    <row r="2365" spans="1:4" x14ac:dyDescent="0.25">
      <c r="A2365" s="20">
        <v>43654.291666660945</v>
      </c>
      <c r="B2365" s="22">
        <v>1.3203029632568359</v>
      </c>
      <c r="C2365" s="21">
        <v>149633.27585754785</v>
      </c>
      <c r="D2365">
        <f t="shared" si="36"/>
        <v>7</v>
      </c>
    </row>
    <row r="2366" spans="1:4" x14ac:dyDescent="0.25">
      <c r="A2366" s="20">
        <v>43654.33333332761</v>
      </c>
      <c r="B2366" s="22">
        <v>1.3941143751144409</v>
      </c>
      <c r="C2366" s="21">
        <v>157998.50994342755</v>
      </c>
      <c r="D2366">
        <f t="shared" si="36"/>
        <v>8</v>
      </c>
    </row>
    <row r="2367" spans="1:4" x14ac:dyDescent="0.25">
      <c r="A2367" s="20">
        <v>43654.374999994274</v>
      </c>
      <c r="B2367" s="22">
        <v>1.4059010744094849</v>
      </c>
      <c r="C2367" s="21">
        <v>159334.32640082212</v>
      </c>
      <c r="D2367">
        <f t="shared" si="36"/>
        <v>9</v>
      </c>
    </row>
    <row r="2368" spans="1:4" x14ac:dyDescent="0.25">
      <c r="A2368" s="20">
        <v>43654.416666660938</v>
      </c>
      <c r="B2368" s="22">
        <v>1.5181922912597656</v>
      </c>
      <c r="C2368" s="21">
        <v>172060.57415981407</v>
      </c>
      <c r="D2368">
        <f t="shared" si="36"/>
        <v>10</v>
      </c>
    </row>
    <row r="2369" spans="1:4" x14ac:dyDescent="0.25">
      <c r="A2369" s="20">
        <v>43654.458333327602</v>
      </c>
      <c r="B2369" s="22">
        <v>1.8011090755462646</v>
      </c>
      <c r="C2369" s="21">
        <v>204124.24924499751</v>
      </c>
      <c r="D2369">
        <f t="shared" si="36"/>
        <v>11</v>
      </c>
    </row>
    <row r="2370" spans="1:4" x14ac:dyDescent="0.25">
      <c r="A2370" s="20">
        <v>43654.499999994267</v>
      </c>
      <c r="B2370" s="22">
        <v>1.8583672046661377</v>
      </c>
      <c r="C2370" s="21">
        <v>210613.45791006536</v>
      </c>
      <c r="D2370">
        <f t="shared" si="36"/>
        <v>12</v>
      </c>
    </row>
    <row r="2371" spans="1:4" x14ac:dyDescent="0.25">
      <c r="A2371" s="20">
        <v>43654.541666660931</v>
      </c>
      <c r="B2371" s="22">
        <v>2.2675156593322754</v>
      </c>
      <c r="C2371" s="21">
        <v>256983.28762909339</v>
      </c>
      <c r="D2371">
        <f t="shared" si="36"/>
        <v>13</v>
      </c>
    </row>
    <row r="2372" spans="1:4" x14ac:dyDescent="0.25">
      <c r="A2372" s="20">
        <v>43654.583333327595</v>
      </c>
      <c r="B2372" s="22">
        <v>2.401090145111084</v>
      </c>
      <c r="C2372" s="21">
        <v>272121.6221131481</v>
      </c>
      <c r="D2372">
        <f t="shared" si="36"/>
        <v>14</v>
      </c>
    </row>
    <row r="2373" spans="1:4" x14ac:dyDescent="0.25">
      <c r="A2373" s="20">
        <v>43654.624999994259</v>
      </c>
      <c r="B2373" s="22">
        <v>2.8936910629272461</v>
      </c>
      <c r="C2373" s="21">
        <v>327949.33065774257</v>
      </c>
      <c r="D2373">
        <f t="shared" si="36"/>
        <v>15</v>
      </c>
    </row>
    <row r="2374" spans="1:4" x14ac:dyDescent="0.25">
      <c r="A2374" s="20">
        <v>43654.666666660924</v>
      </c>
      <c r="B2374" s="22">
        <v>2.918668270111084</v>
      </c>
      <c r="C2374" s="21">
        <v>330780.06075280427</v>
      </c>
      <c r="D2374">
        <f t="shared" si="36"/>
        <v>16</v>
      </c>
    </row>
    <row r="2375" spans="1:4" x14ac:dyDescent="0.25">
      <c r="A2375" s="20">
        <v>43654.708333327588</v>
      </c>
      <c r="B2375" s="22">
        <v>3.1334929466247559</v>
      </c>
      <c r="C2375" s="21">
        <v>355126.68495675654</v>
      </c>
      <c r="D2375">
        <f t="shared" ref="D2375:D2438" si="37">HOUR(A2375)</f>
        <v>17</v>
      </c>
    </row>
    <row r="2376" spans="1:4" x14ac:dyDescent="0.25">
      <c r="A2376" s="20">
        <v>43654.749999994252</v>
      </c>
      <c r="B2376" s="22">
        <v>2.8597843647003174</v>
      </c>
      <c r="C2376" s="21">
        <v>324106.59874665638</v>
      </c>
      <c r="D2376">
        <f t="shared" si="37"/>
        <v>18</v>
      </c>
    </row>
    <row r="2377" spans="1:4" x14ac:dyDescent="0.25">
      <c r="A2377" s="20">
        <v>43654.791666660916</v>
      </c>
      <c r="B2377" s="22">
        <v>2.8629047870635986</v>
      </c>
      <c r="C2377" s="21">
        <v>324460.24410932767</v>
      </c>
      <c r="D2377">
        <f t="shared" si="37"/>
        <v>19</v>
      </c>
    </row>
    <row r="2378" spans="1:4" x14ac:dyDescent="0.25">
      <c r="A2378" s="20">
        <v>43654.83333332758</v>
      </c>
      <c r="B2378" s="22">
        <v>2.6675353050231934</v>
      </c>
      <c r="C2378" s="21">
        <v>302318.52632647409</v>
      </c>
      <c r="D2378">
        <f t="shared" si="37"/>
        <v>20</v>
      </c>
    </row>
    <row r="2379" spans="1:4" x14ac:dyDescent="0.25">
      <c r="A2379" s="20">
        <v>43654.874999994245</v>
      </c>
      <c r="B2379" s="22">
        <v>2.388864278793335</v>
      </c>
      <c r="C2379" s="21">
        <v>270736.03374575661</v>
      </c>
      <c r="D2379">
        <f t="shared" si="37"/>
        <v>21</v>
      </c>
    </row>
    <row r="2380" spans="1:4" x14ac:dyDescent="0.25">
      <c r="A2380" s="20">
        <v>43654.916666660909</v>
      </c>
      <c r="B2380" s="22">
        <v>1.9799991846084595</v>
      </c>
      <c r="C2380" s="21">
        <v>224398.31798711477</v>
      </c>
      <c r="D2380">
        <f t="shared" si="37"/>
        <v>22</v>
      </c>
    </row>
    <row r="2381" spans="1:4" x14ac:dyDescent="0.25">
      <c r="A2381" s="20">
        <v>43654.958333327573</v>
      </c>
      <c r="B2381" s="22">
        <v>1.7136285305023193</v>
      </c>
      <c r="C2381" s="21">
        <v>194209.85770531654</v>
      </c>
      <c r="D2381">
        <f t="shared" si="37"/>
        <v>23</v>
      </c>
    </row>
    <row r="2382" spans="1:4" x14ac:dyDescent="0.25">
      <c r="A2382" s="20">
        <v>43654.999999994237</v>
      </c>
      <c r="B2382" s="22">
        <v>1.2998601198196411</v>
      </c>
      <c r="C2382" s="21">
        <v>147316.43668011777</v>
      </c>
      <c r="D2382">
        <f t="shared" si="37"/>
        <v>0</v>
      </c>
    </row>
    <row r="2383" spans="1:4" x14ac:dyDescent="0.25">
      <c r="A2383" s="20">
        <v>43655.041666660902</v>
      </c>
      <c r="B2383" s="22">
        <v>1.1717875003814697</v>
      </c>
      <c r="C2383" s="21">
        <v>132801.64263094112</v>
      </c>
      <c r="D2383">
        <f t="shared" si="37"/>
        <v>1</v>
      </c>
    </row>
    <row r="2384" spans="1:4" x14ac:dyDescent="0.25">
      <c r="A2384" s="20">
        <v>43655.083333327566</v>
      </c>
      <c r="B2384" s="22">
        <v>1.1028599739074707</v>
      </c>
      <c r="C2384" s="21">
        <v>124989.91163427592</v>
      </c>
      <c r="D2384">
        <f t="shared" si="37"/>
        <v>2</v>
      </c>
    </row>
    <row r="2385" spans="1:4" x14ac:dyDescent="0.25">
      <c r="A2385" s="20">
        <v>43655.12499999423</v>
      </c>
      <c r="B2385" s="22">
        <v>1.036919116973877</v>
      </c>
      <c r="C2385" s="21">
        <v>117516.66745440345</v>
      </c>
      <c r="D2385">
        <f t="shared" si="37"/>
        <v>3</v>
      </c>
    </row>
    <row r="2386" spans="1:4" x14ac:dyDescent="0.25">
      <c r="A2386" s="20">
        <v>43655.166666660894</v>
      </c>
      <c r="B2386" s="22">
        <v>0.97261202335357666</v>
      </c>
      <c r="C2386" s="21">
        <v>110228.58180507076</v>
      </c>
      <c r="D2386">
        <f t="shared" si="37"/>
        <v>4</v>
      </c>
    </row>
    <row r="2387" spans="1:4" x14ac:dyDescent="0.25">
      <c r="A2387" s="20">
        <v>43655.208333327559</v>
      </c>
      <c r="B2387" s="22">
        <v>0.94117438793182373</v>
      </c>
      <c r="C2387" s="21">
        <v>106665.67502966797</v>
      </c>
      <c r="D2387">
        <f t="shared" si="37"/>
        <v>5</v>
      </c>
    </row>
    <row r="2388" spans="1:4" x14ac:dyDescent="0.25">
      <c r="A2388" s="20">
        <v>43655.249999994223</v>
      </c>
      <c r="B2388" s="22">
        <v>1.1966960430145264</v>
      </c>
      <c r="C2388" s="21">
        <v>135624.59079870692</v>
      </c>
      <c r="D2388">
        <f t="shared" si="37"/>
        <v>6</v>
      </c>
    </row>
    <row r="2389" spans="1:4" x14ac:dyDescent="0.25">
      <c r="A2389" s="20">
        <v>43655.291666660887</v>
      </c>
      <c r="B2389" s="22">
        <v>1.1855889558792114</v>
      </c>
      <c r="C2389" s="21">
        <v>134365.79650713562</v>
      </c>
      <c r="D2389">
        <f t="shared" si="37"/>
        <v>7</v>
      </c>
    </row>
    <row r="2390" spans="1:4" x14ac:dyDescent="0.25">
      <c r="A2390" s="20">
        <v>43655.333333327551</v>
      </c>
      <c r="B2390" s="22">
        <v>1.2420240640640259</v>
      </c>
      <c r="C2390" s="21">
        <v>140761.73012697569</v>
      </c>
      <c r="D2390">
        <f t="shared" si="37"/>
        <v>8</v>
      </c>
    </row>
    <row r="2391" spans="1:4" x14ac:dyDescent="0.25">
      <c r="A2391" s="20">
        <v>43655.374999994216</v>
      </c>
      <c r="B2391" s="22">
        <v>1.5274753570556641</v>
      </c>
      <c r="C2391" s="21">
        <v>173112.64749729642</v>
      </c>
      <c r="D2391">
        <f t="shared" si="37"/>
        <v>9</v>
      </c>
    </row>
    <row r="2392" spans="1:4" x14ac:dyDescent="0.25">
      <c r="A2392" s="20">
        <v>43655.41666666088</v>
      </c>
      <c r="B2392" s="22">
        <v>1.8346492052078247</v>
      </c>
      <c r="C2392" s="21">
        <v>207925.4370129673</v>
      </c>
      <c r="D2392">
        <f t="shared" si="37"/>
        <v>10</v>
      </c>
    </row>
    <row r="2393" spans="1:4" x14ac:dyDescent="0.25">
      <c r="A2393" s="20">
        <v>43655.458333327544</v>
      </c>
      <c r="B2393" s="22">
        <v>2.111572265625</v>
      </c>
      <c r="C2393" s="21">
        <v>239309.8282048993</v>
      </c>
      <c r="D2393">
        <f t="shared" si="37"/>
        <v>11</v>
      </c>
    </row>
    <row r="2394" spans="1:4" x14ac:dyDescent="0.25">
      <c r="A2394" s="20">
        <v>43655.499999994208</v>
      </c>
      <c r="B2394" s="22">
        <v>2.4799933433532715</v>
      </c>
      <c r="C2394" s="21">
        <v>281063.92123477731</v>
      </c>
      <c r="D2394">
        <f t="shared" si="37"/>
        <v>12</v>
      </c>
    </row>
    <row r="2395" spans="1:4" x14ac:dyDescent="0.25">
      <c r="A2395" s="20">
        <v>43655.541666660873</v>
      </c>
      <c r="B2395" s="22">
        <v>2.6564798355102539</v>
      </c>
      <c r="C2395" s="21">
        <v>301065.58199066517</v>
      </c>
      <c r="D2395">
        <f t="shared" si="37"/>
        <v>13</v>
      </c>
    </row>
    <row r="2396" spans="1:4" x14ac:dyDescent="0.25">
      <c r="A2396" s="20">
        <v>43655.583333327537</v>
      </c>
      <c r="B2396" s="22">
        <v>2.9145009517669678</v>
      </c>
      <c r="C2396" s="21">
        <v>330307.76801945077</v>
      </c>
      <c r="D2396">
        <f t="shared" si="37"/>
        <v>14</v>
      </c>
    </row>
    <row r="2397" spans="1:4" x14ac:dyDescent="0.25">
      <c r="A2397" s="20">
        <v>43655.624999994201</v>
      </c>
      <c r="B2397" s="22">
        <v>3.0196278095245361</v>
      </c>
      <c r="C2397" s="21">
        <v>342222.06083302782</v>
      </c>
      <c r="D2397">
        <f t="shared" si="37"/>
        <v>15</v>
      </c>
    </row>
    <row r="2398" spans="1:4" x14ac:dyDescent="0.25">
      <c r="A2398" s="20">
        <v>43655.666666660865</v>
      </c>
      <c r="B2398" s="22">
        <v>3.0294835567474365</v>
      </c>
      <c r="C2398" s="21">
        <v>343339.0376058048</v>
      </c>
      <c r="D2398">
        <f t="shared" si="37"/>
        <v>16</v>
      </c>
    </row>
    <row r="2399" spans="1:4" x14ac:dyDescent="0.25">
      <c r="A2399" s="20">
        <v>43655.70833332753</v>
      </c>
      <c r="B2399" s="22">
        <v>3.2081503868103027</v>
      </c>
      <c r="C2399" s="21">
        <v>363587.80157391983</v>
      </c>
      <c r="D2399">
        <f t="shared" si="37"/>
        <v>17</v>
      </c>
    </row>
    <row r="2400" spans="1:4" x14ac:dyDescent="0.25">
      <c r="A2400" s="20">
        <v>43655.749999994194</v>
      </c>
      <c r="B2400" s="22">
        <v>3.1915440559387207</v>
      </c>
      <c r="C2400" s="21">
        <v>361705.76407386019</v>
      </c>
      <c r="D2400">
        <f t="shared" si="37"/>
        <v>18</v>
      </c>
    </row>
    <row r="2401" spans="1:4" x14ac:dyDescent="0.25">
      <c r="A2401" s="20">
        <v>43655.791666660858</v>
      </c>
      <c r="B2401" s="22">
        <v>3.0610723495483398</v>
      </c>
      <c r="C2401" s="21">
        <v>346919.07542949106</v>
      </c>
      <c r="D2401">
        <f t="shared" si="37"/>
        <v>19</v>
      </c>
    </row>
    <row r="2402" spans="1:4" x14ac:dyDescent="0.25">
      <c r="A2402" s="20">
        <v>43655.833333327522</v>
      </c>
      <c r="B2402" s="22">
        <v>2.9607918262481689</v>
      </c>
      <c r="C2402" s="21">
        <v>335554.02996363858</v>
      </c>
      <c r="D2402">
        <f t="shared" si="37"/>
        <v>20</v>
      </c>
    </row>
    <row r="2403" spans="1:4" x14ac:dyDescent="0.25">
      <c r="A2403" s="20">
        <v>43655.874999994187</v>
      </c>
      <c r="B2403" s="22">
        <v>2.6589772701263428</v>
      </c>
      <c r="C2403" s="21">
        <v>301348.62257547426</v>
      </c>
      <c r="D2403">
        <f t="shared" si="37"/>
        <v>21</v>
      </c>
    </row>
    <row r="2404" spans="1:4" x14ac:dyDescent="0.25">
      <c r="A2404" s="20">
        <v>43655.916666660851</v>
      </c>
      <c r="B2404" s="22">
        <v>2.199953556060791</v>
      </c>
      <c r="C2404" s="21">
        <v>249326.3034991778</v>
      </c>
      <c r="D2404">
        <f t="shared" si="37"/>
        <v>22</v>
      </c>
    </row>
    <row r="2405" spans="1:4" x14ac:dyDescent="0.25">
      <c r="A2405" s="20">
        <v>43655.958333327515</v>
      </c>
      <c r="B2405" s="22">
        <v>1.8665635585784912</v>
      </c>
      <c r="C2405" s="21">
        <v>211542.37143985703</v>
      </c>
      <c r="D2405">
        <f t="shared" si="37"/>
        <v>23</v>
      </c>
    </row>
    <row r="2406" spans="1:4" x14ac:dyDescent="0.25">
      <c r="A2406" s="20">
        <v>43655.999999994179</v>
      </c>
      <c r="B2406" s="22">
        <v>1.705998420715332</v>
      </c>
      <c r="C2406" s="21">
        <v>193345.11805513554</v>
      </c>
      <c r="D2406">
        <f t="shared" si="37"/>
        <v>0</v>
      </c>
    </row>
    <row r="2407" spans="1:4" x14ac:dyDescent="0.25">
      <c r="A2407" s="20">
        <v>43656.041666660843</v>
      </c>
      <c r="B2407" s="22">
        <v>1.4502366781234741</v>
      </c>
      <c r="C2407" s="21">
        <v>164358.99256114167</v>
      </c>
      <c r="D2407">
        <f t="shared" si="37"/>
        <v>1</v>
      </c>
    </row>
    <row r="2408" spans="1:4" x14ac:dyDescent="0.25">
      <c r="A2408" s="20">
        <v>43656.083333327508</v>
      </c>
      <c r="B2408" s="22">
        <v>1.2760128974914551</v>
      </c>
      <c r="C2408" s="21">
        <v>144613.770628178</v>
      </c>
      <c r="D2408">
        <f t="shared" si="37"/>
        <v>2</v>
      </c>
    </row>
    <row r="2409" spans="1:4" x14ac:dyDescent="0.25">
      <c r="A2409" s="20">
        <v>43656.124999994172</v>
      </c>
      <c r="B2409" s="22">
        <v>1.1196812391281128</v>
      </c>
      <c r="C2409" s="21">
        <v>126896.30818800666</v>
      </c>
      <c r="D2409">
        <f t="shared" si="37"/>
        <v>3</v>
      </c>
    </row>
    <row r="2410" spans="1:4" x14ac:dyDescent="0.25">
      <c r="A2410" s="20">
        <v>43656.166666660836</v>
      </c>
      <c r="B2410" s="22">
        <v>1.1044609546661377</v>
      </c>
      <c r="C2410" s="21">
        <v>125171.35483494353</v>
      </c>
      <c r="D2410">
        <f t="shared" si="37"/>
        <v>4</v>
      </c>
    </row>
    <row r="2411" spans="1:4" x14ac:dyDescent="0.25">
      <c r="A2411" s="20">
        <v>43656.2083333275</v>
      </c>
      <c r="B2411" s="22">
        <v>1.118456244468689</v>
      </c>
      <c r="C2411" s="21">
        <v>126757.47644340053</v>
      </c>
      <c r="D2411">
        <f t="shared" si="37"/>
        <v>5</v>
      </c>
    </row>
    <row r="2412" spans="1:4" x14ac:dyDescent="0.25">
      <c r="A2412" s="20">
        <v>43656.249999994165</v>
      </c>
      <c r="B2412" s="22">
        <v>1.2170886993408203</v>
      </c>
      <c r="C2412" s="21">
        <v>137935.74214385988</v>
      </c>
      <c r="D2412">
        <f t="shared" si="37"/>
        <v>6</v>
      </c>
    </row>
    <row r="2413" spans="1:4" x14ac:dyDescent="0.25">
      <c r="A2413" s="20">
        <v>43656.291666660829</v>
      </c>
      <c r="B2413" s="22">
        <v>1.3042887449264526</v>
      </c>
      <c r="C2413" s="21">
        <v>147818.34397012534</v>
      </c>
      <c r="D2413">
        <f t="shared" si="37"/>
        <v>7</v>
      </c>
    </row>
    <row r="2414" spans="1:4" x14ac:dyDescent="0.25">
      <c r="A2414" s="20">
        <v>43656.333333327493</v>
      </c>
      <c r="B2414" s="22">
        <v>1.3878867626190186</v>
      </c>
      <c r="C2414" s="21">
        <v>157292.7188603243</v>
      </c>
      <c r="D2414">
        <f t="shared" si="37"/>
        <v>8</v>
      </c>
    </row>
    <row r="2415" spans="1:4" x14ac:dyDescent="0.25">
      <c r="A2415" s="20">
        <v>43656.374999994157</v>
      </c>
      <c r="B2415" s="22">
        <v>1.5606529712677002</v>
      </c>
      <c r="C2415" s="21">
        <v>176872.75047202496</v>
      </c>
      <c r="D2415">
        <f t="shared" si="37"/>
        <v>9</v>
      </c>
    </row>
    <row r="2416" spans="1:4" x14ac:dyDescent="0.25">
      <c r="A2416" s="20">
        <v>43656.416666660822</v>
      </c>
      <c r="B2416" s="22">
        <v>1.9625557661056519</v>
      </c>
      <c r="C2416" s="21">
        <v>222421.41122755499</v>
      </c>
      <c r="D2416">
        <f t="shared" si="37"/>
        <v>10</v>
      </c>
    </row>
    <row r="2417" spans="1:4" x14ac:dyDescent="0.25">
      <c r="A2417" s="20">
        <v>43656.458333327486</v>
      </c>
      <c r="B2417" s="22">
        <v>2.2728981971740723</v>
      </c>
      <c r="C2417" s="21">
        <v>257593.30426323664</v>
      </c>
      <c r="D2417">
        <f t="shared" si="37"/>
        <v>11</v>
      </c>
    </row>
    <row r="2418" spans="1:4" x14ac:dyDescent="0.25">
      <c r="A2418" s="20">
        <v>43656.49999999415</v>
      </c>
      <c r="B2418" s="22">
        <v>2.5822582244873047</v>
      </c>
      <c r="C2418" s="21">
        <v>292653.85899536643</v>
      </c>
      <c r="D2418">
        <f t="shared" si="37"/>
        <v>12</v>
      </c>
    </row>
    <row r="2419" spans="1:4" x14ac:dyDescent="0.25">
      <c r="A2419" s="20">
        <v>43656.541666660814</v>
      </c>
      <c r="B2419" s="22">
        <v>2.6517963409423828</v>
      </c>
      <c r="C2419" s="21">
        <v>300534.78969968762</v>
      </c>
      <c r="D2419">
        <f t="shared" si="37"/>
        <v>13</v>
      </c>
    </row>
    <row r="2420" spans="1:4" x14ac:dyDescent="0.25">
      <c r="A2420" s="20">
        <v>43656.583333327479</v>
      </c>
      <c r="B2420" s="22">
        <v>2.8775653839111328</v>
      </c>
      <c r="C2420" s="21">
        <v>326121.76664875459</v>
      </c>
      <c r="D2420">
        <f t="shared" si="37"/>
        <v>14</v>
      </c>
    </row>
    <row r="2421" spans="1:4" x14ac:dyDescent="0.25">
      <c r="A2421" s="20">
        <v>43656.624999994143</v>
      </c>
      <c r="B2421" s="22">
        <v>3.1347386837005615</v>
      </c>
      <c r="C2421" s="21">
        <v>355267.86749189999</v>
      </c>
      <c r="D2421">
        <f t="shared" si="37"/>
        <v>15</v>
      </c>
    </row>
    <row r="2422" spans="1:4" x14ac:dyDescent="0.25">
      <c r="A2422" s="20">
        <v>43656.666666660807</v>
      </c>
      <c r="B2422" s="22">
        <v>3.0738158226013184</v>
      </c>
      <c r="C2422" s="21">
        <v>348363.32547799195</v>
      </c>
      <c r="D2422">
        <f t="shared" si="37"/>
        <v>16</v>
      </c>
    </row>
    <row r="2423" spans="1:4" x14ac:dyDescent="0.25">
      <c r="A2423" s="20">
        <v>43656.708333327471</v>
      </c>
      <c r="B2423" s="22">
        <v>3.0744867324829102</v>
      </c>
      <c r="C2423" s="21">
        <v>348439.36139261274</v>
      </c>
      <c r="D2423">
        <f t="shared" si="37"/>
        <v>17</v>
      </c>
    </row>
    <row r="2424" spans="1:4" x14ac:dyDescent="0.25">
      <c r="A2424" s="20">
        <v>43656.749999994136</v>
      </c>
      <c r="B2424" s="22">
        <v>3.0643880367279053</v>
      </c>
      <c r="C2424" s="21">
        <v>347294.85064791015</v>
      </c>
      <c r="D2424">
        <f t="shared" si="37"/>
        <v>18</v>
      </c>
    </row>
    <row r="2425" spans="1:4" x14ac:dyDescent="0.25">
      <c r="A2425" s="20">
        <v>43656.7916666608</v>
      </c>
      <c r="B2425" s="22">
        <v>2.8091971874237061</v>
      </c>
      <c r="C2425" s="21">
        <v>318373.42593485431</v>
      </c>
      <c r="D2425">
        <f t="shared" si="37"/>
        <v>19</v>
      </c>
    </row>
    <row r="2426" spans="1:4" x14ac:dyDescent="0.25">
      <c r="A2426" s="20">
        <v>43656.833333327464</v>
      </c>
      <c r="B2426" s="22">
        <v>2.8128166198730469</v>
      </c>
      <c r="C2426" s="21">
        <v>318783.62537332566</v>
      </c>
      <c r="D2426">
        <f t="shared" si="37"/>
        <v>20</v>
      </c>
    </row>
    <row r="2427" spans="1:4" x14ac:dyDescent="0.25">
      <c r="A2427" s="20">
        <v>43656.874999994128</v>
      </c>
      <c r="B2427" s="22">
        <v>2.641094446182251</v>
      </c>
      <c r="C2427" s="21">
        <v>299321.91688533663</v>
      </c>
      <c r="D2427">
        <f t="shared" si="37"/>
        <v>21</v>
      </c>
    </row>
    <row r="2428" spans="1:4" x14ac:dyDescent="0.25">
      <c r="A2428" s="20">
        <v>43656.916666660793</v>
      </c>
      <c r="B2428" s="22">
        <v>2.4644711017608643</v>
      </c>
      <c r="C2428" s="21">
        <v>279304.74631601863</v>
      </c>
      <c r="D2428">
        <f t="shared" si="37"/>
        <v>22</v>
      </c>
    </row>
    <row r="2429" spans="1:4" x14ac:dyDescent="0.25">
      <c r="A2429" s="20">
        <v>43656.958333327457</v>
      </c>
      <c r="B2429" s="22">
        <v>2.0205709934234619</v>
      </c>
      <c r="C2429" s="21">
        <v>228996.42374723492</v>
      </c>
      <c r="D2429">
        <f t="shared" si="37"/>
        <v>23</v>
      </c>
    </row>
    <row r="2430" spans="1:4" x14ac:dyDescent="0.25">
      <c r="A2430" s="20">
        <v>43656.999999994121</v>
      </c>
      <c r="B2430" s="22">
        <v>1.7463929653167725</v>
      </c>
      <c r="C2430" s="21">
        <v>197923.13401336494</v>
      </c>
      <c r="D2430">
        <f t="shared" si="37"/>
        <v>0</v>
      </c>
    </row>
    <row r="2431" spans="1:4" x14ac:dyDescent="0.25">
      <c r="A2431" s="20">
        <v>43657.041666660785</v>
      </c>
      <c r="B2431" s="22">
        <v>1.602953314781189</v>
      </c>
      <c r="C2431" s="21">
        <v>181666.75544358813</v>
      </c>
      <c r="D2431">
        <f t="shared" si="37"/>
        <v>1</v>
      </c>
    </row>
    <row r="2432" spans="1:4" x14ac:dyDescent="0.25">
      <c r="A2432" s="20">
        <v>43657.08333332745</v>
      </c>
      <c r="B2432" s="22">
        <v>1.4554775953292847</v>
      </c>
      <c r="C2432" s="21">
        <v>164952.95897023703</v>
      </c>
      <c r="D2432">
        <f t="shared" si="37"/>
        <v>2</v>
      </c>
    </row>
    <row r="2433" spans="1:4" x14ac:dyDescent="0.25">
      <c r="A2433" s="20">
        <v>43657.124999994114</v>
      </c>
      <c r="B2433" s="22">
        <v>1.3537379503250122</v>
      </c>
      <c r="C2433" s="21">
        <v>153422.54754934571</v>
      </c>
      <c r="D2433">
        <f t="shared" si="37"/>
        <v>3</v>
      </c>
    </row>
    <row r="2434" spans="1:4" x14ac:dyDescent="0.25">
      <c r="A2434" s="20">
        <v>43657.166666660778</v>
      </c>
      <c r="B2434" s="22">
        <v>1.2671020030975342</v>
      </c>
      <c r="C2434" s="21">
        <v>143603.87641746292</v>
      </c>
      <c r="D2434">
        <f t="shared" si="37"/>
        <v>4</v>
      </c>
    </row>
    <row r="2435" spans="1:4" x14ac:dyDescent="0.25">
      <c r="A2435" s="20">
        <v>43657.208333327442</v>
      </c>
      <c r="B2435" s="22">
        <v>1.1913052797317505</v>
      </c>
      <c r="C2435" s="21">
        <v>135013.64195452302</v>
      </c>
      <c r="D2435">
        <f t="shared" si="37"/>
        <v>5</v>
      </c>
    </row>
    <row r="2436" spans="1:4" x14ac:dyDescent="0.25">
      <c r="A2436" s="20">
        <v>43657.249999994106</v>
      </c>
      <c r="B2436" s="22">
        <v>1.4279500246047974</v>
      </c>
      <c r="C2436" s="21">
        <v>161833.18972140888</v>
      </c>
      <c r="D2436">
        <f t="shared" si="37"/>
        <v>6</v>
      </c>
    </row>
    <row r="2437" spans="1:4" x14ac:dyDescent="0.25">
      <c r="A2437" s="20">
        <v>43657.291666660771</v>
      </c>
      <c r="B2437" s="22">
        <v>1.3016839027404785</v>
      </c>
      <c r="C2437" s="21">
        <v>147523.13061362586</v>
      </c>
      <c r="D2437">
        <f t="shared" si="37"/>
        <v>7</v>
      </c>
    </row>
    <row r="2438" spans="1:4" x14ac:dyDescent="0.25">
      <c r="A2438" s="20">
        <v>43657.333333327435</v>
      </c>
      <c r="B2438" s="22">
        <v>1.3384045362472534</v>
      </c>
      <c r="C2438" s="21">
        <v>151684.77293065086</v>
      </c>
      <c r="D2438">
        <f t="shared" si="37"/>
        <v>8</v>
      </c>
    </row>
    <row r="2439" spans="1:4" x14ac:dyDescent="0.25">
      <c r="A2439" s="20">
        <v>43657.374999994099</v>
      </c>
      <c r="B2439" s="22">
        <v>1.4153660535812378</v>
      </c>
      <c r="C2439" s="21">
        <v>160407.01644152252</v>
      </c>
      <c r="D2439">
        <f t="shared" ref="D2439:D2502" si="38">HOUR(A2439)</f>
        <v>9</v>
      </c>
    </row>
    <row r="2440" spans="1:4" x14ac:dyDescent="0.25">
      <c r="A2440" s="20">
        <v>43657.416666660763</v>
      </c>
      <c r="B2440" s="22">
        <v>1.395106315612793</v>
      </c>
      <c r="C2440" s="21">
        <v>158110.92907021497</v>
      </c>
      <c r="D2440">
        <f t="shared" si="38"/>
        <v>10</v>
      </c>
    </row>
    <row r="2441" spans="1:4" x14ac:dyDescent="0.25">
      <c r="A2441" s="20">
        <v>43657.458333327428</v>
      </c>
      <c r="B2441" s="22">
        <v>1.5560281276702881</v>
      </c>
      <c r="C2441" s="21">
        <v>176348.60524394599</v>
      </c>
      <c r="D2441">
        <f t="shared" si="38"/>
        <v>11</v>
      </c>
    </row>
    <row r="2442" spans="1:4" x14ac:dyDescent="0.25">
      <c r="A2442" s="20">
        <v>43657.499999994092</v>
      </c>
      <c r="B2442" s="22">
        <v>1.6441044807434082</v>
      </c>
      <c r="C2442" s="21">
        <v>186330.52121526783</v>
      </c>
      <c r="D2442">
        <f t="shared" si="38"/>
        <v>12</v>
      </c>
    </row>
    <row r="2443" spans="1:4" x14ac:dyDescent="0.25">
      <c r="A2443" s="20">
        <v>43657.541666660756</v>
      </c>
      <c r="B2443" s="22">
        <v>1.7989499568939209</v>
      </c>
      <c r="C2443" s="21">
        <v>203879.55086446946</v>
      </c>
      <c r="D2443">
        <f t="shared" si="38"/>
        <v>13</v>
      </c>
    </row>
    <row r="2444" spans="1:4" x14ac:dyDescent="0.25">
      <c r="A2444" s="20">
        <v>43657.58333332742</v>
      </c>
      <c r="B2444" s="22">
        <v>2.0215239524841309</v>
      </c>
      <c r="C2444" s="21">
        <v>229104.42500904703</v>
      </c>
      <c r="D2444">
        <f t="shared" si="38"/>
        <v>14</v>
      </c>
    </row>
    <row r="2445" spans="1:4" x14ac:dyDescent="0.25">
      <c r="A2445" s="20">
        <v>43657.624999994085</v>
      </c>
      <c r="B2445" s="22">
        <v>2.3490128517150879</v>
      </c>
      <c r="C2445" s="21">
        <v>266219.57067079161</v>
      </c>
      <c r="D2445">
        <f t="shared" si="38"/>
        <v>15</v>
      </c>
    </row>
    <row r="2446" spans="1:4" x14ac:dyDescent="0.25">
      <c r="A2446" s="20">
        <v>43657.666666660749</v>
      </c>
      <c r="B2446" s="22">
        <v>2.4173080921173096</v>
      </c>
      <c r="C2446" s="21">
        <v>273959.64308693999</v>
      </c>
      <c r="D2446">
        <f t="shared" si="38"/>
        <v>16</v>
      </c>
    </row>
    <row r="2447" spans="1:4" x14ac:dyDescent="0.25">
      <c r="A2447" s="20">
        <v>43657.708333327413</v>
      </c>
      <c r="B2447" s="22">
        <v>2.5957174301147461</v>
      </c>
      <c r="C2447" s="21">
        <v>294179.22482769523</v>
      </c>
      <c r="D2447">
        <f t="shared" si="38"/>
        <v>17</v>
      </c>
    </row>
    <row r="2448" spans="1:4" x14ac:dyDescent="0.25">
      <c r="A2448" s="20">
        <v>43657.749999994077</v>
      </c>
      <c r="B2448" s="22">
        <v>2.3335120677947998</v>
      </c>
      <c r="C2448" s="21">
        <v>264462.82760431297</v>
      </c>
      <c r="D2448">
        <f t="shared" si="38"/>
        <v>18</v>
      </c>
    </row>
    <row r="2449" spans="1:4" x14ac:dyDescent="0.25">
      <c r="A2449" s="20">
        <v>43657.791666660742</v>
      </c>
      <c r="B2449" s="22">
        <v>2.295149564743042</v>
      </c>
      <c r="C2449" s="21">
        <v>260115.10805699794</v>
      </c>
      <c r="D2449">
        <f t="shared" si="38"/>
        <v>19</v>
      </c>
    </row>
    <row r="2450" spans="1:4" x14ac:dyDescent="0.25">
      <c r="A2450" s="20">
        <v>43657.833333327406</v>
      </c>
      <c r="B2450" s="22">
        <v>2.1640303134918213</v>
      </c>
      <c r="C2450" s="21">
        <v>245255.03151493505</v>
      </c>
      <c r="D2450">
        <f t="shared" si="38"/>
        <v>20</v>
      </c>
    </row>
    <row r="2451" spans="1:4" x14ac:dyDescent="0.25">
      <c r="A2451" s="20">
        <v>43657.87499999407</v>
      </c>
      <c r="B2451" s="22">
        <v>2.0597469806671143</v>
      </c>
      <c r="C2451" s="21">
        <v>233436.33751654217</v>
      </c>
      <c r="D2451">
        <f t="shared" si="38"/>
        <v>21</v>
      </c>
    </row>
    <row r="2452" spans="1:4" x14ac:dyDescent="0.25">
      <c r="A2452" s="20">
        <v>43657.916666660734</v>
      </c>
      <c r="B2452" s="22">
        <v>1.8672544956207275</v>
      </c>
      <c r="C2452" s="21">
        <v>211620.67708327249</v>
      </c>
      <c r="D2452">
        <f t="shared" si="38"/>
        <v>22</v>
      </c>
    </row>
    <row r="2453" spans="1:4" x14ac:dyDescent="0.25">
      <c r="A2453" s="20">
        <v>43657.958333327399</v>
      </c>
      <c r="B2453" s="22">
        <v>1.615146279335022</v>
      </c>
      <c r="C2453" s="21">
        <v>183048.61497081703</v>
      </c>
      <c r="D2453">
        <f t="shared" si="38"/>
        <v>23</v>
      </c>
    </row>
    <row r="2454" spans="1:4" x14ac:dyDescent="0.25">
      <c r="A2454" s="20">
        <v>43657.999999994063</v>
      </c>
      <c r="B2454" s="22">
        <v>1.3655120134353638</v>
      </c>
      <c r="C2454" s="21">
        <v>154756.93191595314</v>
      </c>
      <c r="D2454">
        <f t="shared" si="38"/>
        <v>0</v>
      </c>
    </row>
    <row r="2455" spans="1:4" x14ac:dyDescent="0.25">
      <c r="A2455" s="20">
        <v>43658.041666660727</v>
      </c>
      <c r="B2455" s="22">
        <v>1.1627012491226196</v>
      </c>
      <c r="C2455" s="21">
        <v>131771.8747829824</v>
      </c>
      <c r="D2455">
        <f t="shared" si="38"/>
        <v>1</v>
      </c>
    </row>
    <row r="2456" spans="1:4" x14ac:dyDescent="0.25">
      <c r="A2456" s="20">
        <v>43658.083333327391</v>
      </c>
      <c r="B2456" s="22">
        <v>1.0072839260101318</v>
      </c>
      <c r="C2456" s="21">
        <v>114158.03627051921</v>
      </c>
      <c r="D2456">
        <f t="shared" si="38"/>
        <v>2</v>
      </c>
    </row>
    <row r="2457" spans="1:4" x14ac:dyDescent="0.25">
      <c r="A2457" s="20">
        <v>43658.124999994056</v>
      </c>
      <c r="B2457" s="22">
        <v>0.94279736280441284</v>
      </c>
      <c r="C2457" s="21">
        <v>106849.61087892257</v>
      </c>
      <c r="D2457">
        <f t="shared" si="38"/>
        <v>3</v>
      </c>
    </row>
    <row r="2458" spans="1:4" x14ac:dyDescent="0.25">
      <c r="A2458" s="20">
        <v>43658.16666666072</v>
      </c>
      <c r="B2458" s="22">
        <v>0.98583066463470459</v>
      </c>
      <c r="C2458" s="21">
        <v>111726.68387128283</v>
      </c>
      <c r="D2458">
        <f t="shared" si="38"/>
        <v>4</v>
      </c>
    </row>
    <row r="2459" spans="1:4" x14ac:dyDescent="0.25">
      <c r="A2459" s="20">
        <v>43658.208333327384</v>
      </c>
      <c r="B2459" s="22">
        <v>0.99977535009384155</v>
      </c>
      <c r="C2459" s="21">
        <v>113307.07036144623</v>
      </c>
      <c r="D2459">
        <f t="shared" si="38"/>
        <v>5</v>
      </c>
    </row>
    <row r="2460" spans="1:4" x14ac:dyDescent="0.25">
      <c r="A2460" s="20">
        <v>43658.249999994048</v>
      </c>
      <c r="B2460" s="22">
        <v>1.1205239295959473</v>
      </c>
      <c r="C2460" s="21">
        <v>126991.81243115776</v>
      </c>
      <c r="D2460">
        <f t="shared" si="38"/>
        <v>6</v>
      </c>
    </row>
    <row r="2461" spans="1:4" x14ac:dyDescent="0.25">
      <c r="A2461" s="20">
        <v>43658.291666660713</v>
      </c>
      <c r="B2461" s="22">
        <v>1.1020057201385498</v>
      </c>
      <c r="C2461" s="21">
        <v>124893.09689295173</v>
      </c>
      <c r="D2461">
        <f t="shared" si="38"/>
        <v>7</v>
      </c>
    </row>
    <row r="2462" spans="1:4" x14ac:dyDescent="0.25">
      <c r="A2462" s="20">
        <v>43658.333333327377</v>
      </c>
      <c r="B2462" s="22">
        <v>1.1637116670608521</v>
      </c>
      <c r="C2462" s="21">
        <v>131886.38800478869</v>
      </c>
      <c r="D2462">
        <f t="shared" si="38"/>
        <v>8</v>
      </c>
    </row>
    <row r="2463" spans="1:4" x14ac:dyDescent="0.25">
      <c r="A2463" s="20">
        <v>43658.374999994041</v>
      </c>
      <c r="B2463" s="22">
        <v>1.3359986543655396</v>
      </c>
      <c r="C2463" s="21">
        <v>151412.10824890304</v>
      </c>
      <c r="D2463">
        <f t="shared" si="38"/>
        <v>9</v>
      </c>
    </row>
    <row r="2464" spans="1:4" x14ac:dyDescent="0.25">
      <c r="A2464" s="20">
        <v>43658.416666660705</v>
      </c>
      <c r="B2464" s="22">
        <v>1.6162914037704468</v>
      </c>
      <c r="C2464" s="21">
        <v>183178.39482082546</v>
      </c>
      <c r="D2464">
        <f t="shared" si="38"/>
        <v>10</v>
      </c>
    </row>
    <row r="2465" spans="1:4" x14ac:dyDescent="0.25">
      <c r="A2465" s="20">
        <v>43658.458333327369</v>
      </c>
      <c r="B2465" s="22">
        <v>2.0035040378570557</v>
      </c>
      <c r="C2465" s="21">
        <v>227062.18248489837</v>
      </c>
      <c r="D2465">
        <f t="shared" si="38"/>
        <v>11</v>
      </c>
    </row>
    <row r="2466" spans="1:4" x14ac:dyDescent="0.25">
      <c r="A2466" s="20">
        <v>43658.499999994034</v>
      </c>
      <c r="B2466" s="22">
        <v>2.3183715343475342</v>
      </c>
      <c r="C2466" s="21">
        <v>262746.91263555706</v>
      </c>
      <c r="D2466">
        <f t="shared" si="38"/>
        <v>12</v>
      </c>
    </row>
    <row r="2467" spans="1:4" x14ac:dyDescent="0.25">
      <c r="A2467" s="20">
        <v>43658.541666660698</v>
      </c>
      <c r="B2467" s="22">
        <v>2.4709327220916748</v>
      </c>
      <c r="C2467" s="21">
        <v>280037.0580992641</v>
      </c>
      <c r="D2467">
        <f t="shared" si="38"/>
        <v>13</v>
      </c>
    </row>
    <row r="2468" spans="1:4" x14ac:dyDescent="0.25">
      <c r="A2468" s="20">
        <v>43658.583333327362</v>
      </c>
      <c r="B2468" s="22">
        <v>2.5869688987731934</v>
      </c>
      <c r="C2468" s="21">
        <v>293187.73163256532</v>
      </c>
      <c r="D2468">
        <f t="shared" si="38"/>
        <v>14</v>
      </c>
    </row>
    <row r="2469" spans="1:4" x14ac:dyDescent="0.25">
      <c r="A2469" s="20">
        <v>43658.624999994026</v>
      </c>
      <c r="B2469" s="22">
        <v>2.9003567695617676</v>
      </c>
      <c r="C2469" s="21">
        <v>328704.77205822879</v>
      </c>
      <c r="D2469">
        <f t="shared" si="38"/>
        <v>15</v>
      </c>
    </row>
    <row r="2470" spans="1:4" x14ac:dyDescent="0.25">
      <c r="A2470" s="20">
        <v>43658.666666660691</v>
      </c>
      <c r="B2470" s="22">
        <v>3.0038051605224609</v>
      </c>
      <c r="C2470" s="21">
        <v>340428.83998234943</v>
      </c>
      <c r="D2470">
        <f t="shared" si="38"/>
        <v>16</v>
      </c>
    </row>
    <row r="2471" spans="1:4" x14ac:dyDescent="0.25">
      <c r="A2471" s="20">
        <v>43658.708333327355</v>
      </c>
      <c r="B2471" s="22">
        <v>2.9083445072174072</v>
      </c>
      <c r="C2471" s="21">
        <v>329610.04257974285</v>
      </c>
      <c r="D2471">
        <f t="shared" si="38"/>
        <v>17</v>
      </c>
    </row>
    <row r="2472" spans="1:4" x14ac:dyDescent="0.25">
      <c r="A2472" s="20">
        <v>43658.749999994019</v>
      </c>
      <c r="B2472" s="22">
        <v>2.8440384864807129</v>
      </c>
      <c r="C2472" s="21">
        <v>322322.07852302416</v>
      </c>
      <c r="D2472">
        <f t="shared" si="38"/>
        <v>18</v>
      </c>
    </row>
    <row r="2473" spans="1:4" x14ac:dyDescent="0.25">
      <c r="A2473" s="20">
        <v>43658.791666660683</v>
      </c>
      <c r="B2473" s="22">
        <v>2.6085100173950195</v>
      </c>
      <c r="C2473" s="21">
        <v>295629.04111585917</v>
      </c>
      <c r="D2473">
        <f t="shared" si="38"/>
        <v>19</v>
      </c>
    </row>
    <row r="2474" spans="1:4" x14ac:dyDescent="0.25">
      <c r="A2474" s="20">
        <v>43658.833333327348</v>
      </c>
      <c r="B2474" s="22">
        <v>2.6215267181396484</v>
      </c>
      <c r="C2474" s="21">
        <v>297104.2567500585</v>
      </c>
      <c r="D2474">
        <f t="shared" si="38"/>
        <v>20</v>
      </c>
    </row>
    <row r="2475" spans="1:4" x14ac:dyDescent="0.25">
      <c r="A2475" s="20">
        <v>43658.874999994012</v>
      </c>
      <c r="B2475" s="22">
        <v>2.564277172088623</v>
      </c>
      <c r="C2475" s="21">
        <v>290616.02082590264</v>
      </c>
      <c r="D2475">
        <f t="shared" si="38"/>
        <v>21</v>
      </c>
    </row>
    <row r="2476" spans="1:4" x14ac:dyDescent="0.25">
      <c r="A2476" s="20">
        <v>43658.916666660676</v>
      </c>
      <c r="B2476" s="22">
        <v>2.2092795372009277</v>
      </c>
      <c r="C2476" s="21">
        <v>250383.24054122009</v>
      </c>
      <c r="D2476">
        <f t="shared" si="38"/>
        <v>22</v>
      </c>
    </row>
    <row r="2477" spans="1:4" x14ac:dyDescent="0.25">
      <c r="A2477" s="20">
        <v>43658.95833332734</v>
      </c>
      <c r="B2477" s="22">
        <v>1.781987190246582</v>
      </c>
      <c r="C2477" s="21">
        <v>201957.11759598128</v>
      </c>
      <c r="D2477">
        <f t="shared" si="38"/>
        <v>23</v>
      </c>
    </row>
    <row r="2478" spans="1:4" x14ac:dyDescent="0.25">
      <c r="A2478" s="20">
        <v>43658.999999994005</v>
      </c>
      <c r="B2478" s="22">
        <v>1.5171365737915039</v>
      </c>
      <c r="C2478" s="21">
        <v>171940.92702763891</v>
      </c>
      <c r="D2478">
        <f t="shared" si="38"/>
        <v>0</v>
      </c>
    </row>
    <row r="2479" spans="1:4" x14ac:dyDescent="0.25">
      <c r="A2479" s="20">
        <v>43659.041666660669</v>
      </c>
      <c r="B2479" s="22">
        <v>1.3224035501480103</v>
      </c>
      <c r="C2479" s="21">
        <v>149871.3406854677</v>
      </c>
      <c r="D2479">
        <f t="shared" si="38"/>
        <v>1</v>
      </c>
    </row>
    <row r="2480" spans="1:4" x14ac:dyDescent="0.25">
      <c r="A2480" s="20">
        <v>43659.083333327333</v>
      </c>
      <c r="B2480" s="22">
        <v>1.1598044633865356</v>
      </c>
      <c r="C2480" s="21">
        <v>131443.57472518471</v>
      </c>
      <c r="D2480">
        <f t="shared" si="38"/>
        <v>2</v>
      </c>
    </row>
    <row r="2481" spans="1:4" x14ac:dyDescent="0.25">
      <c r="A2481" s="20">
        <v>43659.124999993997</v>
      </c>
      <c r="B2481" s="22">
        <v>1.0741735696792603</v>
      </c>
      <c r="C2481" s="21">
        <v>121738.80885203824</v>
      </c>
      <c r="D2481">
        <f t="shared" si="38"/>
        <v>3</v>
      </c>
    </row>
    <row r="2482" spans="1:4" x14ac:dyDescent="0.25">
      <c r="A2482" s="20">
        <v>43659.166666660662</v>
      </c>
      <c r="B2482" s="22">
        <v>0.95791321992874146</v>
      </c>
      <c r="C2482" s="21">
        <v>108562.72921755644</v>
      </c>
      <c r="D2482">
        <f t="shared" si="38"/>
        <v>4</v>
      </c>
    </row>
    <row r="2483" spans="1:4" x14ac:dyDescent="0.25">
      <c r="A2483" s="20">
        <v>43659.208333327326</v>
      </c>
      <c r="B2483" s="22">
        <v>0.96397650241851807</v>
      </c>
      <c r="C2483" s="21">
        <v>109249.89636528214</v>
      </c>
      <c r="D2483">
        <f t="shared" si="38"/>
        <v>5</v>
      </c>
    </row>
    <row r="2484" spans="1:4" x14ac:dyDescent="0.25">
      <c r="A2484" s="20">
        <v>43659.24999999399</v>
      </c>
      <c r="B2484" s="22">
        <v>1.0388429164886475</v>
      </c>
      <c r="C2484" s="21">
        <v>117734.69652159435</v>
      </c>
      <c r="D2484">
        <f t="shared" si="38"/>
        <v>6</v>
      </c>
    </row>
    <row r="2485" spans="1:4" x14ac:dyDescent="0.25">
      <c r="A2485" s="20">
        <v>43659.291666660654</v>
      </c>
      <c r="B2485" s="22">
        <v>1.1464231014251709</v>
      </c>
      <c r="C2485" s="21">
        <v>129927.03111251611</v>
      </c>
      <c r="D2485">
        <f t="shared" si="38"/>
        <v>7</v>
      </c>
    </row>
    <row r="2486" spans="1:4" x14ac:dyDescent="0.25">
      <c r="A2486" s="20">
        <v>43659.333333327319</v>
      </c>
      <c r="B2486" s="22">
        <v>1.2770750522613525</v>
      </c>
      <c r="C2486" s="21">
        <v>144734.14731603715</v>
      </c>
      <c r="D2486">
        <f t="shared" si="38"/>
        <v>8</v>
      </c>
    </row>
    <row r="2487" spans="1:4" x14ac:dyDescent="0.25">
      <c r="A2487" s="20">
        <v>43659.374999993983</v>
      </c>
      <c r="B2487" s="22">
        <v>1.5577288866043091</v>
      </c>
      <c r="C2487" s="21">
        <v>176541.35655771551</v>
      </c>
      <c r="D2487">
        <f t="shared" si="38"/>
        <v>9</v>
      </c>
    </row>
    <row r="2488" spans="1:4" x14ac:dyDescent="0.25">
      <c r="A2488" s="20">
        <v>43659.416666660647</v>
      </c>
      <c r="B2488" s="22">
        <v>1.9177342653274536</v>
      </c>
      <c r="C2488" s="21">
        <v>217341.67712338426</v>
      </c>
      <c r="D2488">
        <f t="shared" si="38"/>
        <v>10</v>
      </c>
    </row>
    <row r="2489" spans="1:4" x14ac:dyDescent="0.25">
      <c r="A2489" s="20">
        <v>43659.458333327311</v>
      </c>
      <c r="B2489" s="22">
        <v>2.3814265727996826</v>
      </c>
      <c r="C2489" s="21">
        <v>269893.09970435273</v>
      </c>
      <c r="D2489">
        <f t="shared" si="38"/>
        <v>11</v>
      </c>
    </row>
    <row r="2490" spans="1:4" x14ac:dyDescent="0.25">
      <c r="A2490" s="20">
        <v>43659.499999993976</v>
      </c>
      <c r="B2490" s="22">
        <v>2.7478859424591064</v>
      </c>
      <c r="C2490" s="21">
        <v>311424.86739467859</v>
      </c>
      <c r="D2490">
        <f t="shared" si="38"/>
        <v>12</v>
      </c>
    </row>
    <row r="2491" spans="1:4" x14ac:dyDescent="0.25">
      <c r="A2491" s="20">
        <v>43659.54166666064</v>
      </c>
      <c r="B2491" s="22">
        <v>2.7991054058074951</v>
      </c>
      <c r="C2491" s="21">
        <v>317229.69878699747</v>
      </c>
      <c r="D2491">
        <f t="shared" si="38"/>
        <v>13</v>
      </c>
    </row>
    <row r="2492" spans="1:4" x14ac:dyDescent="0.25">
      <c r="A2492" s="20">
        <v>43659.583333327304</v>
      </c>
      <c r="B2492" s="22">
        <v>2.901242733001709</v>
      </c>
      <c r="C2492" s="21">
        <v>328805.18053681118</v>
      </c>
      <c r="D2492">
        <f t="shared" si="38"/>
        <v>14</v>
      </c>
    </row>
    <row r="2493" spans="1:4" x14ac:dyDescent="0.25">
      <c r="A2493" s="20">
        <v>43659.624999993968</v>
      </c>
      <c r="B2493" s="22">
        <v>2.9593849182128906</v>
      </c>
      <c r="C2493" s="21">
        <v>335394.58151581435</v>
      </c>
      <c r="D2493">
        <f t="shared" si="38"/>
        <v>15</v>
      </c>
    </row>
    <row r="2494" spans="1:4" x14ac:dyDescent="0.25">
      <c r="A2494" s="20">
        <v>43659.666666660632</v>
      </c>
      <c r="B2494" s="22">
        <v>2.9501736164093018</v>
      </c>
      <c r="C2494" s="21">
        <v>334350.6413731795</v>
      </c>
      <c r="D2494">
        <f t="shared" si="38"/>
        <v>16</v>
      </c>
    </row>
    <row r="2495" spans="1:4" x14ac:dyDescent="0.25">
      <c r="A2495" s="20">
        <v>43659.708333327297</v>
      </c>
      <c r="B2495" s="22">
        <v>3.0230884552001953</v>
      </c>
      <c r="C2495" s="21">
        <v>342614.26456462726</v>
      </c>
      <c r="D2495">
        <f t="shared" si="38"/>
        <v>17</v>
      </c>
    </row>
    <row r="2496" spans="1:4" x14ac:dyDescent="0.25">
      <c r="A2496" s="20">
        <v>43659.749999993961</v>
      </c>
      <c r="B2496" s="22">
        <v>2.9164412021636963</v>
      </c>
      <c r="C2496" s="21">
        <v>330527.66150672303</v>
      </c>
      <c r="D2496">
        <f t="shared" si="38"/>
        <v>18</v>
      </c>
    </row>
    <row r="2497" spans="1:4" x14ac:dyDescent="0.25">
      <c r="A2497" s="20">
        <v>43659.791666660625</v>
      </c>
      <c r="B2497" s="22">
        <v>2.71673583984375</v>
      </c>
      <c r="C2497" s="21">
        <v>307894.54743982753</v>
      </c>
      <c r="D2497">
        <f t="shared" si="38"/>
        <v>19</v>
      </c>
    </row>
    <row r="2498" spans="1:4" x14ac:dyDescent="0.25">
      <c r="A2498" s="20">
        <v>43659.833333327289</v>
      </c>
      <c r="B2498" s="22">
        <v>2.4750659465789795</v>
      </c>
      <c r="C2498" s="21">
        <v>280505.48688955058</v>
      </c>
      <c r="D2498">
        <f t="shared" si="38"/>
        <v>20</v>
      </c>
    </row>
    <row r="2499" spans="1:4" x14ac:dyDescent="0.25">
      <c r="A2499" s="20">
        <v>43659.874999993954</v>
      </c>
      <c r="B2499" s="22">
        <v>2.4043669700622559</v>
      </c>
      <c r="C2499" s="21">
        <v>272492.99297688238</v>
      </c>
      <c r="D2499">
        <f t="shared" si="38"/>
        <v>21</v>
      </c>
    </row>
    <row r="2500" spans="1:4" x14ac:dyDescent="0.25">
      <c r="A2500" s="20">
        <v>43659.916666660618</v>
      </c>
      <c r="B2500" s="22">
        <v>2.2755978107452393</v>
      </c>
      <c r="C2500" s="21">
        <v>257899.25830063937</v>
      </c>
      <c r="D2500">
        <f t="shared" si="38"/>
        <v>22</v>
      </c>
    </row>
    <row r="2501" spans="1:4" x14ac:dyDescent="0.25">
      <c r="A2501" s="20">
        <v>43659.958333327282</v>
      </c>
      <c r="B2501" s="22">
        <v>1.836612343788147</v>
      </c>
      <c r="C2501" s="21">
        <v>208147.92447600482</v>
      </c>
      <c r="D2501">
        <f t="shared" si="38"/>
        <v>23</v>
      </c>
    </row>
    <row r="2502" spans="1:4" x14ac:dyDescent="0.25">
      <c r="A2502" s="20">
        <v>43659.999999993946</v>
      </c>
      <c r="B2502" s="22">
        <v>1.6100971698760986</v>
      </c>
      <c r="C2502" s="21">
        <v>182476.38661904662</v>
      </c>
      <c r="D2502">
        <f t="shared" si="38"/>
        <v>0</v>
      </c>
    </row>
    <row r="2503" spans="1:4" x14ac:dyDescent="0.25">
      <c r="A2503" s="20">
        <v>43660.041666660611</v>
      </c>
      <c r="B2503" s="22">
        <v>1.4364644289016724</v>
      </c>
      <c r="C2503" s="21">
        <v>162798.14870610606</v>
      </c>
      <c r="D2503">
        <f t="shared" ref="D2503:D2566" si="39">HOUR(A2503)</f>
        <v>1</v>
      </c>
    </row>
    <row r="2504" spans="1:4" x14ac:dyDescent="0.25">
      <c r="A2504" s="20">
        <v>43660.083333327275</v>
      </c>
      <c r="B2504" s="22">
        <v>1.3079167604446411</v>
      </c>
      <c r="C2504" s="21">
        <v>148229.51614950865</v>
      </c>
      <c r="D2504">
        <f t="shared" si="39"/>
        <v>2</v>
      </c>
    </row>
    <row r="2505" spans="1:4" x14ac:dyDescent="0.25">
      <c r="A2505" s="20">
        <v>43660.124999993939</v>
      </c>
      <c r="B2505" s="22">
        <v>1.1045056581497192</v>
      </c>
      <c r="C2505" s="21">
        <v>125176.42119386017</v>
      </c>
      <c r="D2505">
        <f t="shared" si="39"/>
        <v>3</v>
      </c>
    </row>
    <row r="2506" spans="1:4" x14ac:dyDescent="0.25">
      <c r="A2506" s="20">
        <v>43660.166666660603</v>
      </c>
      <c r="B2506" s="22">
        <v>1.038825511932373</v>
      </c>
      <c r="C2506" s="21">
        <v>117732.72401918948</v>
      </c>
      <c r="D2506">
        <f t="shared" si="39"/>
        <v>4</v>
      </c>
    </row>
    <row r="2507" spans="1:4" x14ac:dyDescent="0.25">
      <c r="A2507" s="20">
        <v>43660.208333327268</v>
      </c>
      <c r="B2507" s="22">
        <v>0.99480181932449341</v>
      </c>
      <c r="C2507" s="21">
        <v>112743.40753381755</v>
      </c>
      <c r="D2507">
        <f t="shared" si="39"/>
        <v>5</v>
      </c>
    </row>
    <row r="2508" spans="1:4" x14ac:dyDescent="0.25">
      <c r="A2508" s="20">
        <v>43660.249999993932</v>
      </c>
      <c r="B2508" s="22">
        <v>1.0475006103515625</v>
      </c>
      <c r="C2508" s="21">
        <v>118715.89487540562</v>
      </c>
      <c r="D2508">
        <f t="shared" si="39"/>
        <v>6</v>
      </c>
    </row>
    <row r="2509" spans="1:4" x14ac:dyDescent="0.25">
      <c r="A2509" s="20">
        <v>43660.291666660596</v>
      </c>
      <c r="B2509" s="22">
        <v>1.0698540210723877</v>
      </c>
      <c r="C2509" s="21">
        <v>121249.26347778726</v>
      </c>
      <c r="D2509">
        <f t="shared" si="39"/>
        <v>7</v>
      </c>
    </row>
    <row r="2510" spans="1:4" x14ac:dyDescent="0.25">
      <c r="A2510" s="20">
        <v>43660.33333332726</v>
      </c>
      <c r="B2510" s="22">
        <v>1.2641757726669312</v>
      </c>
      <c r="C2510" s="21">
        <v>143272.23931792547</v>
      </c>
      <c r="D2510">
        <f t="shared" si="39"/>
        <v>8</v>
      </c>
    </row>
    <row r="2511" spans="1:4" x14ac:dyDescent="0.25">
      <c r="A2511" s="20">
        <v>43660.374999993925</v>
      </c>
      <c r="B2511" s="22">
        <v>1.6720972061157227</v>
      </c>
      <c r="C2511" s="21">
        <v>189503.00761740984</v>
      </c>
      <c r="D2511">
        <f t="shared" si="39"/>
        <v>9</v>
      </c>
    </row>
    <row r="2512" spans="1:4" x14ac:dyDescent="0.25">
      <c r="A2512" s="20">
        <v>43660.416666660589</v>
      </c>
      <c r="B2512" s="22">
        <v>1.920899510383606</v>
      </c>
      <c r="C2512" s="21">
        <v>217700.4023552626</v>
      </c>
      <c r="D2512">
        <f t="shared" si="39"/>
        <v>10</v>
      </c>
    </row>
    <row r="2513" spans="1:4" x14ac:dyDescent="0.25">
      <c r="A2513" s="20">
        <v>43660.458333327253</v>
      </c>
      <c r="B2513" s="22">
        <v>2.2896332740783691</v>
      </c>
      <c r="C2513" s="21">
        <v>259489.93287697612</v>
      </c>
      <c r="D2513">
        <f t="shared" si="39"/>
        <v>11</v>
      </c>
    </row>
    <row r="2514" spans="1:4" x14ac:dyDescent="0.25">
      <c r="A2514" s="20">
        <v>43660.499999993917</v>
      </c>
      <c r="B2514" s="22">
        <v>2.4939846992492676</v>
      </c>
      <c r="C2514" s="21">
        <v>282649.59700364963</v>
      </c>
      <c r="D2514">
        <f t="shared" si="39"/>
        <v>12</v>
      </c>
    </row>
    <row r="2515" spans="1:4" x14ac:dyDescent="0.25">
      <c r="A2515" s="20">
        <v>43660.541666660582</v>
      </c>
      <c r="B2515" s="22">
        <v>2.6849014759063721</v>
      </c>
      <c r="C2515" s="21">
        <v>304286.67841782595</v>
      </c>
      <c r="D2515">
        <f t="shared" si="39"/>
        <v>13</v>
      </c>
    </row>
    <row r="2516" spans="1:4" x14ac:dyDescent="0.25">
      <c r="A2516" s="20">
        <v>43660.583333327246</v>
      </c>
      <c r="B2516" s="22">
        <v>2.8564977645874023</v>
      </c>
      <c r="C2516" s="21">
        <v>323734.12003910571</v>
      </c>
      <c r="D2516">
        <f t="shared" si="39"/>
        <v>14</v>
      </c>
    </row>
    <row r="2517" spans="1:4" x14ac:dyDescent="0.25">
      <c r="A2517" s="20">
        <v>43660.62499999391</v>
      </c>
      <c r="B2517" s="22">
        <v>2.9536583423614502</v>
      </c>
      <c r="C2517" s="21">
        <v>334745.57418344868</v>
      </c>
      <c r="D2517">
        <f t="shared" si="39"/>
        <v>15</v>
      </c>
    </row>
    <row r="2518" spans="1:4" x14ac:dyDescent="0.25">
      <c r="A2518" s="20">
        <v>43660.666666660574</v>
      </c>
      <c r="B2518" s="22">
        <v>3.0059852600097656</v>
      </c>
      <c r="C2518" s="21">
        <v>340675.91617399565</v>
      </c>
      <c r="D2518">
        <f t="shared" si="39"/>
        <v>16</v>
      </c>
    </row>
    <row r="2519" spans="1:4" x14ac:dyDescent="0.25">
      <c r="A2519" s="20">
        <v>43660.708333327239</v>
      </c>
      <c r="B2519" s="22">
        <v>3.2014672756195068</v>
      </c>
      <c r="C2519" s="21">
        <v>362830.38767102873</v>
      </c>
      <c r="D2519">
        <f t="shared" si="39"/>
        <v>17</v>
      </c>
    </row>
    <row r="2520" spans="1:4" x14ac:dyDescent="0.25">
      <c r="A2520" s="20">
        <v>43660.749999993903</v>
      </c>
      <c r="B2520" s="22">
        <v>3.174952507019043</v>
      </c>
      <c r="C2520" s="21">
        <v>359825.40184981574</v>
      </c>
      <c r="D2520">
        <f t="shared" si="39"/>
        <v>18</v>
      </c>
    </row>
    <row r="2521" spans="1:4" x14ac:dyDescent="0.25">
      <c r="A2521" s="20">
        <v>43660.791666660567</v>
      </c>
      <c r="B2521" s="22">
        <v>2.9152472019195557</v>
      </c>
      <c r="C2521" s="21">
        <v>330392.34243763238</v>
      </c>
      <c r="D2521">
        <f t="shared" si="39"/>
        <v>19</v>
      </c>
    </row>
    <row r="2522" spans="1:4" x14ac:dyDescent="0.25">
      <c r="A2522" s="20">
        <v>43660.833333327231</v>
      </c>
      <c r="B2522" s="22">
        <v>2.6634120941162109</v>
      </c>
      <c r="C2522" s="21">
        <v>301851.23240058491</v>
      </c>
      <c r="D2522">
        <f t="shared" si="39"/>
        <v>20</v>
      </c>
    </row>
    <row r="2523" spans="1:4" x14ac:dyDescent="0.25">
      <c r="A2523" s="20">
        <v>43660.874999993895</v>
      </c>
      <c r="B2523" s="22">
        <v>2.4330480098724365</v>
      </c>
      <c r="C2523" s="21">
        <v>275743.48779605003</v>
      </c>
      <c r="D2523">
        <f t="shared" si="39"/>
        <v>21</v>
      </c>
    </row>
    <row r="2524" spans="1:4" x14ac:dyDescent="0.25">
      <c r="A2524" s="20">
        <v>43660.91666666056</v>
      </c>
      <c r="B2524" s="22">
        <v>2.3000624179840088</v>
      </c>
      <c r="C2524" s="21">
        <v>260671.89414679041</v>
      </c>
      <c r="D2524">
        <f t="shared" si="39"/>
        <v>22</v>
      </c>
    </row>
    <row r="2525" spans="1:4" x14ac:dyDescent="0.25">
      <c r="A2525" s="20">
        <v>43660.958333327224</v>
      </c>
      <c r="B2525" s="22">
        <v>1.9954555034637451</v>
      </c>
      <c r="C2525" s="21">
        <v>226150.02171525775</v>
      </c>
      <c r="D2525">
        <f t="shared" si="39"/>
        <v>23</v>
      </c>
    </row>
    <row r="2526" spans="1:4" x14ac:dyDescent="0.25">
      <c r="A2526" s="20">
        <v>43660.999999993888</v>
      </c>
      <c r="B2526" s="22">
        <v>1.7668094635009766</v>
      </c>
      <c r="C2526" s="21">
        <v>200236.9874166068</v>
      </c>
      <c r="D2526">
        <f t="shared" si="39"/>
        <v>0</v>
      </c>
    </row>
    <row r="2527" spans="1:4" x14ac:dyDescent="0.25">
      <c r="A2527" s="20">
        <v>43661.041666660552</v>
      </c>
      <c r="B2527" s="22">
        <v>1.4628472328186035</v>
      </c>
      <c r="C2527" s="21">
        <v>165788.17863579711</v>
      </c>
      <c r="D2527">
        <f t="shared" si="39"/>
        <v>1</v>
      </c>
    </row>
    <row r="2528" spans="1:4" x14ac:dyDescent="0.25">
      <c r="A2528" s="20">
        <v>43661.083333327217</v>
      </c>
      <c r="B2528" s="22">
        <v>1.2938554286956787</v>
      </c>
      <c r="C2528" s="21">
        <v>146635.90984014547</v>
      </c>
      <c r="D2528">
        <f t="shared" si="39"/>
        <v>2</v>
      </c>
    </row>
    <row r="2529" spans="1:4" x14ac:dyDescent="0.25">
      <c r="A2529" s="20">
        <v>43661.124999993881</v>
      </c>
      <c r="B2529" s="22">
        <v>1.171812891960144</v>
      </c>
      <c r="C2529" s="21">
        <v>132804.52032280574</v>
      </c>
      <c r="D2529">
        <f t="shared" si="39"/>
        <v>3</v>
      </c>
    </row>
    <row r="2530" spans="1:4" x14ac:dyDescent="0.25">
      <c r="A2530" s="20">
        <v>43661.166666660545</v>
      </c>
      <c r="B2530" s="22">
        <v>1.1457436084747314</v>
      </c>
      <c r="C2530" s="21">
        <v>129850.02245698331</v>
      </c>
      <c r="D2530">
        <f t="shared" si="39"/>
        <v>4</v>
      </c>
    </row>
    <row r="2531" spans="1:4" x14ac:dyDescent="0.25">
      <c r="A2531" s="20">
        <v>43661.208333327209</v>
      </c>
      <c r="B2531" s="22">
        <v>1.1466662883758545</v>
      </c>
      <c r="C2531" s="21">
        <v>129954.59210502257</v>
      </c>
      <c r="D2531">
        <f t="shared" si="39"/>
        <v>5</v>
      </c>
    </row>
    <row r="2532" spans="1:4" x14ac:dyDescent="0.25">
      <c r="A2532" s="20">
        <v>43661.249999993874</v>
      </c>
      <c r="B2532" s="22">
        <v>1.3281533718109131</v>
      </c>
      <c r="C2532" s="21">
        <v>150522.98252446999</v>
      </c>
      <c r="D2532">
        <f t="shared" si="39"/>
        <v>6</v>
      </c>
    </row>
    <row r="2533" spans="1:4" x14ac:dyDescent="0.25">
      <c r="A2533" s="20">
        <v>43661.291666660538</v>
      </c>
      <c r="B2533" s="22">
        <v>1.3126639127731323</v>
      </c>
      <c r="C2533" s="21">
        <v>148767.52293558352</v>
      </c>
      <c r="D2533">
        <f t="shared" si="39"/>
        <v>7</v>
      </c>
    </row>
    <row r="2534" spans="1:4" x14ac:dyDescent="0.25">
      <c r="A2534" s="20">
        <v>43661.333333327202</v>
      </c>
      <c r="B2534" s="22">
        <v>1.4013397693634033</v>
      </c>
      <c r="C2534" s="21">
        <v>158817.38215754999</v>
      </c>
      <c r="D2534">
        <f t="shared" si="39"/>
        <v>8</v>
      </c>
    </row>
    <row r="2535" spans="1:4" x14ac:dyDescent="0.25">
      <c r="A2535" s="20">
        <v>43661.374999993866</v>
      </c>
      <c r="B2535" s="22">
        <v>1.625674843788147</v>
      </c>
      <c r="C2535" s="21">
        <v>184241.84382286193</v>
      </c>
      <c r="D2535">
        <f t="shared" si="39"/>
        <v>9</v>
      </c>
    </row>
    <row r="2536" spans="1:4" x14ac:dyDescent="0.25">
      <c r="A2536" s="20">
        <v>43661.416666660531</v>
      </c>
      <c r="B2536" s="22">
        <v>1.8777742385864258</v>
      </c>
      <c r="C2536" s="21">
        <v>212812.90617382451</v>
      </c>
      <c r="D2536">
        <f t="shared" si="39"/>
        <v>10</v>
      </c>
    </row>
    <row r="2537" spans="1:4" x14ac:dyDescent="0.25">
      <c r="A2537" s="20">
        <v>43661.458333327195</v>
      </c>
      <c r="B2537" s="22">
        <v>2.2972507476806641</v>
      </c>
      <c r="C2537" s="21">
        <v>260353.24043637002</v>
      </c>
      <c r="D2537">
        <f t="shared" si="39"/>
        <v>11</v>
      </c>
    </row>
    <row r="2538" spans="1:4" x14ac:dyDescent="0.25">
      <c r="A2538" s="20">
        <v>43661.499999993859</v>
      </c>
      <c r="B2538" s="22">
        <v>2.6193711757659912</v>
      </c>
      <c r="C2538" s="21">
        <v>296859.9636782438</v>
      </c>
      <c r="D2538">
        <f t="shared" si="39"/>
        <v>12</v>
      </c>
    </row>
    <row r="2539" spans="1:4" x14ac:dyDescent="0.25">
      <c r="A2539" s="20">
        <v>43661.541666660523</v>
      </c>
      <c r="B2539" s="22">
        <v>2.9008474349975586</v>
      </c>
      <c r="C2539" s="21">
        <v>328760.38041369768</v>
      </c>
      <c r="D2539">
        <f t="shared" si="39"/>
        <v>13</v>
      </c>
    </row>
    <row r="2540" spans="1:4" x14ac:dyDescent="0.25">
      <c r="A2540" s="20">
        <v>43661.583333327188</v>
      </c>
      <c r="B2540" s="22">
        <v>3.0892279148101807</v>
      </c>
      <c r="C2540" s="21">
        <v>350110.01688838005</v>
      </c>
      <c r="D2540">
        <f t="shared" si="39"/>
        <v>14</v>
      </c>
    </row>
    <row r="2541" spans="1:4" x14ac:dyDescent="0.25">
      <c r="A2541" s="20">
        <v>43661.624999993852</v>
      </c>
      <c r="B2541" s="22">
        <v>3.0279731750488281</v>
      </c>
      <c r="C2541" s="21">
        <v>343167.86222587491</v>
      </c>
      <c r="D2541">
        <f t="shared" si="39"/>
        <v>15</v>
      </c>
    </row>
    <row r="2542" spans="1:4" x14ac:dyDescent="0.25">
      <c r="A2542" s="20">
        <v>43661.666666660516</v>
      </c>
      <c r="B2542" s="22">
        <v>3.0465357303619385</v>
      </c>
      <c r="C2542" s="21">
        <v>345271.60359212622</v>
      </c>
      <c r="D2542">
        <f t="shared" si="39"/>
        <v>16</v>
      </c>
    </row>
    <row r="2543" spans="1:4" x14ac:dyDescent="0.25">
      <c r="A2543" s="20">
        <v>43661.70833332718</v>
      </c>
      <c r="B2543" s="22">
        <v>2.7170898914337158</v>
      </c>
      <c r="C2543" s="21">
        <v>307934.67300244723</v>
      </c>
      <c r="D2543">
        <f t="shared" si="39"/>
        <v>17</v>
      </c>
    </row>
    <row r="2544" spans="1:4" x14ac:dyDescent="0.25">
      <c r="A2544" s="20">
        <v>43661.749999993845</v>
      </c>
      <c r="B2544" s="22">
        <v>2.5473737716674805</v>
      </c>
      <c r="C2544" s="21">
        <v>288700.31568205572</v>
      </c>
      <c r="D2544">
        <f t="shared" si="39"/>
        <v>18</v>
      </c>
    </row>
    <row r="2545" spans="1:4" x14ac:dyDescent="0.25">
      <c r="A2545" s="20">
        <v>43661.791666660509</v>
      </c>
      <c r="B2545" s="22">
        <v>2.2071571350097656</v>
      </c>
      <c r="C2545" s="21">
        <v>250142.70333014891</v>
      </c>
      <c r="D2545">
        <f t="shared" si="39"/>
        <v>19</v>
      </c>
    </row>
    <row r="2546" spans="1:4" x14ac:dyDescent="0.25">
      <c r="A2546" s="20">
        <v>43661.833333327173</v>
      </c>
      <c r="B2546" s="22">
        <v>2.1104006767272949</v>
      </c>
      <c r="C2546" s="21">
        <v>239177.04907041223</v>
      </c>
      <c r="D2546">
        <f t="shared" si="39"/>
        <v>20</v>
      </c>
    </row>
    <row r="2547" spans="1:4" x14ac:dyDescent="0.25">
      <c r="A2547" s="20">
        <v>43661.874999993837</v>
      </c>
      <c r="B2547" s="22">
        <v>2.1089267730712891</v>
      </c>
      <c r="C2547" s="21">
        <v>239010.00783935832</v>
      </c>
      <c r="D2547">
        <f t="shared" si="39"/>
        <v>21</v>
      </c>
    </row>
    <row r="2548" spans="1:4" x14ac:dyDescent="0.25">
      <c r="A2548" s="20">
        <v>43661.916666660502</v>
      </c>
      <c r="B2548" s="22">
        <v>1.9318608045578003</v>
      </c>
      <c r="C2548" s="21">
        <v>218942.6735616205</v>
      </c>
      <c r="D2548">
        <f t="shared" si="39"/>
        <v>22</v>
      </c>
    </row>
    <row r="2549" spans="1:4" x14ac:dyDescent="0.25">
      <c r="A2549" s="20">
        <v>43661.958333327166</v>
      </c>
      <c r="B2549" s="22">
        <v>1.5933316946029663</v>
      </c>
      <c r="C2549" s="21">
        <v>180576.31288124388</v>
      </c>
      <c r="D2549">
        <f t="shared" si="39"/>
        <v>23</v>
      </c>
    </row>
    <row r="2550" spans="1:4" x14ac:dyDescent="0.25">
      <c r="A2550" s="20">
        <v>43661.99999999383</v>
      </c>
      <c r="B2550" s="22">
        <v>1.4290854930877686</v>
      </c>
      <c r="C2550" s="21">
        <v>161961.87523789128</v>
      </c>
      <c r="D2550">
        <f t="shared" si="39"/>
        <v>0</v>
      </c>
    </row>
    <row r="2551" spans="1:4" x14ac:dyDescent="0.25">
      <c r="A2551" s="20">
        <v>43662.041666660494</v>
      </c>
      <c r="B2551" s="22">
        <v>1.1516917943954468</v>
      </c>
      <c r="C2551" s="21">
        <v>130524.14541928499</v>
      </c>
      <c r="D2551">
        <f t="shared" si="39"/>
        <v>1</v>
      </c>
    </row>
    <row r="2552" spans="1:4" x14ac:dyDescent="0.25">
      <c r="A2552" s="20">
        <v>43662.083333327158</v>
      </c>
      <c r="B2552" s="22">
        <v>1.0961114168167114</v>
      </c>
      <c r="C2552" s="21">
        <v>124225.08058193089</v>
      </c>
      <c r="D2552">
        <f t="shared" si="39"/>
        <v>2</v>
      </c>
    </row>
    <row r="2553" spans="1:4" x14ac:dyDescent="0.25">
      <c r="A2553" s="20">
        <v>43662.124999993823</v>
      </c>
      <c r="B2553" s="22">
        <v>1.0731818675994873</v>
      </c>
      <c r="C2553" s="21">
        <v>121626.41674583171</v>
      </c>
      <c r="D2553">
        <f t="shared" si="39"/>
        <v>3</v>
      </c>
    </row>
    <row r="2554" spans="1:4" x14ac:dyDescent="0.25">
      <c r="A2554" s="20">
        <v>43662.166666660487</v>
      </c>
      <c r="B2554" s="22">
        <v>0.99943113327026367</v>
      </c>
      <c r="C2554" s="21">
        <v>113268.05939778815</v>
      </c>
      <c r="D2554">
        <f t="shared" si="39"/>
        <v>4</v>
      </c>
    </row>
    <row r="2555" spans="1:4" x14ac:dyDescent="0.25">
      <c r="A2555" s="20">
        <v>43662.208333327151</v>
      </c>
      <c r="B2555" s="22">
        <v>1.0377489328384399</v>
      </c>
      <c r="C2555" s="21">
        <v>117610.71258618656</v>
      </c>
      <c r="D2555">
        <f t="shared" si="39"/>
        <v>5</v>
      </c>
    </row>
    <row r="2556" spans="1:4" x14ac:dyDescent="0.25">
      <c r="A2556" s="20">
        <v>43662.249999993815</v>
      </c>
      <c r="B2556" s="22">
        <v>1.1895637512207031</v>
      </c>
      <c r="C2556" s="21">
        <v>134816.27012142152</v>
      </c>
      <c r="D2556">
        <f t="shared" si="39"/>
        <v>6</v>
      </c>
    </row>
    <row r="2557" spans="1:4" x14ac:dyDescent="0.25">
      <c r="A2557" s="20">
        <v>43662.29166666048</v>
      </c>
      <c r="B2557" s="22">
        <v>1.2038285732269287</v>
      </c>
      <c r="C2557" s="21">
        <v>136432.93849657322</v>
      </c>
      <c r="D2557">
        <f t="shared" si="39"/>
        <v>7</v>
      </c>
    </row>
    <row r="2558" spans="1:4" x14ac:dyDescent="0.25">
      <c r="A2558" s="20">
        <v>43662.333333327144</v>
      </c>
      <c r="B2558" s="22">
        <v>1.2185328006744385</v>
      </c>
      <c r="C2558" s="21">
        <v>138099.40580230276</v>
      </c>
      <c r="D2558">
        <f t="shared" si="39"/>
        <v>8</v>
      </c>
    </row>
    <row r="2559" spans="1:4" x14ac:dyDescent="0.25">
      <c r="A2559" s="20">
        <v>43662.374999993808</v>
      </c>
      <c r="B2559" s="22">
        <v>1.4987651109695435</v>
      </c>
      <c r="C2559" s="21">
        <v>169858.84265696988</v>
      </c>
      <c r="D2559">
        <f t="shared" si="39"/>
        <v>9</v>
      </c>
    </row>
    <row r="2560" spans="1:4" x14ac:dyDescent="0.25">
      <c r="A2560" s="20">
        <v>43662.416666660472</v>
      </c>
      <c r="B2560" s="22">
        <v>1.6956356763839722</v>
      </c>
      <c r="C2560" s="21">
        <v>192170.68201709873</v>
      </c>
      <c r="D2560">
        <f t="shared" si="39"/>
        <v>10</v>
      </c>
    </row>
    <row r="2561" spans="1:4" x14ac:dyDescent="0.25">
      <c r="A2561" s="20">
        <v>43662.458333327137</v>
      </c>
      <c r="B2561" s="22">
        <v>2.045222282409668</v>
      </c>
      <c r="C2561" s="21">
        <v>231790.21670822182</v>
      </c>
      <c r="D2561">
        <f t="shared" si="39"/>
        <v>11</v>
      </c>
    </row>
    <row r="2562" spans="1:4" x14ac:dyDescent="0.25">
      <c r="A2562" s="20">
        <v>43662.499999993801</v>
      </c>
      <c r="B2562" s="22">
        <v>2.2736029624938965</v>
      </c>
      <c r="C2562" s="21">
        <v>257673.17710034366</v>
      </c>
      <c r="D2562">
        <f t="shared" si="39"/>
        <v>12</v>
      </c>
    </row>
    <row r="2563" spans="1:4" x14ac:dyDescent="0.25">
      <c r="A2563" s="20">
        <v>43662.541666660465</v>
      </c>
      <c r="B2563" s="22">
        <v>2.7885875701904297</v>
      </c>
      <c r="C2563" s="21">
        <v>316037.68586109258</v>
      </c>
      <c r="D2563">
        <f t="shared" si="39"/>
        <v>13</v>
      </c>
    </row>
    <row r="2564" spans="1:4" x14ac:dyDescent="0.25">
      <c r="A2564" s="20">
        <v>43662.583333327129</v>
      </c>
      <c r="B2564" s="22">
        <v>2.8785378932952881</v>
      </c>
      <c r="C2564" s="21">
        <v>326231.98359819956</v>
      </c>
      <c r="D2564">
        <f t="shared" si="39"/>
        <v>14</v>
      </c>
    </row>
    <row r="2565" spans="1:4" x14ac:dyDescent="0.25">
      <c r="A2565" s="20">
        <v>43662.624999993794</v>
      </c>
      <c r="B2565" s="22">
        <v>3.1252536773681641</v>
      </c>
      <c r="C2565" s="21">
        <v>354192.90772240493</v>
      </c>
      <c r="D2565">
        <f t="shared" si="39"/>
        <v>15</v>
      </c>
    </row>
    <row r="2566" spans="1:4" x14ac:dyDescent="0.25">
      <c r="A2566" s="20">
        <v>43662.666666660458</v>
      </c>
      <c r="B2566" s="22">
        <v>3.2236645221710205</v>
      </c>
      <c r="C2566" s="21">
        <v>365346.05779292824</v>
      </c>
      <c r="D2566">
        <f t="shared" si="39"/>
        <v>16</v>
      </c>
    </row>
    <row r="2567" spans="1:4" x14ac:dyDescent="0.25">
      <c r="A2567" s="20">
        <v>43662.708333327122</v>
      </c>
      <c r="B2567" s="22">
        <v>3.3280239105224609</v>
      </c>
      <c r="C2567" s="21">
        <v>377173.37135662459</v>
      </c>
      <c r="D2567">
        <f t="shared" ref="D2567:D2630" si="40">HOUR(A2567)</f>
        <v>17</v>
      </c>
    </row>
    <row r="2568" spans="1:4" x14ac:dyDescent="0.25">
      <c r="A2568" s="20">
        <v>43662.749999993786</v>
      </c>
      <c r="B2568" s="22">
        <v>3.1893956661224365</v>
      </c>
      <c r="C2568" s="21">
        <v>361462.2816194722</v>
      </c>
      <c r="D2568">
        <f t="shared" si="40"/>
        <v>18</v>
      </c>
    </row>
    <row r="2569" spans="1:4" x14ac:dyDescent="0.25">
      <c r="A2569" s="20">
        <v>43662.791666660451</v>
      </c>
      <c r="B2569" s="22">
        <v>2.99135422706604</v>
      </c>
      <c r="C2569" s="21">
        <v>339017.74418659892</v>
      </c>
      <c r="D2569">
        <f t="shared" si="40"/>
        <v>19</v>
      </c>
    </row>
    <row r="2570" spans="1:4" x14ac:dyDescent="0.25">
      <c r="A2570" s="20">
        <v>43662.833333327115</v>
      </c>
      <c r="B2570" s="22">
        <v>2.788766622543335</v>
      </c>
      <c r="C2570" s="21">
        <v>316057.97831733996</v>
      </c>
      <c r="D2570">
        <f t="shared" si="40"/>
        <v>20</v>
      </c>
    </row>
    <row r="2571" spans="1:4" x14ac:dyDescent="0.25">
      <c r="A2571" s="20">
        <v>43662.874999993779</v>
      </c>
      <c r="B2571" s="22">
        <v>2.5141830444335938</v>
      </c>
      <c r="C2571" s="21">
        <v>284938.72657537833</v>
      </c>
      <c r="D2571">
        <f t="shared" si="40"/>
        <v>21</v>
      </c>
    </row>
    <row r="2572" spans="1:4" x14ac:dyDescent="0.25">
      <c r="A2572" s="20">
        <v>43662.916666660443</v>
      </c>
      <c r="B2572" s="22">
        <v>2.2961647510528564</v>
      </c>
      <c r="C2572" s="21">
        <v>260230.16169042201</v>
      </c>
      <c r="D2572">
        <f t="shared" si="40"/>
        <v>22</v>
      </c>
    </row>
    <row r="2573" spans="1:4" x14ac:dyDescent="0.25">
      <c r="A2573" s="20">
        <v>43662.958333327108</v>
      </c>
      <c r="B2573" s="22">
        <v>1.89096999168396</v>
      </c>
      <c r="C2573" s="21">
        <v>214308.41426427124</v>
      </c>
      <c r="D2573">
        <f t="shared" si="40"/>
        <v>23</v>
      </c>
    </row>
    <row r="2574" spans="1:4" x14ac:dyDescent="0.25">
      <c r="A2574" s="20">
        <v>43662.999999993772</v>
      </c>
      <c r="B2574" s="22">
        <v>1.6414108276367188</v>
      </c>
      <c r="C2574" s="21">
        <v>186025.24269238731</v>
      </c>
      <c r="D2574">
        <f t="shared" si="40"/>
        <v>0</v>
      </c>
    </row>
    <row r="2575" spans="1:4" x14ac:dyDescent="0.25">
      <c r="A2575" s="20">
        <v>43663.041666660436</v>
      </c>
      <c r="B2575" s="22">
        <v>1.414301872253418</v>
      </c>
      <c r="C2575" s="21">
        <v>160286.41007872584</v>
      </c>
      <c r="D2575">
        <f t="shared" si="40"/>
        <v>1</v>
      </c>
    </row>
    <row r="2576" spans="1:4" x14ac:dyDescent="0.25">
      <c r="A2576" s="20">
        <v>43663.0833333271</v>
      </c>
      <c r="B2576" s="22">
        <v>1.251252293586731</v>
      </c>
      <c r="C2576" s="21">
        <v>141807.58873085363</v>
      </c>
      <c r="D2576">
        <f t="shared" si="40"/>
        <v>2</v>
      </c>
    </row>
    <row r="2577" spans="1:4" x14ac:dyDescent="0.25">
      <c r="A2577" s="20">
        <v>43663.124999993765</v>
      </c>
      <c r="B2577" s="22">
        <v>1.1853444576263428</v>
      </c>
      <c r="C2577" s="21">
        <v>134338.08690143426</v>
      </c>
      <c r="D2577">
        <f t="shared" si="40"/>
        <v>3</v>
      </c>
    </row>
    <row r="2578" spans="1:4" x14ac:dyDescent="0.25">
      <c r="A2578" s="20">
        <v>43663.166666660429</v>
      </c>
      <c r="B2578" s="22">
        <v>1.1874762773513794</v>
      </c>
      <c r="C2578" s="21">
        <v>134579.69142545052</v>
      </c>
      <c r="D2578">
        <f t="shared" si="40"/>
        <v>4</v>
      </c>
    </row>
    <row r="2579" spans="1:4" x14ac:dyDescent="0.25">
      <c r="A2579" s="20">
        <v>43663.208333327093</v>
      </c>
      <c r="B2579" s="22">
        <v>1.1630189418792725</v>
      </c>
      <c r="C2579" s="21">
        <v>131807.87970701657</v>
      </c>
      <c r="D2579">
        <f t="shared" si="40"/>
        <v>5</v>
      </c>
    </row>
    <row r="2580" spans="1:4" x14ac:dyDescent="0.25">
      <c r="A2580" s="20">
        <v>43663.249999993757</v>
      </c>
      <c r="B2580" s="22">
        <v>1.2874463796615601</v>
      </c>
      <c r="C2580" s="21">
        <v>145909.55609498595</v>
      </c>
      <c r="D2580">
        <f t="shared" si="40"/>
        <v>6</v>
      </c>
    </row>
    <row r="2581" spans="1:4" x14ac:dyDescent="0.25">
      <c r="A2581" s="20">
        <v>43663.291666660421</v>
      </c>
      <c r="B2581" s="22">
        <v>1.381184458732605</v>
      </c>
      <c r="C2581" s="21">
        <v>156533.12980067168</v>
      </c>
      <c r="D2581">
        <f t="shared" si="40"/>
        <v>7</v>
      </c>
    </row>
    <row r="2582" spans="1:4" x14ac:dyDescent="0.25">
      <c r="A2582" s="20">
        <v>43663.333333327086</v>
      </c>
      <c r="B2582" s="22">
        <v>1.2994191646575928</v>
      </c>
      <c r="C2582" s="21">
        <v>147266.46211576412</v>
      </c>
      <c r="D2582">
        <f t="shared" si="40"/>
        <v>8</v>
      </c>
    </row>
    <row r="2583" spans="1:4" x14ac:dyDescent="0.25">
      <c r="A2583" s="20">
        <v>43663.37499999375</v>
      </c>
      <c r="B2583" s="22">
        <v>1.5142791271209717</v>
      </c>
      <c r="C2583" s="21">
        <v>171617.0853656879</v>
      </c>
      <c r="D2583">
        <f t="shared" si="40"/>
        <v>9</v>
      </c>
    </row>
    <row r="2584" spans="1:4" x14ac:dyDescent="0.25">
      <c r="A2584" s="20">
        <v>43663.416666660414</v>
      </c>
      <c r="B2584" s="22">
        <v>1.666993260383606</v>
      </c>
      <c r="C2584" s="21">
        <v>188924.56453203503</v>
      </c>
      <c r="D2584">
        <f t="shared" si="40"/>
        <v>10</v>
      </c>
    </row>
    <row r="2585" spans="1:4" x14ac:dyDescent="0.25">
      <c r="A2585" s="20">
        <v>43663.458333327078</v>
      </c>
      <c r="B2585" s="22">
        <v>1.8026794195175171</v>
      </c>
      <c r="C2585" s="21">
        <v>204302.22030102092</v>
      </c>
      <c r="D2585">
        <f t="shared" si="40"/>
        <v>11</v>
      </c>
    </row>
    <row r="2586" spans="1:4" x14ac:dyDescent="0.25">
      <c r="A2586" s="20">
        <v>43663.499999993743</v>
      </c>
      <c r="B2586" s="22">
        <v>1.8876467943191528</v>
      </c>
      <c r="C2586" s="21">
        <v>213931.78789755414</v>
      </c>
      <c r="D2586">
        <f t="shared" si="40"/>
        <v>12</v>
      </c>
    </row>
    <row r="2587" spans="1:4" x14ac:dyDescent="0.25">
      <c r="A2587" s="20">
        <v>43663.541666660407</v>
      </c>
      <c r="B2587" s="22">
        <v>1.9768445491790771</v>
      </c>
      <c r="C2587" s="21">
        <v>224040.79517108598</v>
      </c>
      <c r="D2587">
        <f t="shared" si="40"/>
        <v>13</v>
      </c>
    </row>
    <row r="2588" spans="1:4" x14ac:dyDescent="0.25">
      <c r="A2588" s="20">
        <v>43663.583333327071</v>
      </c>
      <c r="B2588" s="22">
        <v>2.2454078197479248</v>
      </c>
      <c r="C2588" s="21">
        <v>254477.75022502715</v>
      </c>
      <c r="D2588">
        <f t="shared" si="40"/>
        <v>14</v>
      </c>
    </row>
    <row r="2589" spans="1:4" x14ac:dyDescent="0.25">
      <c r="A2589" s="20">
        <v>43663.624999993735</v>
      </c>
      <c r="B2589" s="22">
        <v>2.414496898651123</v>
      </c>
      <c r="C2589" s="21">
        <v>273641.04341768136</v>
      </c>
      <c r="D2589">
        <f t="shared" si="40"/>
        <v>15</v>
      </c>
    </row>
    <row r="2590" spans="1:4" x14ac:dyDescent="0.25">
      <c r="A2590" s="20">
        <v>43663.6666666604</v>
      </c>
      <c r="B2590" s="22">
        <v>2.485431432723999</v>
      </c>
      <c r="C2590" s="21">
        <v>281680.23366426764</v>
      </c>
      <c r="D2590">
        <f t="shared" si="40"/>
        <v>16</v>
      </c>
    </row>
    <row r="2591" spans="1:4" x14ac:dyDescent="0.25">
      <c r="A2591" s="20">
        <v>43663.708333327064</v>
      </c>
      <c r="B2591" s="22">
        <v>2.5547959804534912</v>
      </c>
      <c r="C2591" s="21">
        <v>289541.49338570179</v>
      </c>
      <c r="D2591">
        <f t="shared" si="40"/>
        <v>17</v>
      </c>
    </row>
    <row r="2592" spans="1:4" x14ac:dyDescent="0.25">
      <c r="A2592" s="20">
        <v>43663.749999993728</v>
      </c>
      <c r="B2592" s="22">
        <v>2.5430684089660645</v>
      </c>
      <c r="C2592" s="21">
        <v>288212.37803236762</v>
      </c>
      <c r="D2592">
        <f t="shared" si="40"/>
        <v>18</v>
      </c>
    </row>
    <row r="2593" spans="1:4" x14ac:dyDescent="0.25">
      <c r="A2593" s="20">
        <v>43663.791666660392</v>
      </c>
      <c r="B2593" s="22">
        <v>2.4963929653167725</v>
      </c>
      <c r="C2593" s="21">
        <v>282922.5318912064</v>
      </c>
      <c r="D2593">
        <f t="shared" si="40"/>
        <v>19</v>
      </c>
    </row>
    <row r="2594" spans="1:4" x14ac:dyDescent="0.25">
      <c r="A2594" s="20">
        <v>43663.833333327057</v>
      </c>
      <c r="B2594" s="22">
        <v>2.2428381443023682</v>
      </c>
      <c r="C2594" s="21">
        <v>254186.52240420875</v>
      </c>
      <c r="D2594">
        <f t="shared" si="40"/>
        <v>20</v>
      </c>
    </row>
    <row r="2595" spans="1:4" x14ac:dyDescent="0.25">
      <c r="A2595" s="20">
        <v>43663.874999993721</v>
      </c>
      <c r="B2595" s="22">
        <v>2.099301815032959</v>
      </c>
      <c r="C2595" s="21">
        <v>237919.18698888159</v>
      </c>
      <c r="D2595">
        <f t="shared" si="40"/>
        <v>21</v>
      </c>
    </row>
    <row r="2596" spans="1:4" x14ac:dyDescent="0.25">
      <c r="A2596" s="20">
        <v>43663.916666660385</v>
      </c>
      <c r="B2596" s="22">
        <v>1.9460383653640747</v>
      </c>
      <c r="C2596" s="21">
        <v>220549.45240416689</v>
      </c>
      <c r="D2596">
        <f t="shared" si="40"/>
        <v>22</v>
      </c>
    </row>
    <row r="2597" spans="1:4" x14ac:dyDescent="0.25">
      <c r="A2597" s="20">
        <v>43663.958333327049</v>
      </c>
      <c r="B2597" s="22">
        <v>1.7715774774551392</v>
      </c>
      <c r="C2597" s="21">
        <v>200777.35850350943</v>
      </c>
      <c r="D2597">
        <f t="shared" si="40"/>
        <v>23</v>
      </c>
    </row>
    <row r="2598" spans="1:4" x14ac:dyDescent="0.25">
      <c r="A2598" s="20">
        <v>43663.999999993714</v>
      </c>
      <c r="B2598" s="22">
        <v>1.454914927482605</v>
      </c>
      <c r="C2598" s="21">
        <v>164889.19039933971</v>
      </c>
      <c r="D2598">
        <f t="shared" si="40"/>
        <v>0</v>
      </c>
    </row>
    <row r="2599" spans="1:4" x14ac:dyDescent="0.25">
      <c r="A2599" s="20">
        <v>43664.041666660378</v>
      </c>
      <c r="B2599" s="22">
        <v>1.2872263193130493</v>
      </c>
      <c r="C2599" s="21">
        <v>145884.61609882567</v>
      </c>
      <c r="D2599">
        <f t="shared" si="40"/>
        <v>1</v>
      </c>
    </row>
    <row r="2600" spans="1:4" x14ac:dyDescent="0.25">
      <c r="A2600" s="20">
        <v>43664.083333327042</v>
      </c>
      <c r="B2600" s="22">
        <v>1.2342807054519653</v>
      </c>
      <c r="C2600" s="21">
        <v>139884.15570087256</v>
      </c>
      <c r="D2600">
        <f t="shared" si="40"/>
        <v>2</v>
      </c>
    </row>
    <row r="2601" spans="1:4" x14ac:dyDescent="0.25">
      <c r="A2601" s="20">
        <v>43664.124999993706</v>
      </c>
      <c r="B2601" s="22">
        <v>1.1159954071044922</v>
      </c>
      <c r="C2601" s="21">
        <v>126478.58351775783</v>
      </c>
      <c r="D2601">
        <f t="shared" si="40"/>
        <v>3</v>
      </c>
    </row>
    <row r="2602" spans="1:4" x14ac:dyDescent="0.25">
      <c r="A2602" s="20">
        <v>43664.166666660371</v>
      </c>
      <c r="B2602" s="22">
        <v>1.0663866996765137</v>
      </c>
      <c r="C2602" s="21">
        <v>120856.30316992293</v>
      </c>
      <c r="D2602">
        <f t="shared" si="40"/>
        <v>4</v>
      </c>
    </row>
    <row r="2603" spans="1:4" x14ac:dyDescent="0.25">
      <c r="A2603" s="20">
        <v>43664.208333327035</v>
      </c>
      <c r="B2603" s="22">
        <v>1.0967988967895508</v>
      </c>
      <c r="C2603" s="21">
        <v>124302.99442692344</v>
      </c>
      <c r="D2603">
        <f t="shared" si="40"/>
        <v>5</v>
      </c>
    </row>
    <row r="2604" spans="1:4" x14ac:dyDescent="0.25">
      <c r="A2604" s="20">
        <v>43664.249999993699</v>
      </c>
      <c r="B2604" s="22">
        <v>1.2189263105392456</v>
      </c>
      <c r="C2604" s="21">
        <v>138144.00327105954</v>
      </c>
      <c r="D2604">
        <f t="shared" si="40"/>
        <v>6</v>
      </c>
    </row>
    <row r="2605" spans="1:4" x14ac:dyDescent="0.25">
      <c r="A2605" s="20">
        <v>43664.291666660363</v>
      </c>
      <c r="B2605" s="22">
        <v>1.2545753717422485</v>
      </c>
      <c r="C2605" s="21">
        <v>142184.20158728029</v>
      </c>
      <c r="D2605">
        <f t="shared" si="40"/>
        <v>7</v>
      </c>
    </row>
    <row r="2606" spans="1:4" x14ac:dyDescent="0.25">
      <c r="A2606" s="20">
        <v>43664.333333327028</v>
      </c>
      <c r="B2606" s="22">
        <v>1.2733484506607056</v>
      </c>
      <c r="C2606" s="21">
        <v>144311.80212645637</v>
      </c>
      <c r="D2606">
        <f t="shared" si="40"/>
        <v>8</v>
      </c>
    </row>
    <row r="2607" spans="1:4" x14ac:dyDescent="0.25">
      <c r="A2607" s="20">
        <v>43664.374999993692</v>
      </c>
      <c r="B2607" s="22">
        <v>1.3398619890213013</v>
      </c>
      <c r="C2607" s="21">
        <v>151849.94974162348</v>
      </c>
      <c r="D2607">
        <f t="shared" si="40"/>
        <v>9</v>
      </c>
    </row>
    <row r="2608" spans="1:4" x14ac:dyDescent="0.25">
      <c r="A2608" s="20">
        <v>43664.416666660356</v>
      </c>
      <c r="B2608" s="22">
        <v>1.6083840131759644</v>
      </c>
      <c r="C2608" s="21">
        <v>182282.23023507089</v>
      </c>
      <c r="D2608">
        <f t="shared" si="40"/>
        <v>10</v>
      </c>
    </row>
    <row r="2609" spans="1:4" x14ac:dyDescent="0.25">
      <c r="A2609" s="20">
        <v>43664.45833332702</v>
      </c>
      <c r="B2609" s="22">
        <v>1.8886730670928955</v>
      </c>
      <c r="C2609" s="21">
        <v>214048.09798798952</v>
      </c>
      <c r="D2609">
        <f t="shared" si="40"/>
        <v>11</v>
      </c>
    </row>
    <row r="2610" spans="1:4" x14ac:dyDescent="0.25">
      <c r="A2610" s="20">
        <v>43664.499999993684</v>
      </c>
      <c r="B2610" s="22">
        <v>2.0597031116485596</v>
      </c>
      <c r="C2610" s="21">
        <v>233431.36572965866</v>
      </c>
      <c r="D2610">
        <f t="shared" si="40"/>
        <v>12</v>
      </c>
    </row>
    <row r="2611" spans="1:4" x14ac:dyDescent="0.25">
      <c r="A2611" s="20">
        <v>43664.541666660349</v>
      </c>
      <c r="B2611" s="22">
        <v>2.2924437522888184</v>
      </c>
      <c r="C2611" s="21">
        <v>259808.45148449211</v>
      </c>
      <c r="D2611">
        <f t="shared" si="40"/>
        <v>13</v>
      </c>
    </row>
    <row r="2612" spans="1:4" x14ac:dyDescent="0.25">
      <c r="A2612" s="20">
        <v>43664.583333327013</v>
      </c>
      <c r="B2612" s="22">
        <v>2.5459308624267578</v>
      </c>
      <c r="C2612" s="21">
        <v>288536.78712651733</v>
      </c>
      <c r="D2612">
        <f t="shared" si="40"/>
        <v>14</v>
      </c>
    </row>
    <row r="2613" spans="1:4" x14ac:dyDescent="0.25">
      <c r="A2613" s="20">
        <v>43664.624999993677</v>
      </c>
      <c r="B2613" s="22">
        <v>2.7643783092498779</v>
      </c>
      <c r="C2613" s="21">
        <v>313293.98905707337</v>
      </c>
      <c r="D2613">
        <f t="shared" si="40"/>
        <v>15</v>
      </c>
    </row>
    <row r="2614" spans="1:4" x14ac:dyDescent="0.25">
      <c r="A2614" s="20">
        <v>43664.666666660341</v>
      </c>
      <c r="B2614" s="22">
        <v>2.7457802295684814</v>
      </c>
      <c r="C2614" s="21">
        <v>311186.22162426962</v>
      </c>
      <c r="D2614">
        <f t="shared" si="40"/>
        <v>16</v>
      </c>
    </row>
    <row r="2615" spans="1:4" x14ac:dyDescent="0.25">
      <c r="A2615" s="20">
        <v>43664.708333327006</v>
      </c>
      <c r="B2615" s="22">
        <v>2.6799089908599854</v>
      </c>
      <c r="C2615" s="21">
        <v>303720.86745401658</v>
      </c>
      <c r="D2615">
        <f t="shared" si="40"/>
        <v>17</v>
      </c>
    </row>
    <row r="2616" spans="1:4" x14ac:dyDescent="0.25">
      <c r="A2616" s="20">
        <v>43664.74999999367</v>
      </c>
      <c r="B2616" s="22">
        <v>2.6467127799987793</v>
      </c>
      <c r="C2616" s="21">
        <v>299958.65687397879</v>
      </c>
      <c r="D2616">
        <f t="shared" si="40"/>
        <v>18</v>
      </c>
    </row>
    <row r="2617" spans="1:4" x14ac:dyDescent="0.25">
      <c r="A2617" s="20">
        <v>43664.791666660334</v>
      </c>
      <c r="B2617" s="22">
        <v>2.5041766166687012</v>
      </c>
      <c r="C2617" s="21">
        <v>283804.67279547971</v>
      </c>
      <c r="D2617">
        <f t="shared" si="40"/>
        <v>19</v>
      </c>
    </row>
    <row r="2618" spans="1:4" x14ac:dyDescent="0.25">
      <c r="A2618" s="20">
        <v>43664.833333326998</v>
      </c>
      <c r="B2618" s="22">
        <v>2.3148534297943115</v>
      </c>
      <c r="C2618" s="21">
        <v>262348.19694396347</v>
      </c>
      <c r="D2618">
        <f t="shared" si="40"/>
        <v>20</v>
      </c>
    </row>
    <row r="2619" spans="1:4" x14ac:dyDescent="0.25">
      <c r="A2619" s="20">
        <v>43664.874999993663</v>
      </c>
      <c r="B2619" s="22">
        <v>2.2631371021270752</v>
      </c>
      <c r="C2619" s="21">
        <v>256487.0546610725</v>
      </c>
      <c r="D2619">
        <f t="shared" si="40"/>
        <v>21</v>
      </c>
    </row>
    <row r="2620" spans="1:4" x14ac:dyDescent="0.25">
      <c r="A2620" s="20">
        <v>43664.916666660327</v>
      </c>
      <c r="B2620" s="22">
        <v>2.1657311916351318</v>
      </c>
      <c r="C2620" s="21">
        <v>245447.79633899502</v>
      </c>
      <c r="D2620">
        <f t="shared" si="40"/>
        <v>22</v>
      </c>
    </row>
    <row r="2621" spans="1:4" x14ac:dyDescent="0.25">
      <c r="A2621" s="20">
        <v>43664.958333326991</v>
      </c>
      <c r="B2621" s="22">
        <v>1.7250354290008545</v>
      </c>
      <c r="C2621" s="21">
        <v>195502.63037735541</v>
      </c>
      <c r="D2621">
        <f t="shared" si="40"/>
        <v>23</v>
      </c>
    </row>
    <row r="2622" spans="1:4" x14ac:dyDescent="0.25">
      <c r="A2622" s="20">
        <v>43664.999999993655</v>
      </c>
      <c r="B2622" s="22">
        <v>1.520438551902771</v>
      </c>
      <c r="C2622" s="21">
        <v>172315.14856265695</v>
      </c>
      <c r="D2622">
        <f t="shared" si="40"/>
        <v>0</v>
      </c>
    </row>
    <row r="2623" spans="1:4" x14ac:dyDescent="0.25">
      <c r="A2623" s="20">
        <v>43665.04166666032</v>
      </c>
      <c r="B2623" s="22">
        <v>1.3652753829956055</v>
      </c>
      <c r="C2623" s="21">
        <v>154730.11398942111</v>
      </c>
      <c r="D2623">
        <f t="shared" si="40"/>
        <v>1</v>
      </c>
    </row>
    <row r="2624" spans="1:4" x14ac:dyDescent="0.25">
      <c r="A2624" s="20">
        <v>43665.083333326984</v>
      </c>
      <c r="B2624" s="22">
        <v>1.2595233917236328</v>
      </c>
      <c r="C2624" s="21">
        <v>142744.97321275389</v>
      </c>
      <c r="D2624">
        <f t="shared" si="40"/>
        <v>2</v>
      </c>
    </row>
    <row r="2625" spans="1:4" x14ac:dyDescent="0.25">
      <c r="A2625" s="20">
        <v>43665.124999993648</v>
      </c>
      <c r="B2625" s="22">
        <v>1.1083438396453857</v>
      </c>
      <c r="C2625" s="21">
        <v>125611.41201529685</v>
      </c>
      <c r="D2625">
        <f t="shared" si="40"/>
        <v>3</v>
      </c>
    </row>
    <row r="2626" spans="1:4" x14ac:dyDescent="0.25">
      <c r="A2626" s="20">
        <v>43665.166666660312</v>
      </c>
      <c r="B2626" s="22">
        <v>1.0829665660858154</v>
      </c>
      <c r="C2626" s="21">
        <v>122735.34138550385</v>
      </c>
      <c r="D2626">
        <f t="shared" si="40"/>
        <v>4</v>
      </c>
    </row>
    <row r="2627" spans="1:4" x14ac:dyDescent="0.25">
      <c r="A2627" s="20">
        <v>43665.208333326977</v>
      </c>
      <c r="B2627" s="22">
        <v>0.9876171350479126</v>
      </c>
      <c r="C2627" s="21">
        <v>111929.14908388186</v>
      </c>
      <c r="D2627">
        <f t="shared" si="40"/>
        <v>5</v>
      </c>
    </row>
    <row r="2628" spans="1:4" x14ac:dyDescent="0.25">
      <c r="A2628" s="20">
        <v>43665.249999993641</v>
      </c>
      <c r="B2628" s="22">
        <v>1.1171523332595825</v>
      </c>
      <c r="C2628" s="21">
        <v>126609.70088652024</v>
      </c>
      <c r="D2628">
        <f t="shared" si="40"/>
        <v>6</v>
      </c>
    </row>
    <row r="2629" spans="1:4" x14ac:dyDescent="0.25">
      <c r="A2629" s="20">
        <v>43665.291666660305</v>
      </c>
      <c r="B2629" s="22">
        <v>1.2377914190292358</v>
      </c>
      <c r="C2629" s="21">
        <v>140282.03375445862</v>
      </c>
      <c r="D2629">
        <f t="shared" si="40"/>
        <v>7</v>
      </c>
    </row>
    <row r="2630" spans="1:4" x14ac:dyDescent="0.25">
      <c r="A2630" s="20">
        <v>43665.333333326969</v>
      </c>
      <c r="B2630" s="22">
        <v>1.3518033027648926</v>
      </c>
      <c r="C2630" s="21">
        <v>153203.28904572435</v>
      </c>
      <c r="D2630">
        <f t="shared" si="40"/>
        <v>8</v>
      </c>
    </row>
    <row r="2631" spans="1:4" x14ac:dyDescent="0.25">
      <c r="A2631" s="20">
        <v>43665.374999993634</v>
      </c>
      <c r="B2631" s="22">
        <v>1.6491906642913818</v>
      </c>
      <c r="C2631" s="21">
        <v>186906.95126736641</v>
      </c>
      <c r="D2631">
        <f t="shared" ref="D2631:D2694" si="41">HOUR(A2631)</f>
        <v>9</v>
      </c>
    </row>
    <row r="2632" spans="1:4" x14ac:dyDescent="0.25">
      <c r="A2632" s="20">
        <v>43665.416666660298</v>
      </c>
      <c r="B2632" s="22">
        <v>1.9987399578094482</v>
      </c>
      <c r="C2632" s="21">
        <v>226522.2572375804</v>
      </c>
      <c r="D2632">
        <f t="shared" si="41"/>
        <v>10</v>
      </c>
    </row>
    <row r="2633" spans="1:4" x14ac:dyDescent="0.25">
      <c r="A2633" s="20">
        <v>43665.458333326962</v>
      </c>
      <c r="B2633" s="22">
        <v>2.4046602249145508</v>
      </c>
      <c r="C2633" s="21">
        <v>272526.2282913755</v>
      </c>
      <c r="D2633">
        <f t="shared" si="41"/>
        <v>11</v>
      </c>
    </row>
    <row r="2634" spans="1:4" x14ac:dyDescent="0.25">
      <c r="A2634" s="20">
        <v>43665.499999993626</v>
      </c>
      <c r="B2634" s="22">
        <v>2.6543807983398438</v>
      </c>
      <c r="C2634" s="21">
        <v>300827.69279652106</v>
      </c>
      <c r="D2634">
        <f t="shared" si="41"/>
        <v>12</v>
      </c>
    </row>
    <row r="2635" spans="1:4" x14ac:dyDescent="0.25">
      <c r="A2635" s="20">
        <v>43665.541666660291</v>
      </c>
      <c r="B2635" s="22">
        <v>2.7875733375549316</v>
      </c>
      <c r="C2635" s="21">
        <v>315922.74030999211</v>
      </c>
      <c r="D2635">
        <f t="shared" si="41"/>
        <v>13</v>
      </c>
    </row>
    <row r="2636" spans="1:4" x14ac:dyDescent="0.25">
      <c r="A2636" s="20">
        <v>43665.583333326955</v>
      </c>
      <c r="B2636" s="22">
        <v>2.9767022132873535</v>
      </c>
      <c r="C2636" s="21">
        <v>337357.194388084</v>
      </c>
      <c r="D2636">
        <f t="shared" si="41"/>
        <v>14</v>
      </c>
    </row>
    <row r="2637" spans="1:4" x14ac:dyDescent="0.25">
      <c r="A2637" s="20">
        <v>43665.624999993619</v>
      </c>
      <c r="B2637" s="22">
        <v>3.2182102203369141</v>
      </c>
      <c r="C2637" s="21">
        <v>364727.90796393756</v>
      </c>
      <c r="D2637">
        <f t="shared" si="41"/>
        <v>15</v>
      </c>
    </row>
    <row r="2638" spans="1:4" x14ac:dyDescent="0.25">
      <c r="A2638" s="20">
        <v>43665.666666660283</v>
      </c>
      <c r="B2638" s="22">
        <v>3.2178280353546143</v>
      </c>
      <c r="C2638" s="21">
        <v>364684.59397277294</v>
      </c>
      <c r="D2638">
        <f t="shared" si="41"/>
        <v>16</v>
      </c>
    </row>
    <row r="2639" spans="1:4" x14ac:dyDescent="0.25">
      <c r="A2639" s="20">
        <v>43665.708333326947</v>
      </c>
      <c r="B2639" s="22">
        <v>3.1663219928741455</v>
      </c>
      <c r="C2639" s="21">
        <v>358847.28384222579</v>
      </c>
      <c r="D2639">
        <f t="shared" si="41"/>
        <v>17</v>
      </c>
    </row>
    <row r="2640" spans="1:4" x14ac:dyDescent="0.25">
      <c r="A2640" s="20">
        <v>43665.749999993612</v>
      </c>
      <c r="B2640" s="22">
        <v>3.0926663875579834</v>
      </c>
      <c r="C2640" s="21">
        <v>350499.70770595683</v>
      </c>
      <c r="D2640">
        <f t="shared" si="41"/>
        <v>18</v>
      </c>
    </row>
    <row r="2641" spans="1:4" x14ac:dyDescent="0.25">
      <c r="A2641" s="20">
        <v>43665.791666660276</v>
      </c>
      <c r="B2641" s="22">
        <v>3.0059688091278076</v>
      </c>
      <c r="C2641" s="21">
        <v>340674.05175391433</v>
      </c>
      <c r="D2641">
        <f t="shared" si="41"/>
        <v>19</v>
      </c>
    </row>
    <row r="2642" spans="1:4" x14ac:dyDescent="0.25">
      <c r="A2642" s="20">
        <v>43665.83333332694</v>
      </c>
      <c r="B2642" s="22">
        <v>2.9981765747070313</v>
      </c>
      <c r="C2642" s="21">
        <v>339790.93810872897</v>
      </c>
      <c r="D2642">
        <f t="shared" si="41"/>
        <v>20</v>
      </c>
    </row>
    <row r="2643" spans="1:4" x14ac:dyDescent="0.25">
      <c r="A2643" s="20">
        <v>43665.874999993604</v>
      </c>
      <c r="B2643" s="22">
        <v>2.6796002388000488</v>
      </c>
      <c r="C2643" s="21">
        <v>303685.87580176571</v>
      </c>
      <c r="D2643">
        <f t="shared" si="41"/>
        <v>21</v>
      </c>
    </row>
    <row r="2644" spans="1:4" x14ac:dyDescent="0.25">
      <c r="A2644" s="20">
        <v>43665.916666660269</v>
      </c>
      <c r="B2644" s="22">
        <v>2.5490186214447021</v>
      </c>
      <c r="C2644" s="21">
        <v>288886.73066960688</v>
      </c>
      <c r="D2644">
        <f t="shared" si="41"/>
        <v>22</v>
      </c>
    </row>
    <row r="2645" spans="1:4" x14ac:dyDescent="0.25">
      <c r="A2645" s="20">
        <v>43665.958333326933</v>
      </c>
      <c r="B2645" s="22">
        <v>2.2017898559570313</v>
      </c>
      <c r="C2645" s="21">
        <v>249534.41601318255</v>
      </c>
      <c r="D2645">
        <f t="shared" si="41"/>
        <v>23</v>
      </c>
    </row>
    <row r="2646" spans="1:4" x14ac:dyDescent="0.25">
      <c r="A2646" s="20">
        <v>43665.999999993597</v>
      </c>
      <c r="B2646" s="22">
        <v>1.848607063293457</v>
      </c>
      <c r="C2646" s="21">
        <v>209507.31639022479</v>
      </c>
      <c r="D2646">
        <f t="shared" si="41"/>
        <v>0</v>
      </c>
    </row>
    <row r="2647" spans="1:4" x14ac:dyDescent="0.25">
      <c r="A2647" s="20">
        <v>43666.041666660261</v>
      </c>
      <c r="B2647" s="22">
        <v>1.6945266723632813</v>
      </c>
      <c r="C2647" s="21">
        <v>192044.99578509494</v>
      </c>
      <c r="D2647">
        <f t="shared" si="41"/>
        <v>1</v>
      </c>
    </row>
    <row r="2648" spans="1:4" x14ac:dyDescent="0.25">
      <c r="A2648" s="20">
        <v>43666.083333326926</v>
      </c>
      <c r="B2648" s="22">
        <v>1.5404220819473267</v>
      </c>
      <c r="C2648" s="21">
        <v>174579.93259100494</v>
      </c>
      <c r="D2648">
        <f t="shared" si="41"/>
        <v>2</v>
      </c>
    </row>
    <row r="2649" spans="1:4" x14ac:dyDescent="0.25">
      <c r="A2649" s="20">
        <v>43666.12499999359</v>
      </c>
      <c r="B2649" s="22">
        <v>1.4253613948822021</v>
      </c>
      <c r="C2649" s="21">
        <v>161539.81376440983</v>
      </c>
      <c r="D2649">
        <f t="shared" si="41"/>
        <v>3</v>
      </c>
    </row>
    <row r="2650" spans="1:4" x14ac:dyDescent="0.25">
      <c r="A2650" s="20">
        <v>43666.166666660254</v>
      </c>
      <c r="B2650" s="22">
        <v>1.3489847183227539</v>
      </c>
      <c r="C2650" s="21">
        <v>152883.85173845818</v>
      </c>
      <c r="D2650">
        <f t="shared" si="41"/>
        <v>4</v>
      </c>
    </row>
    <row r="2651" spans="1:4" x14ac:dyDescent="0.25">
      <c r="A2651" s="20">
        <v>43666.208333326918</v>
      </c>
      <c r="B2651" s="22">
        <v>1.3059961795806885</v>
      </c>
      <c r="C2651" s="21">
        <v>148011.85186015975</v>
      </c>
      <c r="D2651">
        <f t="shared" si="41"/>
        <v>5</v>
      </c>
    </row>
    <row r="2652" spans="1:4" x14ac:dyDescent="0.25">
      <c r="A2652" s="20">
        <v>43666.249999993583</v>
      </c>
      <c r="B2652" s="22">
        <v>1.2871661186218262</v>
      </c>
      <c r="C2652" s="21">
        <v>145877.79340215129</v>
      </c>
      <c r="D2652">
        <f t="shared" si="41"/>
        <v>6</v>
      </c>
    </row>
    <row r="2653" spans="1:4" x14ac:dyDescent="0.25">
      <c r="A2653" s="20">
        <v>43666.291666660247</v>
      </c>
      <c r="B2653" s="22">
        <v>1.4598506689071655</v>
      </c>
      <c r="C2653" s="21">
        <v>165448.57046489752</v>
      </c>
      <c r="D2653">
        <f t="shared" si="41"/>
        <v>7</v>
      </c>
    </row>
    <row r="2654" spans="1:4" x14ac:dyDescent="0.25">
      <c r="A2654" s="20">
        <v>43666.333333326911</v>
      </c>
      <c r="B2654" s="22">
        <v>1.5011544227600098</v>
      </c>
      <c r="C2654" s="21">
        <v>170129.62940834597</v>
      </c>
      <c r="D2654">
        <f t="shared" si="41"/>
        <v>8</v>
      </c>
    </row>
    <row r="2655" spans="1:4" x14ac:dyDescent="0.25">
      <c r="A2655" s="20">
        <v>43666.374999993575</v>
      </c>
      <c r="B2655" s="22">
        <v>1.8411082029342651</v>
      </c>
      <c r="C2655" s="21">
        <v>208657.45156982302</v>
      </c>
      <c r="D2655">
        <f t="shared" si="41"/>
        <v>9</v>
      </c>
    </row>
    <row r="2656" spans="1:4" x14ac:dyDescent="0.25">
      <c r="A2656" s="20">
        <v>43666.41666666024</v>
      </c>
      <c r="B2656" s="22">
        <v>2.1764509677886963</v>
      </c>
      <c r="C2656" s="21">
        <v>246662.69569691265</v>
      </c>
      <c r="D2656">
        <f t="shared" si="41"/>
        <v>10</v>
      </c>
    </row>
    <row r="2657" spans="1:4" x14ac:dyDescent="0.25">
      <c r="A2657" s="20">
        <v>43666.458333326904</v>
      </c>
      <c r="B2657" s="22">
        <v>2.4934012889862061</v>
      </c>
      <c r="C2657" s="21">
        <v>282583.47764221503</v>
      </c>
      <c r="D2657">
        <f t="shared" si="41"/>
        <v>11</v>
      </c>
    </row>
    <row r="2658" spans="1:4" x14ac:dyDescent="0.25">
      <c r="A2658" s="20">
        <v>43666.499999993568</v>
      </c>
      <c r="B2658" s="22">
        <v>2.722041130065918</v>
      </c>
      <c r="C2658" s="21">
        <v>308495.80940576288</v>
      </c>
      <c r="D2658">
        <f t="shared" si="41"/>
        <v>12</v>
      </c>
    </row>
    <row r="2659" spans="1:4" x14ac:dyDescent="0.25">
      <c r="A2659" s="20">
        <v>43666.541666660232</v>
      </c>
      <c r="B2659" s="22">
        <v>2.8701772689819336</v>
      </c>
      <c r="C2659" s="21">
        <v>325284.45288817567</v>
      </c>
      <c r="D2659">
        <f t="shared" si="41"/>
        <v>13</v>
      </c>
    </row>
    <row r="2660" spans="1:4" x14ac:dyDescent="0.25">
      <c r="A2660" s="20">
        <v>43666.583333326897</v>
      </c>
      <c r="B2660" s="22">
        <v>3.1106569766998291</v>
      </c>
      <c r="C2660" s="21">
        <v>352538.62669865618</v>
      </c>
      <c r="D2660">
        <f t="shared" si="41"/>
        <v>14</v>
      </c>
    </row>
    <row r="2661" spans="1:4" x14ac:dyDescent="0.25">
      <c r="A2661" s="20">
        <v>43666.624999993561</v>
      </c>
      <c r="B2661" s="22">
        <v>3.1801033020019531</v>
      </c>
      <c r="C2661" s="21">
        <v>360409.15447933518</v>
      </c>
      <c r="D2661">
        <f t="shared" si="41"/>
        <v>15</v>
      </c>
    </row>
    <row r="2662" spans="1:4" x14ac:dyDescent="0.25">
      <c r="A2662" s="20">
        <v>43666.666666660225</v>
      </c>
      <c r="B2662" s="22">
        <v>3.2020971775054932</v>
      </c>
      <c r="C2662" s="21">
        <v>362901.77604573662</v>
      </c>
      <c r="D2662">
        <f t="shared" si="41"/>
        <v>16</v>
      </c>
    </row>
    <row r="2663" spans="1:4" x14ac:dyDescent="0.25">
      <c r="A2663" s="20">
        <v>43666.708333326889</v>
      </c>
      <c r="B2663" s="22">
        <v>3.3377189636230469</v>
      </c>
      <c r="C2663" s="21">
        <v>378272.13625788264</v>
      </c>
      <c r="D2663">
        <f t="shared" si="41"/>
        <v>17</v>
      </c>
    </row>
    <row r="2664" spans="1:4" x14ac:dyDescent="0.25">
      <c r="A2664" s="20">
        <v>43666.749999993554</v>
      </c>
      <c r="B2664" s="22">
        <v>3.3745982646942139</v>
      </c>
      <c r="C2664" s="21">
        <v>382451.760771489</v>
      </c>
      <c r="D2664">
        <f t="shared" si="41"/>
        <v>18</v>
      </c>
    </row>
    <row r="2665" spans="1:4" x14ac:dyDescent="0.25">
      <c r="A2665" s="20">
        <v>43666.791666660218</v>
      </c>
      <c r="B2665" s="22">
        <v>3.1172857284545898</v>
      </c>
      <c r="C2665" s="21">
        <v>353289.87990910461</v>
      </c>
      <c r="D2665">
        <f t="shared" si="41"/>
        <v>19</v>
      </c>
    </row>
    <row r="2666" spans="1:4" x14ac:dyDescent="0.25">
      <c r="A2666" s="20">
        <v>43666.833333326882</v>
      </c>
      <c r="B2666" s="22">
        <v>3.0314154624938965</v>
      </c>
      <c r="C2666" s="21">
        <v>343557.9853727459</v>
      </c>
      <c r="D2666">
        <f t="shared" si="41"/>
        <v>20</v>
      </c>
    </row>
    <row r="2667" spans="1:4" x14ac:dyDescent="0.25">
      <c r="A2667" s="20">
        <v>43666.874999993546</v>
      </c>
      <c r="B2667" s="22">
        <v>2.767819881439209</v>
      </c>
      <c r="C2667" s="21">
        <v>313684.03114220168</v>
      </c>
      <c r="D2667">
        <f t="shared" si="41"/>
        <v>21</v>
      </c>
    </row>
    <row r="2668" spans="1:4" x14ac:dyDescent="0.25">
      <c r="A2668" s="20">
        <v>43666.91666666021</v>
      </c>
      <c r="B2668" s="22">
        <v>2.6221442222595215</v>
      </c>
      <c r="C2668" s="21">
        <v>297174.24005456024</v>
      </c>
      <c r="D2668">
        <f t="shared" si="41"/>
        <v>22</v>
      </c>
    </row>
    <row r="2669" spans="1:4" x14ac:dyDescent="0.25">
      <c r="A2669" s="20">
        <v>43666.958333326875</v>
      </c>
      <c r="B2669" s="22">
        <v>2.2606768608093262</v>
      </c>
      <c r="C2669" s="21">
        <v>256208.22928688198</v>
      </c>
      <c r="D2669">
        <f t="shared" si="41"/>
        <v>23</v>
      </c>
    </row>
    <row r="2670" spans="1:4" x14ac:dyDescent="0.25">
      <c r="A2670" s="20">
        <v>43666.999999993539</v>
      </c>
      <c r="B2670" s="22">
        <v>1.9160225391387939</v>
      </c>
      <c r="C2670" s="21">
        <v>217147.68286289385</v>
      </c>
      <c r="D2670">
        <f t="shared" si="41"/>
        <v>0</v>
      </c>
    </row>
    <row r="2671" spans="1:4" x14ac:dyDescent="0.25">
      <c r="A2671" s="20">
        <v>43667.041666660203</v>
      </c>
      <c r="B2671" s="22">
        <v>1.7340371608734131</v>
      </c>
      <c r="C2671" s="21">
        <v>196522.81942938906</v>
      </c>
      <c r="D2671">
        <f t="shared" si="41"/>
        <v>1</v>
      </c>
    </row>
    <row r="2672" spans="1:4" x14ac:dyDescent="0.25">
      <c r="A2672" s="20">
        <v>43667.083333326867</v>
      </c>
      <c r="B2672" s="22">
        <v>1.5489356517791748</v>
      </c>
      <c r="C2672" s="21">
        <v>175544.79700366899</v>
      </c>
      <c r="D2672">
        <f t="shared" si="41"/>
        <v>2</v>
      </c>
    </row>
    <row r="2673" spans="1:4" x14ac:dyDescent="0.25">
      <c r="A2673" s="20">
        <v>43667.124999993532</v>
      </c>
      <c r="B2673" s="22">
        <v>1.377013087272644</v>
      </c>
      <c r="C2673" s="21">
        <v>156060.37771744304</v>
      </c>
      <c r="D2673">
        <f t="shared" si="41"/>
        <v>3</v>
      </c>
    </row>
    <row r="2674" spans="1:4" x14ac:dyDescent="0.25">
      <c r="A2674" s="20">
        <v>43667.166666660196</v>
      </c>
      <c r="B2674" s="22">
        <v>1.2740240097045898</v>
      </c>
      <c r="C2674" s="21">
        <v>144388.3649424045</v>
      </c>
      <c r="D2674">
        <f t="shared" si="41"/>
        <v>4</v>
      </c>
    </row>
    <row r="2675" spans="1:4" x14ac:dyDescent="0.25">
      <c r="A2675" s="20">
        <v>43667.20833332686</v>
      </c>
      <c r="B2675" s="22">
        <v>1.274445652961731</v>
      </c>
      <c r="C2675" s="21">
        <v>144436.15083970616</v>
      </c>
      <c r="D2675">
        <f t="shared" si="41"/>
        <v>5</v>
      </c>
    </row>
    <row r="2676" spans="1:4" x14ac:dyDescent="0.25">
      <c r="A2676" s="20">
        <v>43667.249999993524</v>
      </c>
      <c r="B2676" s="22">
        <v>1.2303334474563599</v>
      </c>
      <c r="C2676" s="21">
        <v>139436.80296367928</v>
      </c>
      <c r="D2676">
        <f t="shared" si="41"/>
        <v>6</v>
      </c>
    </row>
    <row r="2677" spans="1:4" x14ac:dyDescent="0.25">
      <c r="A2677" s="20">
        <v>43667.291666660189</v>
      </c>
      <c r="B2677" s="22">
        <v>1.3915778398513794</v>
      </c>
      <c r="C2677" s="21">
        <v>157711.0379833527</v>
      </c>
      <c r="D2677">
        <f t="shared" si="41"/>
        <v>7</v>
      </c>
    </row>
    <row r="2678" spans="1:4" x14ac:dyDescent="0.25">
      <c r="A2678" s="20">
        <v>43667.333333326853</v>
      </c>
      <c r="B2678" s="22">
        <v>1.6847443580627441</v>
      </c>
      <c r="C2678" s="21">
        <v>190936.34135123171</v>
      </c>
      <c r="D2678">
        <f t="shared" si="41"/>
        <v>8</v>
      </c>
    </row>
    <row r="2679" spans="1:4" x14ac:dyDescent="0.25">
      <c r="A2679" s="20">
        <v>43667.374999993517</v>
      </c>
      <c r="B2679" s="22">
        <v>1.900281548500061</v>
      </c>
      <c r="C2679" s="21">
        <v>215363.7165611698</v>
      </c>
      <c r="D2679">
        <f t="shared" si="41"/>
        <v>9</v>
      </c>
    </row>
    <row r="2680" spans="1:4" x14ac:dyDescent="0.25">
      <c r="A2680" s="20">
        <v>43667.416666660181</v>
      </c>
      <c r="B2680" s="22">
        <v>2.0717744827270508</v>
      </c>
      <c r="C2680" s="21">
        <v>234799.4447606343</v>
      </c>
      <c r="D2680">
        <f t="shared" si="41"/>
        <v>10</v>
      </c>
    </row>
    <row r="2681" spans="1:4" x14ac:dyDescent="0.25">
      <c r="A2681" s="20">
        <v>43667.458333326846</v>
      </c>
      <c r="B2681" s="22">
        <v>2.3636980056762695</v>
      </c>
      <c r="C2681" s="21">
        <v>267883.87633005006</v>
      </c>
      <c r="D2681">
        <f t="shared" si="41"/>
        <v>11</v>
      </c>
    </row>
    <row r="2682" spans="1:4" x14ac:dyDescent="0.25">
      <c r="A2682" s="20">
        <v>43667.49999999351</v>
      </c>
      <c r="B2682" s="22">
        <v>2.6483302116394043</v>
      </c>
      <c r="C2682" s="21">
        <v>300141.96449472767</v>
      </c>
      <c r="D2682">
        <f t="shared" si="41"/>
        <v>12</v>
      </c>
    </row>
    <row r="2683" spans="1:4" x14ac:dyDescent="0.25">
      <c r="A2683" s="20">
        <v>43667.541666660174</v>
      </c>
      <c r="B2683" s="22">
        <v>2.9375150203704834</v>
      </c>
      <c r="C2683" s="21">
        <v>332916.01065147499</v>
      </c>
      <c r="D2683">
        <f t="shared" si="41"/>
        <v>13</v>
      </c>
    </row>
    <row r="2684" spans="1:4" x14ac:dyDescent="0.25">
      <c r="A2684" s="20">
        <v>43667.583333326838</v>
      </c>
      <c r="B2684" s="22">
        <v>3.1524658203125</v>
      </c>
      <c r="C2684" s="21">
        <v>357276.92874271731</v>
      </c>
      <c r="D2684">
        <f t="shared" si="41"/>
        <v>14</v>
      </c>
    </row>
    <row r="2685" spans="1:4" x14ac:dyDescent="0.25">
      <c r="A2685" s="20">
        <v>43667.624999993503</v>
      </c>
      <c r="B2685" s="22">
        <v>3.1443729400634766</v>
      </c>
      <c r="C2685" s="21">
        <v>356359.7421450314</v>
      </c>
      <c r="D2685">
        <f t="shared" si="41"/>
        <v>15</v>
      </c>
    </row>
    <row r="2686" spans="1:4" x14ac:dyDescent="0.25">
      <c r="A2686" s="20">
        <v>43667.666666660167</v>
      </c>
      <c r="B2686" s="22">
        <v>3.0828022956848145</v>
      </c>
      <c r="C2686" s="21">
        <v>349381.78521284874</v>
      </c>
      <c r="D2686">
        <f t="shared" si="41"/>
        <v>16</v>
      </c>
    </row>
    <row r="2687" spans="1:4" x14ac:dyDescent="0.25">
      <c r="A2687" s="20">
        <v>43667.708333326831</v>
      </c>
      <c r="B2687" s="22">
        <v>2.9127042293548584</v>
      </c>
      <c r="C2687" s="21">
        <v>330104.14092187351</v>
      </c>
      <c r="D2687">
        <f t="shared" si="41"/>
        <v>17</v>
      </c>
    </row>
    <row r="2688" spans="1:4" x14ac:dyDescent="0.25">
      <c r="A2688" s="20">
        <v>43667.749999993495</v>
      </c>
      <c r="B2688" s="22">
        <v>2.6183168888092041</v>
      </c>
      <c r="C2688" s="21">
        <v>296740.47866955394</v>
      </c>
      <c r="D2688">
        <f t="shared" si="41"/>
        <v>18</v>
      </c>
    </row>
    <row r="2689" spans="1:4" x14ac:dyDescent="0.25">
      <c r="A2689" s="20">
        <v>43667.79166666016</v>
      </c>
      <c r="B2689" s="22">
        <v>2.3222522735595703</v>
      </c>
      <c r="C2689" s="21">
        <v>263186.72663068242</v>
      </c>
      <c r="D2689">
        <f t="shared" si="41"/>
        <v>19</v>
      </c>
    </row>
    <row r="2690" spans="1:4" x14ac:dyDescent="0.25">
      <c r="A2690" s="20">
        <v>43667.833333326824</v>
      </c>
      <c r="B2690" s="22">
        <v>2.0344088077545166</v>
      </c>
      <c r="C2690" s="21">
        <v>230564.69826201495</v>
      </c>
      <c r="D2690">
        <f t="shared" si="41"/>
        <v>20</v>
      </c>
    </row>
    <row r="2691" spans="1:4" x14ac:dyDescent="0.25">
      <c r="A2691" s="20">
        <v>43667.874999993488</v>
      </c>
      <c r="B2691" s="22">
        <v>2.0118632316589355</v>
      </c>
      <c r="C2691" s="21">
        <v>228009.55107143702</v>
      </c>
      <c r="D2691">
        <f t="shared" si="41"/>
        <v>21</v>
      </c>
    </row>
    <row r="2692" spans="1:4" x14ac:dyDescent="0.25">
      <c r="A2692" s="20">
        <v>43667.916666660152</v>
      </c>
      <c r="B2692" s="22">
        <v>1.8846219778060913</v>
      </c>
      <c r="C2692" s="21">
        <v>213588.97778781925</v>
      </c>
      <c r="D2692">
        <f t="shared" si="41"/>
        <v>22</v>
      </c>
    </row>
    <row r="2693" spans="1:4" x14ac:dyDescent="0.25">
      <c r="A2693" s="20">
        <v>43667.958333326817</v>
      </c>
      <c r="B2693" s="22">
        <v>1.6051220893859863</v>
      </c>
      <c r="C2693" s="21">
        <v>181912.54815764219</v>
      </c>
      <c r="D2693">
        <f t="shared" si="41"/>
        <v>23</v>
      </c>
    </row>
    <row r="2694" spans="1:4" x14ac:dyDescent="0.25">
      <c r="A2694" s="20">
        <v>43667.999999993481</v>
      </c>
      <c r="B2694" s="22">
        <v>1.4214836359024048</v>
      </c>
      <c r="C2694" s="21">
        <v>161100.33752654563</v>
      </c>
      <c r="D2694">
        <f t="shared" si="41"/>
        <v>0</v>
      </c>
    </row>
    <row r="2695" spans="1:4" x14ac:dyDescent="0.25">
      <c r="A2695" s="20">
        <v>43668.041666660145</v>
      </c>
      <c r="B2695" s="22">
        <v>1.2660298347473145</v>
      </c>
      <c r="C2695" s="21">
        <v>143482.36486520644</v>
      </c>
      <c r="D2695">
        <f t="shared" ref="D2695:D2758" si="42">HOUR(A2695)</f>
        <v>1</v>
      </c>
    </row>
    <row r="2696" spans="1:4" x14ac:dyDescent="0.25">
      <c r="A2696" s="20">
        <v>43668.083333326809</v>
      </c>
      <c r="B2696" s="22">
        <v>1.1902271509170532</v>
      </c>
      <c r="C2696" s="21">
        <v>134891.45488774433</v>
      </c>
      <c r="D2696">
        <f t="shared" si="42"/>
        <v>2</v>
      </c>
    </row>
    <row r="2697" spans="1:4" x14ac:dyDescent="0.25">
      <c r="A2697" s="20">
        <v>43668.124999993473</v>
      </c>
      <c r="B2697" s="22">
        <v>1.1507184505462646</v>
      </c>
      <c r="C2697" s="21">
        <v>130413.83389780689</v>
      </c>
      <c r="D2697">
        <f t="shared" si="42"/>
        <v>3</v>
      </c>
    </row>
    <row r="2698" spans="1:4" x14ac:dyDescent="0.25">
      <c r="A2698" s="20">
        <v>43668.166666660138</v>
      </c>
      <c r="B2698" s="22">
        <v>1.0619620084762573</v>
      </c>
      <c r="C2698" s="21">
        <v>120354.84171950004</v>
      </c>
      <c r="D2698">
        <f t="shared" si="42"/>
        <v>4</v>
      </c>
    </row>
    <row r="2699" spans="1:4" x14ac:dyDescent="0.25">
      <c r="A2699" s="20">
        <v>43668.208333326802</v>
      </c>
      <c r="B2699" s="22">
        <v>1.105217456817627</v>
      </c>
      <c r="C2699" s="21">
        <v>125257.09113810337</v>
      </c>
      <c r="D2699">
        <f t="shared" si="42"/>
        <v>5</v>
      </c>
    </row>
    <row r="2700" spans="1:4" x14ac:dyDescent="0.25">
      <c r="A2700" s="20">
        <v>43668.249999993466</v>
      </c>
      <c r="B2700" s="22">
        <v>1.1530351638793945</v>
      </c>
      <c r="C2700" s="21">
        <v>130676.39288230237</v>
      </c>
      <c r="D2700">
        <f t="shared" si="42"/>
        <v>6</v>
      </c>
    </row>
    <row r="2701" spans="1:4" x14ac:dyDescent="0.25">
      <c r="A2701" s="20">
        <v>43668.29166666013</v>
      </c>
      <c r="B2701" s="22">
        <v>1.301586389541626</v>
      </c>
      <c r="C2701" s="21">
        <v>147512.07919604238</v>
      </c>
      <c r="D2701">
        <f t="shared" si="42"/>
        <v>7</v>
      </c>
    </row>
    <row r="2702" spans="1:4" x14ac:dyDescent="0.25">
      <c r="A2702" s="20">
        <v>43668.333333326795</v>
      </c>
      <c r="B2702" s="22">
        <v>1.1523996591567993</v>
      </c>
      <c r="C2702" s="21">
        <v>130604.36952394353</v>
      </c>
      <c r="D2702">
        <f t="shared" si="42"/>
        <v>8</v>
      </c>
    </row>
    <row r="2703" spans="1:4" x14ac:dyDescent="0.25">
      <c r="A2703" s="20">
        <v>43668.374999993459</v>
      </c>
      <c r="B2703" s="22">
        <v>1.3218028545379639</v>
      </c>
      <c r="C2703" s="21">
        <v>149803.26233191864</v>
      </c>
      <c r="D2703">
        <f t="shared" si="42"/>
        <v>9</v>
      </c>
    </row>
    <row r="2704" spans="1:4" x14ac:dyDescent="0.25">
      <c r="A2704" s="20">
        <v>43668.416666660123</v>
      </c>
      <c r="B2704" s="22">
        <v>1.37496018409729</v>
      </c>
      <c r="C2704" s="21">
        <v>155827.71700570092</v>
      </c>
      <c r="D2704">
        <f t="shared" si="42"/>
        <v>10</v>
      </c>
    </row>
    <row r="2705" spans="1:4" x14ac:dyDescent="0.25">
      <c r="A2705" s="20">
        <v>43668.458333326787</v>
      </c>
      <c r="B2705" s="22">
        <v>1.3736715316772461</v>
      </c>
      <c r="C2705" s="21">
        <v>155681.67076599749</v>
      </c>
      <c r="D2705">
        <f t="shared" si="42"/>
        <v>11</v>
      </c>
    </row>
    <row r="2706" spans="1:4" x14ac:dyDescent="0.25">
      <c r="A2706" s="20">
        <v>43668.499999993452</v>
      </c>
      <c r="B2706" s="22">
        <v>1.4639542102813721</v>
      </c>
      <c r="C2706" s="21">
        <v>165913.63519286332</v>
      </c>
      <c r="D2706">
        <f t="shared" si="42"/>
        <v>12</v>
      </c>
    </row>
    <row r="2707" spans="1:4" x14ac:dyDescent="0.25">
      <c r="A2707" s="20">
        <v>43668.541666660116</v>
      </c>
      <c r="B2707" s="22">
        <v>1.6690309047698975</v>
      </c>
      <c r="C2707" s="21">
        <v>189155.49592660027</v>
      </c>
      <c r="D2707">
        <f t="shared" si="42"/>
        <v>13</v>
      </c>
    </row>
    <row r="2708" spans="1:4" x14ac:dyDescent="0.25">
      <c r="A2708" s="20">
        <v>43668.58333332678</v>
      </c>
      <c r="B2708" s="22">
        <v>1.7086684703826904</v>
      </c>
      <c r="C2708" s="21">
        <v>193647.72154050806</v>
      </c>
      <c r="D2708">
        <f t="shared" si="42"/>
        <v>14</v>
      </c>
    </row>
    <row r="2709" spans="1:4" x14ac:dyDescent="0.25">
      <c r="A2709" s="20">
        <v>43668.624999993444</v>
      </c>
      <c r="B2709" s="22">
        <v>1.9747728109359741</v>
      </c>
      <c r="C2709" s="21">
        <v>223805.99983345365</v>
      </c>
      <c r="D2709">
        <f t="shared" si="42"/>
        <v>15</v>
      </c>
    </row>
    <row r="2710" spans="1:4" x14ac:dyDescent="0.25">
      <c r="A2710" s="20">
        <v>43668.666666660109</v>
      </c>
      <c r="B2710" s="22">
        <v>2.1715803146362305</v>
      </c>
      <c r="C2710" s="21">
        <v>246110.69224993745</v>
      </c>
      <c r="D2710">
        <f t="shared" si="42"/>
        <v>16</v>
      </c>
    </row>
    <row r="2711" spans="1:4" x14ac:dyDescent="0.25">
      <c r="A2711" s="20">
        <v>43668.708333326773</v>
      </c>
      <c r="B2711" s="22">
        <v>2.2912185192108154</v>
      </c>
      <c r="C2711" s="21">
        <v>259669.59271930507</v>
      </c>
      <c r="D2711">
        <f t="shared" si="42"/>
        <v>17</v>
      </c>
    </row>
    <row r="2712" spans="1:4" x14ac:dyDescent="0.25">
      <c r="A2712" s="20">
        <v>43668.749999993437</v>
      </c>
      <c r="B2712" s="22">
        <v>2.1713266372680664</v>
      </c>
      <c r="C2712" s="21">
        <v>246081.94235187187</v>
      </c>
      <c r="D2712">
        <f t="shared" si="42"/>
        <v>18</v>
      </c>
    </row>
    <row r="2713" spans="1:4" x14ac:dyDescent="0.25">
      <c r="A2713" s="20">
        <v>43668.791666660101</v>
      </c>
      <c r="B2713" s="22">
        <v>2.0771527290344238</v>
      </c>
      <c r="C2713" s="21">
        <v>235408.97502432155</v>
      </c>
      <c r="D2713">
        <f t="shared" si="42"/>
        <v>19</v>
      </c>
    </row>
    <row r="2714" spans="1:4" x14ac:dyDescent="0.25">
      <c r="A2714" s="20">
        <v>43668.833333326766</v>
      </c>
      <c r="B2714" s="22">
        <v>2.1156706809997559</v>
      </c>
      <c r="C2714" s="21">
        <v>239774.31199037604</v>
      </c>
      <c r="D2714">
        <f t="shared" si="42"/>
        <v>20</v>
      </c>
    </row>
    <row r="2715" spans="1:4" x14ac:dyDescent="0.25">
      <c r="A2715" s="20">
        <v>43668.87499999343</v>
      </c>
      <c r="B2715" s="22">
        <v>1.9307601451873779</v>
      </c>
      <c r="C2715" s="21">
        <v>218817.93304994781</v>
      </c>
      <c r="D2715">
        <f t="shared" si="42"/>
        <v>21</v>
      </c>
    </row>
    <row r="2716" spans="1:4" x14ac:dyDescent="0.25">
      <c r="A2716" s="20">
        <v>43668.916666660094</v>
      </c>
      <c r="B2716" s="22">
        <v>1.6093878746032715</v>
      </c>
      <c r="C2716" s="21">
        <v>182396.00039090277</v>
      </c>
      <c r="D2716">
        <f t="shared" si="42"/>
        <v>22</v>
      </c>
    </row>
    <row r="2717" spans="1:4" x14ac:dyDescent="0.25">
      <c r="A2717" s="20">
        <v>43668.958333326758</v>
      </c>
      <c r="B2717" s="22">
        <v>1.3855632543563843</v>
      </c>
      <c r="C2717" s="21">
        <v>157029.3897892735</v>
      </c>
      <c r="D2717">
        <f t="shared" si="42"/>
        <v>23</v>
      </c>
    </row>
    <row r="2718" spans="1:4" x14ac:dyDescent="0.25">
      <c r="A2718" s="20">
        <v>43668.999999993423</v>
      </c>
      <c r="B2718" s="22">
        <v>1.2290563583374023</v>
      </c>
      <c r="C2718" s="21">
        <v>139292.06722214897</v>
      </c>
      <c r="D2718">
        <f t="shared" si="42"/>
        <v>0</v>
      </c>
    </row>
    <row r="2719" spans="1:4" x14ac:dyDescent="0.25">
      <c r="A2719" s="20">
        <v>43669.041666660087</v>
      </c>
      <c r="B2719" s="22">
        <v>1.175143837928772</v>
      </c>
      <c r="C2719" s="21">
        <v>133182.02485840174</v>
      </c>
      <c r="D2719">
        <f t="shared" si="42"/>
        <v>1</v>
      </c>
    </row>
    <row r="2720" spans="1:4" x14ac:dyDescent="0.25">
      <c r="A2720" s="20">
        <v>43669.083333326751</v>
      </c>
      <c r="B2720" s="22">
        <v>0.98403346538543701</v>
      </c>
      <c r="C2720" s="21">
        <v>111523.00273254384</v>
      </c>
      <c r="D2720">
        <f t="shared" si="42"/>
        <v>2</v>
      </c>
    </row>
    <row r="2721" spans="1:4" x14ac:dyDescent="0.25">
      <c r="A2721" s="20">
        <v>43669.124999993415</v>
      </c>
      <c r="B2721" s="22">
        <v>0.93402338027954102</v>
      </c>
      <c r="C2721" s="21">
        <v>105855.23323678281</v>
      </c>
      <c r="D2721">
        <f t="shared" si="42"/>
        <v>3</v>
      </c>
    </row>
    <row r="2722" spans="1:4" x14ac:dyDescent="0.25">
      <c r="A2722" s="20">
        <v>43669.166666660079</v>
      </c>
      <c r="B2722" s="22">
        <v>0.88967603445053101</v>
      </c>
      <c r="C2722" s="21">
        <v>100829.23631285448</v>
      </c>
      <c r="D2722">
        <f t="shared" si="42"/>
        <v>4</v>
      </c>
    </row>
    <row r="2723" spans="1:4" x14ac:dyDescent="0.25">
      <c r="A2723" s="20">
        <v>43669.208333326744</v>
      </c>
      <c r="B2723" s="22">
        <v>0.98347342014312744</v>
      </c>
      <c r="C2723" s="21">
        <v>111459.53138803628</v>
      </c>
      <c r="D2723">
        <f t="shared" si="42"/>
        <v>5</v>
      </c>
    </row>
    <row r="2724" spans="1:4" x14ac:dyDescent="0.25">
      <c r="A2724" s="20">
        <v>43669.249999993408</v>
      </c>
      <c r="B2724" s="22">
        <v>1.0112193822860718</v>
      </c>
      <c r="C2724" s="21">
        <v>114604.0514889585</v>
      </c>
      <c r="D2724">
        <f t="shared" si="42"/>
        <v>6</v>
      </c>
    </row>
    <row r="2725" spans="1:4" x14ac:dyDescent="0.25">
      <c r="A2725" s="20">
        <v>43669.291666660072</v>
      </c>
      <c r="B2725" s="22">
        <v>1.1159036159515381</v>
      </c>
      <c r="C2725" s="21">
        <v>126468.18059411568</v>
      </c>
      <c r="D2725">
        <f t="shared" si="42"/>
        <v>7</v>
      </c>
    </row>
    <row r="2726" spans="1:4" x14ac:dyDescent="0.25">
      <c r="A2726" s="20">
        <v>43669.333333326736</v>
      </c>
      <c r="B2726" s="22">
        <v>1.2041009664535522</v>
      </c>
      <c r="C2726" s="21">
        <v>136463.80951023853</v>
      </c>
      <c r="D2726">
        <f t="shared" si="42"/>
        <v>8</v>
      </c>
    </row>
    <row r="2727" spans="1:4" x14ac:dyDescent="0.25">
      <c r="A2727" s="20">
        <v>43669.374999993401</v>
      </c>
      <c r="B2727" s="22">
        <v>1.0778864622116089</v>
      </c>
      <c r="C2727" s="21">
        <v>122159.60035821794</v>
      </c>
      <c r="D2727">
        <f t="shared" si="42"/>
        <v>9</v>
      </c>
    </row>
    <row r="2728" spans="1:4" x14ac:dyDescent="0.25">
      <c r="A2728" s="20">
        <v>43669.416666660065</v>
      </c>
      <c r="B2728" s="22">
        <v>1.2977656126022339</v>
      </c>
      <c r="C2728" s="21">
        <v>147079.06087701058</v>
      </c>
      <c r="D2728">
        <f t="shared" si="42"/>
        <v>10</v>
      </c>
    </row>
    <row r="2729" spans="1:4" x14ac:dyDescent="0.25">
      <c r="A2729" s="20">
        <v>43669.458333326729</v>
      </c>
      <c r="B2729" s="22">
        <v>1.3077170848846436</v>
      </c>
      <c r="C2729" s="21">
        <v>148206.88641301435</v>
      </c>
      <c r="D2729">
        <f t="shared" si="42"/>
        <v>11</v>
      </c>
    </row>
    <row r="2730" spans="1:4" x14ac:dyDescent="0.25">
      <c r="A2730" s="20">
        <v>43669.499999993393</v>
      </c>
      <c r="B2730" s="22">
        <v>1.3782657384872437</v>
      </c>
      <c r="C2730" s="21">
        <v>156202.34384943225</v>
      </c>
      <c r="D2730">
        <f t="shared" si="42"/>
        <v>12</v>
      </c>
    </row>
    <row r="2731" spans="1:4" x14ac:dyDescent="0.25">
      <c r="A2731" s="20">
        <v>43669.541666660058</v>
      </c>
      <c r="B2731" s="22">
        <v>1.5069470405578613</v>
      </c>
      <c r="C2731" s="21">
        <v>170786.12144161775</v>
      </c>
      <c r="D2731">
        <f t="shared" si="42"/>
        <v>13</v>
      </c>
    </row>
    <row r="2732" spans="1:4" x14ac:dyDescent="0.25">
      <c r="A2732" s="20">
        <v>43669.583333326722</v>
      </c>
      <c r="B2732" s="22">
        <v>1.7007993459701538</v>
      </c>
      <c r="C2732" s="21">
        <v>192755.89375798617</v>
      </c>
      <c r="D2732">
        <f t="shared" si="42"/>
        <v>14</v>
      </c>
    </row>
    <row r="2733" spans="1:4" x14ac:dyDescent="0.25">
      <c r="A2733" s="20">
        <v>43669.624999993386</v>
      </c>
      <c r="B2733" s="22">
        <v>1.7522590160369873</v>
      </c>
      <c r="C2733" s="21">
        <v>198587.94838555047</v>
      </c>
      <c r="D2733">
        <f t="shared" si="42"/>
        <v>15</v>
      </c>
    </row>
    <row r="2734" spans="1:4" x14ac:dyDescent="0.25">
      <c r="A2734" s="20">
        <v>43669.66666666005</v>
      </c>
      <c r="B2734" s="22">
        <v>1.9678077697753906</v>
      </c>
      <c r="C2734" s="21">
        <v>223016.63409366168</v>
      </c>
      <c r="D2734">
        <f t="shared" si="42"/>
        <v>16</v>
      </c>
    </row>
    <row r="2735" spans="1:4" x14ac:dyDescent="0.25">
      <c r="A2735" s="20">
        <v>43669.708333326715</v>
      </c>
      <c r="B2735" s="22">
        <v>2.0995149612426758</v>
      </c>
      <c r="C2735" s="21">
        <v>237943.34338819611</v>
      </c>
      <c r="D2735">
        <f t="shared" si="42"/>
        <v>17</v>
      </c>
    </row>
    <row r="2736" spans="1:4" x14ac:dyDescent="0.25">
      <c r="A2736" s="20">
        <v>43669.749999993379</v>
      </c>
      <c r="B2736" s="22">
        <v>2.0226109027862549</v>
      </c>
      <c r="C2736" s="21">
        <v>229227.61183731863</v>
      </c>
      <c r="D2736">
        <f t="shared" si="42"/>
        <v>18</v>
      </c>
    </row>
    <row r="2737" spans="1:4" x14ac:dyDescent="0.25">
      <c r="A2737" s="20">
        <v>43669.791666660043</v>
      </c>
      <c r="B2737" s="22">
        <v>1.9147628545761108</v>
      </c>
      <c r="C2737" s="21">
        <v>217004.91962376842</v>
      </c>
      <c r="D2737">
        <f t="shared" si="42"/>
        <v>19</v>
      </c>
    </row>
    <row r="2738" spans="1:4" x14ac:dyDescent="0.25">
      <c r="A2738" s="20">
        <v>43669.833333326707</v>
      </c>
      <c r="B2738" s="22">
        <v>1.7451484203338623</v>
      </c>
      <c r="C2738" s="21">
        <v>197782.08658112594</v>
      </c>
      <c r="D2738">
        <f t="shared" si="42"/>
        <v>20</v>
      </c>
    </row>
    <row r="2739" spans="1:4" x14ac:dyDescent="0.25">
      <c r="A2739" s="20">
        <v>43669.874999993372</v>
      </c>
      <c r="B2739" s="22">
        <v>1.6938865184783936</v>
      </c>
      <c r="C2739" s="21">
        <v>191972.44552540881</v>
      </c>
      <c r="D2739">
        <f t="shared" si="42"/>
        <v>21</v>
      </c>
    </row>
    <row r="2740" spans="1:4" x14ac:dyDescent="0.25">
      <c r="A2740" s="20">
        <v>43669.916666660036</v>
      </c>
      <c r="B2740" s="22">
        <v>1.528773307800293</v>
      </c>
      <c r="C2740" s="21">
        <v>173259.74753965449</v>
      </c>
      <c r="D2740">
        <f t="shared" si="42"/>
        <v>22</v>
      </c>
    </row>
    <row r="2741" spans="1:4" x14ac:dyDescent="0.25">
      <c r="A2741" s="20">
        <v>43669.9583333267</v>
      </c>
      <c r="B2741" s="22">
        <v>1.2334271669387817</v>
      </c>
      <c r="C2741" s="21">
        <v>139787.42202129101</v>
      </c>
      <c r="D2741">
        <f t="shared" si="42"/>
        <v>23</v>
      </c>
    </row>
    <row r="2742" spans="1:4" x14ac:dyDescent="0.25">
      <c r="A2742" s="20">
        <v>43669.999999993364</v>
      </c>
      <c r="B2742" s="22">
        <v>1.0326207876205444</v>
      </c>
      <c r="C2742" s="21">
        <v>117029.52691185156</v>
      </c>
      <c r="D2742">
        <f t="shared" si="42"/>
        <v>0</v>
      </c>
    </row>
    <row r="2743" spans="1:4" x14ac:dyDescent="0.25">
      <c r="A2743" s="20">
        <v>43670.041666660029</v>
      </c>
      <c r="B2743" s="22">
        <v>0.9102940559387207</v>
      </c>
      <c r="C2743" s="21">
        <v>103165.92886209251</v>
      </c>
      <c r="D2743">
        <f t="shared" si="42"/>
        <v>1</v>
      </c>
    </row>
    <row r="2744" spans="1:4" x14ac:dyDescent="0.25">
      <c r="A2744" s="20">
        <v>43670.083333326693</v>
      </c>
      <c r="B2744" s="22">
        <v>0.79631030559539795</v>
      </c>
      <c r="C2744" s="21">
        <v>90247.861999371657</v>
      </c>
      <c r="D2744">
        <f t="shared" si="42"/>
        <v>2</v>
      </c>
    </row>
    <row r="2745" spans="1:4" x14ac:dyDescent="0.25">
      <c r="A2745" s="20">
        <v>43670.124999993357</v>
      </c>
      <c r="B2745" s="22">
        <v>0.70709794759750366</v>
      </c>
      <c r="C2745" s="21">
        <v>80137.199715260402</v>
      </c>
      <c r="D2745">
        <f t="shared" si="42"/>
        <v>3</v>
      </c>
    </row>
    <row r="2746" spans="1:4" x14ac:dyDescent="0.25">
      <c r="A2746" s="20">
        <v>43670.166666660021</v>
      </c>
      <c r="B2746" s="22">
        <v>0.74488747119903564</v>
      </c>
      <c r="C2746" s="21">
        <v>84419.98205155466</v>
      </c>
      <c r="D2746">
        <f t="shared" si="42"/>
        <v>4</v>
      </c>
    </row>
    <row r="2747" spans="1:4" x14ac:dyDescent="0.25">
      <c r="A2747" s="20">
        <v>43670.208333326686</v>
      </c>
      <c r="B2747" s="22">
        <v>0.75852900743484497</v>
      </c>
      <c r="C2747" s="21">
        <v>85966.011873118056</v>
      </c>
      <c r="D2747">
        <f t="shared" si="42"/>
        <v>5</v>
      </c>
    </row>
    <row r="2748" spans="1:4" x14ac:dyDescent="0.25">
      <c r="A2748" s="20">
        <v>43670.24999999335</v>
      </c>
      <c r="B2748" s="22">
        <v>0.90137982368469238</v>
      </c>
      <c r="C2748" s="21">
        <v>102155.65636324498</v>
      </c>
      <c r="D2748">
        <f t="shared" si="42"/>
        <v>6</v>
      </c>
    </row>
    <row r="2749" spans="1:4" x14ac:dyDescent="0.25">
      <c r="A2749" s="20">
        <v>43670.291666660014</v>
      </c>
      <c r="B2749" s="22">
        <v>0.93427246809005737</v>
      </c>
      <c r="C2749" s="21">
        <v>105883.46298866627</v>
      </c>
      <c r="D2749">
        <f t="shared" si="42"/>
        <v>7</v>
      </c>
    </row>
    <row r="2750" spans="1:4" x14ac:dyDescent="0.25">
      <c r="A2750" s="20">
        <v>43670.333333326678</v>
      </c>
      <c r="B2750" s="22">
        <v>0.86134189367294312</v>
      </c>
      <c r="C2750" s="21">
        <v>97618.056438879867</v>
      </c>
      <c r="D2750">
        <f t="shared" si="42"/>
        <v>8</v>
      </c>
    </row>
    <row r="2751" spans="1:4" x14ac:dyDescent="0.25">
      <c r="A2751" s="20">
        <v>43670.374999993342</v>
      </c>
      <c r="B2751" s="22">
        <v>1.0473517179489136</v>
      </c>
      <c r="C2751" s="21">
        <v>118699.02052264064</v>
      </c>
      <c r="D2751">
        <f t="shared" si="42"/>
        <v>9</v>
      </c>
    </row>
    <row r="2752" spans="1:4" x14ac:dyDescent="0.25">
      <c r="A2752" s="20">
        <v>43670.416666660007</v>
      </c>
      <c r="B2752" s="22">
        <v>1.3249109983444214</v>
      </c>
      <c r="C2752" s="21">
        <v>150155.51613467414</v>
      </c>
      <c r="D2752">
        <f t="shared" si="42"/>
        <v>10</v>
      </c>
    </row>
    <row r="2753" spans="1:4" x14ac:dyDescent="0.25">
      <c r="A2753" s="20">
        <v>43670.458333326671</v>
      </c>
      <c r="B2753" s="22">
        <v>1.5428409576416016</v>
      </c>
      <c r="C2753" s="21">
        <v>174854.06989441122</v>
      </c>
      <c r="D2753">
        <f t="shared" si="42"/>
        <v>11</v>
      </c>
    </row>
    <row r="2754" spans="1:4" x14ac:dyDescent="0.25">
      <c r="A2754" s="20">
        <v>43670.499999993335</v>
      </c>
      <c r="B2754" s="22">
        <v>1.5297763347625732</v>
      </c>
      <c r="C2754" s="21">
        <v>173373.42312345325</v>
      </c>
      <c r="D2754">
        <f t="shared" si="42"/>
        <v>12</v>
      </c>
    </row>
    <row r="2755" spans="1:4" x14ac:dyDescent="0.25">
      <c r="A2755" s="20">
        <v>43670.541666659999</v>
      </c>
      <c r="B2755" s="22">
        <v>1.6326413154602051</v>
      </c>
      <c r="C2755" s="21">
        <v>185031.37168613923</v>
      </c>
      <c r="D2755">
        <f t="shared" si="42"/>
        <v>13</v>
      </c>
    </row>
    <row r="2756" spans="1:4" x14ac:dyDescent="0.25">
      <c r="A2756" s="20">
        <v>43670.583333326664</v>
      </c>
      <c r="B2756" s="22">
        <v>1.8067798614501953</v>
      </c>
      <c r="C2756" s="21">
        <v>204766.93376143518</v>
      </c>
      <c r="D2756">
        <f t="shared" si="42"/>
        <v>14</v>
      </c>
    </row>
    <row r="2757" spans="1:4" x14ac:dyDescent="0.25">
      <c r="A2757" s="20">
        <v>43670.624999993328</v>
      </c>
      <c r="B2757" s="22">
        <v>2.0262126922607422</v>
      </c>
      <c r="C2757" s="21">
        <v>229635.81175280418</v>
      </c>
      <c r="D2757">
        <f t="shared" si="42"/>
        <v>15</v>
      </c>
    </row>
    <row r="2758" spans="1:4" x14ac:dyDescent="0.25">
      <c r="A2758" s="20">
        <v>43670.666666659992</v>
      </c>
      <c r="B2758" s="22">
        <v>2.1270678043365479</v>
      </c>
      <c r="C2758" s="21">
        <v>241065.97681859846</v>
      </c>
      <c r="D2758">
        <f t="shared" si="42"/>
        <v>16</v>
      </c>
    </row>
    <row r="2759" spans="1:4" x14ac:dyDescent="0.25">
      <c r="A2759" s="20">
        <v>43670.708333326656</v>
      </c>
      <c r="B2759" s="22">
        <v>2.274301290512085</v>
      </c>
      <c r="C2759" s="21">
        <v>257752.32038176662</v>
      </c>
      <c r="D2759">
        <f t="shared" ref="D2759:D2822" si="43">HOUR(A2759)</f>
        <v>17</v>
      </c>
    </row>
    <row r="2760" spans="1:4" x14ac:dyDescent="0.25">
      <c r="A2760" s="20">
        <v>43670.749999993321</v>
      </c>
      <c r="B2760" s="22">
        <v>2.1908164024353027</v>
      </c>
      <c r="C2760" s="21">
        <v>248290.76675719934</v>
      </c>
      <c r="D2760">
        <f t="shared" si="43"/>
        <v>18</v>
      </c>
    </row>
    <row r="2761" spans="1:4" x14ac:dyDescent="0.25">
      <c r="A2761" s="20">
        <v>43670.791666659985</v>
      </c>
      <c r="B2761" s="22">
        <v>1.9622291326522827</v>
      </c>
      <c r="C2761" s="21">
        <v>222384.39303173748</v>
      </c>
      <c r="D2761">
        <f t="shared" si="43"/>
        <v>19</v>
      </c>
    </row>
    <row r="2762" spans="1:4" x14ac:dyDescent="0.25">
      <c r="A2762" s="20">
        <v>43670.833333326649</v>
      </c>
      <c r="B2762" s="22">
        <v>1.8470947742462158</v>
      </c>
      <c r="C2762" s="21">
        <v>209335.92484564779</v>
      </c>
      <c r="D2762">
        <f t="shared" si="43"/>
        <v>20</v>
      </c>
    </row>
    <row r="2763" spans="1:4" x14ac:dyDescent="0.25">
      <c r="A2763" s="20">
        <v>43670.874999993313</v>
      </c>
      <c r="B2763" s="22">
        <v>1.7541393041610718</v>
      </c>
      <c r="C2763" s="21">
        <v>198801.04619672918</v>
      </c>
      <c r="D2763">
        <f t="shared" si="43"/>
        <v>21</v>
      </c>
    </row>
    <row r="2764" spans="1:4" x14ac:dyDescent="0.25">
      <c r="A2764" s="20">
        <v>43670.916666659978</v>
      </c>
      <c r="B2764" s="22">
        <v>1.4013775587081909</v>
      </c>
      <c r="C2764" s="21">
        <v>158821.66491962085</v>
      </c>
      <c r="D2764">
        <f t="shared" si="43"/>
        <v>22</v>
      </c>
    </row>
    <row r="2765" spans="1:4" x14ac:dyDescent="0.25">
      <c r="A2765" s="20">
        <v>43670.958333326642</v>
      </c>
      <c r="B2765" s="22">
        <v>1.1171400547027588</v>
      </c>
      <c r="C2765" s="21">
        <v>126608.30932660446</v>
      </c>
      <c r="D2765">
        <f t="shared" si="43"/>
        <v>23</v>
      </c>
    </row>
    <row r="2766" spans="1:4" x14ac:dyDescent="0.25">
      <c r="A2766" s="20">
        <v>43670.999999993306</v>
      </c>
      <c r="B2766" s="22">
        <v>0.97942215204238892</v>
      </c>
      <c r="C2766" s="21">
        <v>111000.39092243032</v>
      </c>
      <c r="D2766">
        <f t="shared" si="43"/>
        <v>0</v>
      </c>
    </row>
    <row r="2767" spans="1:4" x14ac:dyDescent="0.25">
      <c r="A2767" s="20">
        <v>43671.04166665997</v>
      </c>
      <c r="B2767" s="22">
        <v>0.87736117839813232</v>
      </c>
      <c r="C2767" s="21">
        <v>99433.562513646248</v>
      </c>
      <c r="D2767">
        <f t="shared" si="43"/>
        <v>1</v>
      </c>
    </row>
    <row r="2768" spans="1:4" x14ac:dyDescent="0.25">
      <c r="A2768" s="20">
        <v>43671.083333326635</v>
      </c>
      <c r="B2768" s="22">
        <v>0.79198563098907471</v>
      </c>
      <c r="C2768" s="21">
        <v>89757.735682631566</v>
      </c>
      <c r="D2768">
        <f t="shared" si="43"/>
        <v>2</v>
      </c>
    </row>
    <row r="2769" spans="1:4" x14ac:dyDescent="0.25">
      <c r="A2769" s="20">
        <v>43671.124999993299</v>
      </c>
      <c r="B2769" s="22">
        <v>0.75499403476715088</v>
      </c>
      <c r="C2769" s="21">
        <v>85565.384475426559</v>
      </c>
      <c r="D2769">
        <f t="shared" si="43"/>
        <v>3</v>
      </c>
    </row>
    <row r="2770" spans="1:4" x14ac:dyDescent="0.25">
      <c r="A2770" s="20">
        <v>43671.166666659963</v>
      </c>
      <c r="B2770" s="22">
        <v>0.65726995468139648</v>
      </c>
      <c r="C2770" s="21">
        <v>74490.067188153116</v>
      </c>
      <c r="D2770">
        <f t="shared" si="43"/>
        <v>4</v>
      </c>
    </row>
    <row r="2771" spans="1:4" x14ac:dyDescent="0.25">
      <c r="A2771" s="20">
        <v>43671.208333326627</v>
      </c>
      <c r="B2771" s="22">
        <v>0.75603830814361572</v>
      </c>
      <c r="C2771" s="21">
        <v>85683.734619719049</v>
      </c>
      <c r="D2771">
        <f t="shared" si="43"/>
        <v>5</v>
      </c>
    </row>
    <row r="2772" spans="1:4" x14ac:dyDescent="0.25">
      <c r="A2772" s="20">
        <v>43671.249999993292</v>
      </c>
      <c r="B2772" s="22">
        <v>0.8196483850479126</v>
      </c>
      <c r="C2772" s="21">
        <v>92892.825600823606</v>
      </c>
      <c r="D2772">
        <f t="shared" si="43"/>
        <v>6</v>
      </c>
    </row>
    <row r="2773" spans="1:4" x14ac:dyDescent="0.25">
      <c r="A2773" s="20">
        <v>43671.291666659956</v>
      </c>
      <c r="B2773" s="22">
        <v>0.80150657892227173</v>
      </c>
      <c r="C2773" s="21">
        <v>90836.768804695603</v>
      </c>
      <c r="D2773">
        <f t="shared" si="43"/>
        <v>7</v>
      </c>
    </row>
    <row r="2774" spans="1:4" x14ac:dyDescent="0.25">
      <c r="A2774" s="20">
        <v>43671.33333332662</v>
      </c>
      <c r="B2774" s="22">
        <v>0.82126682996749878</v>
      </c>
      <c r="C2774" s="21">
        <v>93076.248059041318</v>
      </c>
      <c r="D2774">
        <f t="shared" si="43"/>
        <v>8</v>
      </c>
    </row>
    <row r="2775" spans="1:4" x14ac:dyDescent="0.25">
      <c r="A2775" s="20">
        <v>43671.374999993284</v>
      </c>
      <c r="B2775" s="22">
        <v>1.1146272420883179</v>
      </c>
      <c r="C2775" s="21">
        <v>126323.52591432804</v>
      </c>
      <c r="D2775">
        <f t="shared" si="43"/>
        <v>9</v>
      </c>
    </row>
    <row r="2776" spans="1:4" x14ac:dyDescent="0.25">
      <c r="A2776" s="20">
        <v>43671.416666659949</v>
      </c>
      <c r="B2776" s="22">
        <v>1.1765903234481812</v>
      </c>
      <c r="C2776" s="21">
        <v>133345.95872265348</v>
      </c>
      <c r="D2776">
        <f t="shared" si="43"/>
        <v>10</v>
      </c>
    </row>
    <row r="2777" spans="1:4" x14ac:dyDescent="0.25">
      <c r="A2777" s="20">
        <v>43671.458333326613</v>
      </c>
      <c r="B2777" s="22">
        <v>1.3680434226989746</v>
      </c>
      <c r="C2777" s="21">
        <v>155043.82293353888</v>
      </c>
      <c r="D2777">
        <f t="shared" si="43"/>
        <v>11</v>
      </c>
    </row>
    <row r="2778" spans="1:4" x14ac:dyDescent="0.25">
      <c r="A2778" s="20">
        <v>43671.499999993277</v>
      </c>
      <c r="B2778" s="22">
        <v>1.5384050607681274</v>
      </c>
      <c r="C2778" s="21">
        <v>174351.33847668656</v>
      </c>
      <c r="D2778">
        <f t="shared" si="43"/>
        <v>12</v>
      </c>
    </row>
    <row r="2779" spans="1:4" x14ac:dyDescent="0.25">
      <c r="A2779" s="20">
        <v>43671.541666659941</v>
      </c>
      <c r="B2779" s="22">
        <v>1.7585698366165161</v>
      </c>
      <c r="C2779" s="21">
        <v>199303.16965138383</v>
      </c>
      <c r="D2779">
        <f t="shared" si="43"/>
        <v>13</v>
      </c>
    </row>
    <row r="2780" spans="1:4" x14ac:dyDescent="0.25">
      <c r="A2780" s="20">
        <v>43671.583333326605</v>
      </c>
      <c r="B2780" s="22">
        <v>1.9210247993469238</v>
      </c>
      <c r="C2780" s="21">
        <v>217714.60167051962</v>
      </c>
      <c r="D2780">
        <f t="shared" si="43"/>
        <v>14</v>
      </c>
    </row>
    <row r="2781" spans="1:4" x14ac:dyDescent="0.25">
      <c r="A2781" s="20">
        <v>43671.62499999327</v>
      </c>
      <c r="B2781" s="22">
        <v>2.0562493801116943</v>
      </c>
      <c r="C2781" s="21">
        <v>233039.945594905</v>
      </c>
      <c r="D2781">
        <f t="shared" si="43"/>
        <v>15</v>
      </c>
    </row>
    <row r="2782" spans="1:4" x14ac:dyDescent="0.25">
      <c r="A2782" s="20">
        <v>43671.666666659934</v>
      </c>
      <c r="B2782" s="22">
        <v>2.0829992294311523</v>
      </c>
      <c r="C2782" s="21">
        <v>236071.5737088742</v>
      </c>
      <c r="D2782">
        <f t="shared" si="43"/>
        <v>16</v>
      </c>
    </row>
    <row r="2783" spans="1:4" x14ac:dyDescent="0.25">
      <c r="A2783" s="20">
        <v>43671.708333326598</v>
      </c>
      <c r="B2783" s="22">
        <v>2.3733327388763428</v>
      </c>
      <c r="C2783" s="21">
        <v>268975.80502434325</v>
      </c>
      <c r="D2783">
        <f t="shared" si="43"/>
        <v>17</v>
      </c>
    </row>
    <row r="2784" spans="1:4" x14ac:dyDescent="0.25">
      <c r="A2784" s="20">
        <v>43671.749999993262</v>
      </c>
      <c r="B2784" s="22">
        <v>2.4113051891326904</v>
      </c>
      <c r="C2784" s="21">
        <v>273279.31890132435</v>
      </c>
      <c r="D2784">
        <f t="shared" si="43"/>
        <v>18</v>
      </c>
    </row>
    <row r="2785" spans="1:4" x14ac:dyDescent="0.25">
      <c r="A2785" s="20">
        <v>43671.791666659927</v>
      </c>
      <c r="B2785" s="22">
        <v>2.0934903621673584</v>
      </c>
      <c r="C2785" s="21">
        <v>237260.56032971956</v>
      </c>
      <c r="D2785">
        <f t="shared" si="43"/>
        <v>19</v>
      </c>
    </row>
    <row r="2786" spans="1:4" x14ac:dyDescent="0.25">
      <c r="A2786" s="20">
        <v>43671.833333326591</v>
      </c>
      <c r="B2786" s="22">
        <v>2.0306870937347412</v>
      </c>
      <c r="C2786" s="21">
        <v>230142.90699434237</v>
      </c>
      <c r="D2786">
        <f t="shared" si="43"/>
        <v>20</v>
      </c>
    </row>
    <row r="2787" spans="1:4" x14ac:dyDescent="0.25">
      <c r="A2787" s="20">
        <v>43671.874999993255</v>
      </c>
      <c r="B2787" s="22">
        <v>1.834013819694519</v>
      </c>
      <c r="C2787" s="21">
        <v>207853.42716489892</v>
      </c>
      <c r="D2787">
        <f t="shared" si="43"/>
        <v>21</v>
      </c>
    </row>
    <row r="2788" spans="1:4" x14ac:dyDescent="0.25">
      <c r="A2788" s="20">
        <v>43671.916666659919</v>
      </c>
      <c r="B2788" s="22">
        <v>1.5710499286651611</v>
      </c>
      <c r="C2788" s="21">
        <v>178051.06396341926</v>
      </c>
      <c r="D2788">
        <f t="shared" si="43"/>
        <v>22</v>
      </c>
    </row>
    <row r="2789" spans="1:4" x14ac:dyDescent="0.25">
      <c r="A2789" s="20">
        <v>43671.958333326584</v>
      </c>
      <c r="B2789" s="22">
        <v>1.2582759857177734</v>
      </c>
      <c r="C2789" s="21">
        <v>142603.60153354422</v>
      </c>
      <c r="D2789">
        <f t="shared" si="43"/>
        <v>23</v>
      </c>
    </row>
    <row r="2790" spans="1:4" x14ac:dyDescent="0.25">
      <c r="A2790" s="20">
        <v>43671.999999993248</v>
      </c>
      <c r="B2790" s="22">
        <v>1.0777560472488403</v>
      </c>
      <c r="C2790" s="21">
        <v>122144.82010047181</v>
      </c>
      <c r="D2790">
        <f t="shared" si="43"/>
        <v>0</v>
      </c>
    </row>
    <row r="2791" spans="1:4" x14ac:dyDescent="0.25">
      <c r="A2791" s="20">
        <v>43672.041666659912</v>
      </c>
      <c r="B2791" s="22">
        <v>0.93019819259643555</v>
      </c>
      <c r="C2791" s="21">
        <v>105421.71503700456</v>
      </c>
      <c r="D2791">
        <f t="shared" si="43"/>
        <v>1</v>
      </c>
    </row>
    <row r="2792" spans="1:4" x14ac:dyDescent="0.25">
      <c r="A2792" s="20">
        <v>43672.083333326576</v>
      </c>
      <c r="B2792" s="22">
        <v>0.83788877725601196</v>
      </c>
      <c r="C2792" s="21">
        <v>94960.055407149106</v>
      </c>
      <c r="D2792">
        <f t="shared" si="43"/>
        <v>2</v>
      </c>
    </row>
    <row r="2793" spans="1:4" x14ac:dyDescent="0.25">
      <c r="A2793" s="20">
        <v>43672.124999993241</v>
      </c>
      <c r="B2793" s="22">
        <v>0.75725340843200684</v>
      </c>
      <c r="C2793" s="21">
        <v>85821.445010218289</v>
      </c>
      <c r="D2793">
        <f t="shared" si="43"/>
        <v>3</v>
      </c>
    </row>
    <row r="2794" spans="1:4" x14ac:dyDescent="0.25">
      <c r="A2794" s="20">
        <v>43672.166666659905</v>
      </c>
      <c r="B2794" s="22">
        <v>0.70562320947647095</v>
      </c>
      <c r="C2794" s="21">
        <v>79970.063912173355</v>
      </c>
      <c r="D2794">
        <f t="shared" si="43"/>
        <v>4</v>
      </c>
    </row>
    <row r="2795" spans="1:4" x14ac:dyDescent="0.25">
      <c r="A2795" s="20">
        <v>43672.208333326569</v>
      </c>
      <c r="B2795" s="22">
        <v>0.76874345541000366</v>
      </c>
      <c r="C2795" s="21">
        <v>87123.641109842079</v>
      </c>
      <c r="D2795">
        <f t="shared" si="43"/>
        <v>5</v>
      </c>
    </row>
    <row r="2796" spans="1:4" x14ac:dyDescent="0.25">
      <c r="A2796" s="20">
        <v>43672.249999993233</v>
      </c>
      <c r="B2796" s="22">
        <v>0.942901611328125</v>
      </c>
      <c r="C2796" s="21">
        <v>106861.42562791615</v>
      </c>
      <c r="D2796">
        <f t="shared" si="43"/>
        <v>6</v>
      </c>
    </row>
    <row r="2797" spans="1:4" x14ac:dyDescent="0.25">
      <c r="A2797" s="20">
        <v>43672.291666659898</v>
      </c>
      <c r="B2797" s="22">
        <v>1.0007867813110352</v>
      </c>
      <c r="C2797" s="21">
        <v>113421.6984207213</v>
      </c>
      <c r="D2797">
        <f t="shared" si="43"/>
        <v>7</v>
      </c>
    </row>
    <row r="2798" spans="1:4" x14ac:dyDescent="0.25">
      <c r="A2798" s="20">
        <v>43672.333333326562</v>
      </c>
      <c r="B2798" s="22">
        <v>0.93376988172531128</v>
      </c>
      <c r="C2798" s="21">
        <v>105826.50360415291</v>
      </c>
      <c r="D2798">
        <f t="shared" si="43"/>
        <v>8</v>
      </c>
    </row>
    <row r="2799" spans="1:4" x14ac:dyDescent="0.25">
      <c r="A2799" s="20">
        <v>43672.374999993226</v>
      </c>
      <c r="B2799" s="22">
        <v>1.1504278182983398</v>
      </c>
      <c r="C2799" s="21">
        <v>130380.89580970355</v>
      </c>
      <c r="D2799">
        <f t="shared" si="43"/>
        <v>9</v>
      </c>
    </row>
    <row r="2800" spans="1:4" x14ac:dyDescent="0.25">
      <c r="A2800" s="20">
        <v>43672.41666665989</v>
      </c>
      <c r="B2800" s="22">
        <v>1.2006584405899048</v>
      </c>
      <c r="C2800" s="21">
        <v>136073.65934278662</v>
      </c>
      <c r="D2800">
        <f t="shared" si="43"/>
        <v>10</v>
      </c>
    </row>
    <row r="2801" spans="1:4" x14ac:dyDescent="0.25">
      <c r="A2801" s="20">
        <v>43672.458333326555</v>
      </c>
      <c r="B2801" s="22">
        <v>1.597934365272522</v>
      </c>
      <c r="C2801" s="21">
        <v>181097.94519530016</v>
      </c>
      <c r="D2801">
        <f t="shared" si="43"/>
        <v>11</v>
      </c>
    </row>
    <row r="2802" spans="1:4" x14ac:dyDescent="0.25">
      <c r="A2802" s="20">
        <v>43672.499999993219</v>
      </c>
      <c r="B2802" s="22">
        <v>1.7484109401702881</v>
      </c>
      <c r="C2802" s="21">
        <v>198151.83621000688</v>
      </c>
      <c r="D2802">
        <f t="shared" si="43"/>
        <v>12</v>
      </c>
    </row>
    <row r="2803" spans="1:4" x14ac:dyDescent="0.25">
      <c r="A2803" s="20">
        <v>43672.541666659883</v>
      </c>
      <c r="B2803" s="22">
        <v>2.0457727909088135</v>
      </c>
      <c r="C2803" s="21">
        <v>231852.60722949382</v>
      </c>
      <c r="D2803">
        <f t="shared" si="43"/>
        <v>13</v>
      </c>
    </row>
    <row r="2804" spans="1:4" x14ac:dyDescent="0.25">
      <c r="A2804" s="20">
        <v>43672.583333326547</v>
      </c>
      <c r="B2804" s="22">
        <v>2.2776608467102051</v>
      </c>
      <c r="C2804" s="21">
        <v>258133.06738706928</v>
      </c>
      <c r="D2804">
        <f t="shared" si="43"/>
        <v>14</v>
      </c>
    </row>
    <row r="2805" spans="1:4" x14ac:dyDescent="0.25">
      <c r="A2805" s="20">
        <v>43672.624999993212</v>
      </c>
      <c r="B2805" s="22">
        <v>2.4074749946594238</v>
      </c>
      <c r="C2805" s="21">
        <v>272845.2332693474</v>
      </c>
      <c r="D2805">
        <f t="shared" si="43"/>
        <v>15</v>
      </c>
    </row>
    <row r="2806" spans="1:4" x14ac:dyDescent="0.25">
      <c r="A2806" s="20">
        <v>43672.666666659876</v>
      </c>
      <c r="B2806" s="22">
        <v>2.5292668342590332</v>
      </c>
      <c r="C2806" s="21">
        <v>286648.2106458827</v>
      </c>
      <c r="D2806">
        <f t="shared" si="43"/>
        <v>16</v>
      </c>
    </row>
    <row r="2807" spans="1:4" x14ac:dyDescent="0.25">
      <c r="A2807" s="20">
        <v>43672.70833332654</v>
      </c>
      <c r="B2807" s="22">
        <v>2.7079496383666992</v>
      </c>
      <c r="C2807" s="21">
        <v>306898.78499291721</v>
      </c>
      <c r="D2807">
        <f t="shared" si="43"/>
        <v>17</v>
      </c>
    </row>
    <row r="2808" spans="1:4" x14ac:dyDescent="0.25">
      <c r="A2808" s="20">
        <v>43672.749999993204</v>
      </c>
      <c r="B2808" s="22">
        <v>2.4649872779846191</v>
      </c>
      <c r="C2808" s="21">
        <v>279363.24587364268</v>
      </c>
      <c r="D2808">
        <f t="shared" si="43"/>
        <v>18</v>
      </c>
    </row>
    <row r="2809" spans="1:4" x14ac:dyDescent="0.25">
      <c r="A2809" s="20">
        <v>43672.791666659868</v>
      </c>
      <c r="B2809" s="22">
        <v>2.2421634197235107</v>
      </c>
      <c r="C2809" s="21">
        <v>254110.05416029372</v>
      </c>
      <c r="D2809">
        <f t="shared" si="43"/>
        <v>19</v>
      </c>
    </row>
    <row r="2810" spans="1:4" x14ac:dyDescent="0.25">
      <c r="A2810" s="20">
        <v>43672.833333326533</v>
      </c>
      <c r="B2810" s="22">
        <v>2.1476669311523438</v>
      </c>
      <c r="C2810" s="21">
        <v>243400.52798680103</v>
      </c>
      <c r="D2810">
        <f t="shared" si="43"/>
        <v>20</v>
      </c>
    </row>
    <row r="2811" spans="1:4" x14ac:dyDescent="0.25">
      <c r="A2811" s="20">
        <v>43672.874999993197</v>
      </c>
      <c r="B2811" s="22">
        <v>2.1332449913024902</v>
      </c>
      <c r="C2811" s="21">
        <v>241766.05304884372</v>
      </c>
      <c r="D2811">
        <f t="shared" si="43"/>
        <v>21</v>
      </c>
    </row>
    <row r="2812" spans="1:4" x14ac:dyDescent="0.25">
      <c r="A2812" s="20">
        <v>43672.916666659861</v>
      </c>
      <c r="B2812" s="22">
        <v>1.7856670618057251</v>
      </c>
      <c r="C2812" s="21">
        <v>202374.1667517079</v>
      </c>
      <c r="D2812">
        <f t="shared" si="43"/>
        <v>22</v>
      </c>
    </row>
    <row r="2813" spans="1:4" x14ac:dyDescent="0.25">
      <c r="A2813" s="20">
        <v>43672.958333326525</v>
      </c>
      <c r="B2813" s="22">
        <v>1.3954497575759888</v>
      </c>
      <c r="C2813" s="21">
        <v>158149.85221698516</v>
      </c>
      <c r="D2813">
        <f t="shared" si="43"/>
        <v>23</v>
      </c>
    </row>
    <row r="2814" spans="1:4" x14ac:dyDescent="0.25">
      <c r="A2814" s="20">
        <v>43672.99999999319</v>
      </c>
      <c r="B2814" s="22">
        <v>1.2180662155151367</v>
      </c>
      <c r="C2814" s="21">
        <v>138046.52652550358</v>
      </c>
      <c r="D2814">
        <f t="shared" si="43"/>
        <v>0</v>
      </c>
    </row>
    <row r="2815" spans="1:4" x14ac:dyDescent="0.25">
      <c r="A2815" s="20">
        <v>43673.041666659854</v>
      </c>
      <c r="B2815" s="22">
        <v>1.1852986812591553</v>
      </c>
      <c r="C2815" s="21">
        <v>134332.89894990361</v>
      </c>
      <c r="D2815">
        <f t="shared" si="43"/>
        <v>1</v>
      </c>
    </row>
    <row r="2816" spans="1:4" x14ac:dyDescent="0.25">
      <c r="A2816" s="20">
        <v>43673.083333326518</v>
      </c>
      <c r="B2816" s="22">
        <v>1.0075820684432983</v>
      </c>
      <c r="C2816" s="21">
        <v>114191.82550692052</v>
      </c>
      <c r="D2816">
        <f t="shared" si="43"/>
        <v>2</v>
      </c>
    </row>
    <row r="2817" spans="1:4" x14ac:dyDescent="0.25">
      <c r="A2817" s="20">
        <v>43673.124999993182</v>
      </c>
      <c r="B2817" s="22">
        <v>0.82007277011871338</v>
      </c>
      <c r="C2817" s="21">
        <v>92940.922234805505</v>
      </c>
      <c r="D2817">
        <f t="shared" si="43"/>
        <v>3</v>
      </c>
    </row>
    <row r="2818" spans="1:4" x14ac:dyDescent="0.25">
      <c r="A2818" s="20">
        <v>43673.166666659847</v>
      </c>
      <c r="B2818" s="22">
        <v>0.78871214389801025</v>
      </c>
      <c r="C2818" s="21">
        <v>89386.743107029746</v>
      </c>
      <c r="D2818">
        <f t="shared" si="43"/>
        <v>4</v>
      </c>
    </row>
    <row r="2819" spans="1:4" x14ac:dyDescent="0.25">
      <c r="A2819" s="20">
        <v>43673.208333326511</v>
      </c>
      <c r="B2819" s="22">
        <v>0.79654824733734131</v>
      </c>
      <c r="C2819" s="21">
        <v>90274.828539098584</v>
      </c>
      <c r="D2819">
        <f t="shared" si="43"/>
        <v>5</v>
      </c>
    </row>
    <row r="2820" spans="1:4" x14ac:dyDescent="0.25">
      <c r="A2820" s="20">
        <v>43673.249999993175</v>
      </c>
      <c r="B2820" s="22">
        <v>0.76764011383056641</v>
      </c>
      <c r="C2820" s="21">
        <v>86998.596616634415</v>
      </c>
      <c r="D2820">
        <f t="shared" si="43"/>
        <v>6</v>
      </c>
    </row>
    <row r="2821" spans="1:4" x14ac:dyDescent="0.25">
      <c r="A2821" s="20">
        <v>43673.291666659839</v>
      </c>
      <c r="B2821" s="22">
        <v>0.82740139961242676</v>
      </c>
      <c r="C2821" s="21">
        <v>93771.494360452736</v>
      </c>
      <c r="D2821">
        <f t="shared" si="43"/>
        <v>7</v>
      </c>
    </row>
    <row r="2822" spans="1:4" x14ac:dyDescent="0.25">
      <c r="A2822" s="20">
        <v>43673.333333326504</v>
      </c>
      <c r="B2822" s="22">
        <v>1.0450700521469116</v>
      </c>
      <c r="C2822" s="21">
        <v>118440.4335635358</v>
      </c>
      <c r="D2822">
        <f t="shared" si="43"/>
        <v>8</v>
      </c>
    </row>
    <row r="2823" spans="1:4" x14ac:dyDescent="0.25">
      <c r="A2823" s="20">
        <v>43673.374999993168</v>
      </c>
      <c r="B2823" s="22">
        <v>1.1442948579788208</v>
      </c>
      <c r="C2823" s="21">
        <v>129685.83189721315</v>
      </c>
      <c r="D2823">
        <f t="shared" ref="D2823:D2886" si="44">HOUR(A2823)</f>
        <v>9</v>
      </c>
    </row>
    <row r="2824" spans="1:4" x14ac:dyDescent="0.25">
      <c r="A2824" s="20">
        <v>43673.416666659832</v>
      </c>
      <c r="B2824" s="22">
        <v>1.4927881956100464</v>
      </c>
      <c r="C2824" s="21">
        <v>169181.46371467109</v>
      </c>
      <c r="D2824">
        <f t="shared" si="44"/>
        <v>10</v>
      </c>
    </row>
    <row r="2825" spans="1:4" x14ac:dyDescent="0.25">
      <c r="A2825" s="20">
        <v>43673.458333326496</v>
      </c>
      <c r="B2825" s="22">
        <v>1.743747353553772</v>
      </c>
      <c r="C2825" s="21">
        <v>197623.30013753352</v>
      </c>
      <c r="D2825">
        <f t="shared" si="44"/>
        <v>11</v>
      </c>
    </row>
    <row r="2826" spans="1:4" x14ac:dyDescent="0.25">
      <c r="A2826" s="20">
        <v>43673.499999993161</v>
      </c>
      <c r="B2826" s="22">
        <v>2.1511707305908203</v>
      </c>
      <c r="C2826" s="21">
        <v>243797.62244354136</v>
      </c>
      <c r="D2826">
        <f t="shared" si="44"/>
        <v>12</v>
      </c>
    </row>
    <row r="2827" spans="1:4" x14ac:dyDescent="0.25">
      <c r="A2827" s="20">
        <v>43673.541666659825</v>
      </c>
      <c r="B2827" s="22">
        <v>2.3573906421661377</v>
      </c>
      <c r="C2827" s="21">
        <v>267169.0468626396</v>
      </c>
      <c r="D2827">
        <f t="shared" si="44"/>
        <v>13</v>
      </c>
    </row>
    <row r="2828" spans="1:4" x14ac:dyDescent="0.25">
      <c r="A2828" s="20">
        <v>43673.583333326489</v>
      </c>
      <c r="B2828" s="22">
        <v>2.4950821399688721</v>
      </c>
      <c r="C2828" s="21">
        <v>282773.9727374803</v>
      </c>
      <c r="D2828">
        <f t="shared" si="44"/>
        <v>14</v>
      </c>
    </row>
    <row r="2829" spans="1:4" x14ac:dyDescent="0.25">
      <c r="A2829" s="20">
        <v>43673.624999993153</v>
      </c>
      <c r="B2829" s="22">
        <v>2.7165858745574951</v>
      </c>
      <c r="C2829" s="21">
        <v>307877.55149444856</v>
      </c>
      <c r="D2829">
        <f t="shared" si="44"/>
        <v>15</v>
      </c>
    </row>
    <row r="2830" spans="1:4" x14ac:dyDescent="0.25">
      <c r="A2830" s="20">
        <v>43673.666666659818</v>
      </c>
      <c r="B2830" s="22">
        <v>2.7240965366363525</v>
      </c>
      <c r="C2830" s="21">
        <v>308728.75383360428</v>
      </c>
      <c r="D2830">
        <f t="shared" si="44"/>
        <v>16</v>
      </c>
    </row>
    <row r="2831" spans="1:4" x14ac:dyDescent="0.25">
      <c r="A2831" s="20">
        <v>43673.708333326482</v>
      </c>
      <c r="B2831" s="22">
        <v>2.704681396484375</v>
      </c>
      <c r="C2831" s="21">
        <v>306528.38687009498</v>
      </c>
      <c r="D2831">
        <f t="shared" si="44"/>
        <v>17</v>
      </c>
    </row>
    <row r="2832" spans="1:4" x14ac:dyDescent="0.25">
      <c r="A2832" s="20">
        <v>43673.749999993146</v>
      </c>
      <c r="B2832" s="22">
        <v>2.4880712032318115</v>
      </c>
      <c r="C2832" s="21">
        <v>281979.40553586726</v>
      </c>
      <c r="D2832">
        <f t="shared" si="44"/>
        <v>18</v>
      </c>
    </row>
    <row r="2833" spans="1:4" x14ac:dyDescent="0.25">
      <c r="A2833" s="20">
        <v>43673.79166665981</v>
      </c>
      <c r="B2833" s="22">
        <v>2.4145922660827637</v>
      </c>
      <c r="C2833" s="21">
        <v>273651.85165003681</v>
      </c>
      <c r="D2833">
        <f t="shared" si="44"/>
        <v>19</v>
      </c>
    </row>
    <row r="2834" spans="1:4" x14ac:dyDescent="0.25">
      <c r="A2834" s="20">
        <v>43673.833333326475</v>
      </c>
      <c r="B2834" s="22">
        <v>2.1612474918365479</v>
      </c>
      <c r="C2834" s="21">
        <v>244939.64729480215</v>
      </c>
      <c r="D2834">
        <f t="shared" si="44"/>
        <v>20</v>
      </c>
    </row>
    <row r="2835" spans="1:4" x14ac:dyDescent="0.25">
      <c r="A2835" s="20">
        <v>43673.874999993139</v>
      </c>
      <c r="B2835" s="22">
        <v>1.9698269367218018</v>
      </c>
      <c r="C2835" s="21">
        <v>223245.47139320802</v>
      </c>
      <c r="D2835">
        <f t="shared" si="44"/>
        <v>21</v>
      </c>
    </row>
    <row r="2836" spans="1:4" x14ac:dyDescent="0.25">
      <c r="A2836" s="20">
        <v>43673.916666659803</v>
      </c>
      <c r="B2836" s="22">
        <v>1.8964841365814209</v>
      </c>
      <c r="C2836" s="21">
        <v>214933.34625906506</v>
      </c>
      <c r="D2836">
        <f t="shared" si="44"/>
        <v>22</v>
      </c>
    </row>
    <row r="2837" spans="1:4" x14ac:dyDescent="0.25">
      <c r="A2837" s="20">
        <v>43673.958333326467</v>
      </c>
      <c r="B2837" s="22">
        <v>1.5795470476150513</v>
      </c>
      <c r="C2837" s="21">
        <v>179014.06395600201</v>
      </c>
      <c r="D2837">
        <f t="shared" si="44"/>
        <v>23</v>
      </c>
    </row>
    <row r="2838" spans="1:4" x14ac:dyDescent="0.25">
      <c r="A2838" s="20">
        <v>43673.999999993131</v>
      </c>
      <c r="B2838" s="22">
        <v>1.3315483331680298</v>
      </c>
      <c r="C2838" s="21">
        <v>150907.74208603459</v>
      </c>
      <c r="D2838">
        <f t="shared" si="44"/>
        <v>0</v>
      </c>
    </row>
    <row r="2839" spans="1:4" x14ac:dyDescent="0.25">
      <c r="A2839" s="20">
        <v>43674.041666659796</v>
      </c>
      <c r="B2839" s="22">
        <v>1.0669749975204468</v>
      </c>
      <c r="C2839" s="21">
        <v>120922.97645326579</v>
      </c>
      <c r="D2839">
        <f t="shared" si="44"/>
        <v>1</v>
      </c>
    </row>
    <row r="2840" spans="1:4" x14ac:dyDescent="0.25">
      <c r="A2840" s="20">
        <v>43674.08333332646</v>
      </c>
      <c r="B2840" s="22">
        <v>0.97872620820999146</v>
      </c>
      <c r="C2840" s="21">
        <v>110921.5178468162</v>
      </c>
      <c r="D2840">
        <f t="shared" si="44"/>
        <v>2</v>
      </c>
    </row>
    <row r="2841" spans="1:4" x14ac:dyDescent="0.25">
      <c r="A2841" s="20">
        <v>43674.124999993124</v>
      </c>
      <c r="B2841" s="22">
        <v>0.88295447826385498</v>
      </c>
      <c r="C2841" s="21">
        <v>100067.46534129509</v>
      </c>
      <c r="D2841">
        <f t="shared" si="44"/>
        <v>3</v>
      </c>
    </row>
    <row r="2842" spans="1:4" x14ac:dyDescent="0.25">
      <c r="A2842" s="20">
        <v>43674.166666659788</v>
      </c>
      <c r="B2842" s="22">
        <v>0.79490774869918823</v>
      </c>
      <c r="C2842" s="21">
        <v>90088.906677148669</v>
      </c>
      <c r="D2842">
        <f t="shared" si="44"/>
        <v>4</v>
      </c>
    </row>
    <row r="2843" spans="1:4" x14ac:dyDescent="0.25">
      <c r="A2843" s="20">
        <v>43674.208333326453</v>
      </c>
      <c r="B2843" s="22">
        <v>0.75998818874359131</v>
      </c>
      <c r="C2843" s="21">
        <v>86131.384583302119</v>
      </c>
      <c r="D2843">
        <f t="shared" si="44"/>
        <v>5</v>
      </c>
    </row>
    <row r="2844" spans="1:4" x14ac:dyDescent="0.25">
      <c r="A2844" s="20">
        <v>43674.249999993117</v>
      </c>
      <c r="B2844" s="22">
        <v>0.80164593458175659</v>
      </c>
      <c r="C2844" s="21">
        <v>90852.562334225047</v>
      </c>
      <c r="D2844">
        <f t="shared" si="44"/>
        <v>6</v>
      </c>
    </row>
    <row r="2845" spans="1:4" x14ac:dyDescent="0.25">
      <c r="A2845" s="20">
        <v>43674.291666659781</v>
      </c>
      <c r="B2845" s="22">
        <v>0.92869681119918823</v>
      </c>
      <c r="C2845" s="21">
        <v>105251.55968400319</v>
      </c>
      <c r="D2845">
        <f t="shared" si="44"/>
        <v>7</v>
      </c>
    </row>
    <row r="2846" spans="1:4" x14ac:dyDescent="0.25">
      <c r="A2846" s="20">
        <v>43674.333333326445</v>
      </c>
      <c r="B2846" s="22">
        <v>1.2479645013809204</v>
      </c>
      <c r="C2846" s="21">
        <v>141434.9749203985</v>
      </c>
      <c r="D2846">
        <f t="shared" si="44"/>
        <v>8</v>
      </c>
    </row>
    <row r="2847" spans="1:4" x14ac:dyDescent="0.25">
      <c r="A2847" s="20">
        <v>43674.37499999311</v>
      </c>
      <c r="B2847" s="22">
        <v>1.5863355398178101</v>
      </c>
      <c r="C2847" s="21">
        <v>179783.42095564588</v>
      </c>
      <c r="D2847">
        <f t="shared" si="44"/>
        <v>9</v>
      </c>
    </row>
    <row r="2848" spans="1:4" x14ac:dyDescent="0.25">
      <c r="A2848" s="20">
        <v>43674.416666659774</v>
      </c>
      <c r="B2848" s="22">
        <v>1.6683361530303955</v>
      </c>
      <c r="C2848" s="21">
        <v>189076.75795389063</v>
      </c>
      <c r="D2848">
        <f t="shared" si="44"/>
        <v>10</v>
      </c>
    </row>
    <row r="2849" spans="1:4" x14ac:dyDescent="0.25">
      <c r="A2849" s="20">
        <v>43674.458333326438</v>
      </c>
      <c r="B2849" s="22">
        <v>1.8900506496429443</v>
      </c>
      <c r="C2849" s="21">
        <v>214204.22290436446</v>
      </c>
      <c r="D2849">
        <f t="shared" si="44"/>
        <v>11</v>
      </c>
    </row>
    <row r="2850" spans="1:4" x14ac:dyDescent="0.25">
      <c r="A2850" s="20">
        <v>43674.499999993102</v>
      </c>
      <c r="B2850" s="22">
        <v>2.1806802749633789</v>
      </c>
      <c r="C2850" s="21">
        <v>247142.01378129725</v>
      </c>
      <c r="D2850">
        <f t="shared" si="44"/>
        <v>12</v>
      </c>
    </row>
    <row r="2851" spans="1:4" x14ac:dyDescent="0.25">
      <c r="A2851" s="20">
        <v>43674.541666659767</v>
      </c>
      <c r="B2851" s="22">
        <v>2.4958362579345703</v>
      </c>
      <c r="C2851" s="21">
        <v>282859.43883483123</v>
      </c>
      <c r="D2851">
        <f t="shared" si="44"/>
        <v>13</v>
      </c>
    </row>
    <row r="2852" spans="1:4" x14ac:dyDescent="0.25">
      <c r="A2852" s="20">
        <v>43674.583333326431</v>
      </c>
      <c r="B2852" s="22">
        <v>2.7801153659820557</v>
      </c>
      <c r="C2852" s="21">
        <v>315077.50951921276</v>
      </c>
      <c r="D2852">
        <f t="shared" si="44"/>
        <v>14</v>
      </c>
    </row>
    <row r="2853" spans="1:4" x14ac:dyDescent="0.25">
      <c r="A2853" s="20">
        <v>43674.624999993095</v>
      </c>
      <c r="B2853" s="22">
        <v>2.7686502933502197</v>
      </c>
      <c r="C2853" s="21">
        <v>313778.143825437</v>
      </c>
      <c r="D2853">
        <f t="shared" si="44"/>
        <v>15</v>
      </c>
    </row>
    <row r="2854" spans="1:4" x14ac:dyDescent="0.25">
      <c r="A2854" s="20">
        <v>43674.666666659759</v>
      </c>
      <c r="B2854" s="22">
        <v>2.7553889751434326</v>
      </c>
      <c r="C2854" s="21">
        <v>312275.20507524593</v>
      </c>
      <c r="D2854">
        <f t="shared" si="44"/>
        <v>16</v>
      </c>
    </row>
    <row r="2855" spans="1:4" x14ac:dyDescent="0.25">
      <c r="A2855" s="20">
        <v>43674.708333326424</v>
      </c>
      <c r="B2855" s="22">
        <v>2.8001017570495605</v>
      </c>
      <c r="C2855" s="21">
        <v>317342.61779453134</v>
      </c>
      <c r="D2855">
        <f t="shared" si="44"/>
        <v>17</v>
      </c>
    </row>
    <row r="2856" spans="1:4" x14ac:dyDescent="0.25">
      <c r="A2856" s="20">
        <v>43674.749999993088</v>
      </c>
      <c r="B2856" s="22">
        <v>2.6259109973907471</v>
      </c>
      <c r="C2856" s="21">
        <v>297601.1382120208</v>
      </c>
      <c r="D2856">
        <f t="shared" si="44"/>
        <v>18</v>
      </c>
    </row>
    <row r="2857" spans="1:4" x14ac:dyDescent="0.25">
      <c r="A2857" s="20">
        <v>43674.791666659752</v>
      </c>
      <c r="B2857" s="22">
        <v>2.4079489707946777</v>
      </c>
      <c r="C2857" s="21">
        <v>272898.95018415415</v>
      </c>
      <c r="D2857">
        <f t="shared" si="44"/>
        <v>19</v>
      </c>
    </row>
    <row r="2858" spans="1:4" x14ac:dyDescent="0.25">
      <c r="A2858" s="20">
        <v>43674.833333326416</v>
      </c>
      <c r="B2858" s="22">
        <v>2.5078356266021729</v>
      </c>
      <c r="C2858" s="21">
        <v>284219.35765037854</v>
      </c>
      <c r="D2858">
        <f t="shared" si="44"/>
        <v>20</v>
      </c>
    </row>
    <row r="2859" spans="1:4" x14ac:dyDescent="0.25">
      <c r="A2859" s="20">
        <v>43674.874999993081</v>
      </c>
      <c r="B2859" s="22">
        <v>2.3380889892578125</v>
      </c>
      <c r="C2859" s="21">
        <v>264981.54169563326</v>
      </c>
      <c r="D2859">
        <f t="shared" si="44"/>
        <v>21</v>
      </c>
    </row>
    <row r="2860" spans="1:4" x14ac:dyDescent="0.25">
      <c r="A2860" s="20">
        <v>43674.916666659745</v>
      </c>
      <c r="B2860" s="22">
        <v>2.0615620613098145</v>
      </c>
      <c r="C2860" s="21">
        <v>233642.04519884783</v>
      </c>
      <c r="D2860">
        <f t="shared" si="44"/>
        <v>22</v>
      </c>
    </row>
    <row r="2861" spans="1:4" x14ac:dyDescent="0.25">
      <c r="A2861" s="20">
        <v>43674.958333326409</v>
      </c>
      <c r="B2861" s="22">
        <v>1.6877778768539429</v>
      </c>
      <c r="C2861" s="21">
        <v>191280.13771216903</v>
      </c>
      <c r="D2861">
        <f t="shared" si="44"/>
        <v>23</v>
      </c>
    </row>
    <row r="2862" spans="1:4" x14ac:dyDescent="0.25">
      <c r="A2862" s="20">
        <v>43674.999999993073</v>
      </c>
      <c r="B2862" s="22">
        <v>1.4872689247131348</v>
      </c>
      <c r="C2862" s="21">
        <v>168555.95077738824</v>
      </c>
      <c r="D2862">
        <f t="shared" si="44"/>
        <v>0</v>
      </c>
    </row>
    <row r="2863" spans="1:4" x14ac:dyDescent="0.25">
      <c r="A2863" s="20">
        <v>43675.041666659738</v>
      </c>
      <c r="B2863" s="22">
        <v>1.2154209613800049</v>
      </c>
      <c r="C2863" s="21">
        <v>137746.73318054347</v>
      </c>
      <c r="D2863">
        <f t="shared" si="44"/>
        <v>1</v>
      </c>
    </row>
    <row r="2864" spans="1:4" x14ac:dyDescent="0.25">
      <c r="A2864" s="20">
        <v>43675.083333326402</v>
      </c>
      <c r="B2864" s="22">
        <v>1.119195818901062</v>
      </c>
      <c r="C2864" s="21">
        <v>126841.29428531727</v>
      </c>
      <c r="D2864">
        <f t="shared" si="44"/>
        <v>2</v>
      </c>
    </row>
    <row r="2865" spans="1:4" x14ac:dyDescent="0.25">
      <c r="A2865" s="20">
        <v>43675.124999993066</v>
      </c>
      <c r="B2865" s="22">
        <v>1.0085281133651733</v>
      </c>
      <c r="C2865" s="21">
        <v>114299.04317188686</v>
      </c>
      <c r="D2865">
        <f t="shared" si="44"/>
        <v>3</v>
      </c>
    </row>
    <row r="2866" spans="1:4" x14ac:dyDescent="0.25">
      <c r="A2866" s="20">
        <v>43675.16666665973</v>
      </c>
      <c r="B2866" s="22">
        <v>0.959708571434021</v>
      </c>
      <c r="C2866" s="21">
        <v>108766.20094679356</v>
      </c>
      <c r="D2866">
        <f t="shared" si="44"/>
        <v>4</v>
      </c>
    </row>
    <row r="2867" spans="1:4" x14ac:dyDescent="0.25">
      <c r="A2867" s="20">
        <v>43675.208333326394</v>
      </c>
      <c r="B2867" s="22">
        <v>0.96175688505172729</v>
      </c>
      <c r="C2867" s="21">
        <v>108998.34151235358</v>
      </c>
      <c r="D2867">
        <f t="shared" si="44"/>
        <v>5</v>
      </c>
    </row>
    <row r="2868" spans="1:4" x14ac:dyDescent="0.25">
      <c r="A2868" s="20">
        <v>43675.249999993059</v>
      </c>
      <c r="B2868" s="22">
        <v>1.0785109996795654</v>
      </c>
      <c r="C2868" s="21">
        <v>122230.38076985588</v>
      </c>
      <c r="D2868">
        <f t="shared" si="44"/>
        <v>6</v>
      </c>
    </row>
    <row r="2869" spans="1:4" x14ac:dyDescent="0.25">
      <c r="A2869" s="20">
        <v>43675.291666659723</v>
      </c>
      <c r="B2869" s="22">
        <v>1.0621709823608398</v>
      </c>
      <c r="C2869" s="21">
        <v>120378.52525864898</v>
      </c>
      <c r="D2869">
        <f t="shared" si="44"/>
        <v>7</v>
      </c>
    </row>
    <row r="2870" spans="1:4" x14ac:dyDescent="0.25">
      <c r="A2870" s="20">
        <v>43675.333333326387</v>
      </c>
      <c r="B2870" s="22">
        <v>1.3272714614868164</v>
      </c>
      <c r="C2870" s="21">
        <v>150423.0333957627</v>
      </c>
      <c r="D2870">
        <f t="shared" si="44"/>
        <v>8</v>
      </c>
    </row>
    <row r="2871" spans="1:4" x14ac:dyDescent="0.25">
      <c r="A2871" s="20">
        <v>43675.374999993051</v>
      </c>
      <c r="B2871" s="22">
        <v>1.4656436443328857</v>
      </c>
      <c r="C2871" s="21">
        <v>166105.10302904065</v>
      </c>
      <c r="D2871">
        <f t="shared" si="44"/>
        <v>9</v>
      </c>
    </row>
    <row r="2872" spans="1:4" x14ac:dyDescent="0.25">
      <c r="A2872" s="20">
        <v>43675.416666659716</v>
      </c>
      <c r="B2872" s="22">
        <v>1.7819527387619019</v>
      </c>
      <c r="C2872" s="21">
        <v>201953.21312204286</v>
      </c>
      <c r="D2872">
        <f t="shared" si="44"/>
        <v>10</v>
      </c>
    </row>
    <row r="2873" spans="1:4" x14ac:dyDescent="0.25">
      <c r="A2873" s="20">
        <v>43675.45833332638</v>
      </c>
      <c r="B2873" s="22">
        <v>2.1191070079803467</v>
      </c>
      <c r="C2873" s="21">
        <v>240163.75962272484</v>
      </c>
      <c r="D2873">
        <f t="shared" si="44"/>
        <v>11</v>
      </c>
    </row>
    <row r="2874" spans="1:4" x14ac:dyDescent="0.25">
      <c r="A2874" s="20">
        <v>43675.499999993044</v>
      </c>
      <c r="B2874" s="22">
        <v>2.3292632102966309</v>
      </c>
      <c r="C2874" s="21">
        <v>263981.29383229546</v>
      </c>
      <c r="D2874">
        <f t="shared" si="44"/>
        <v>12</v>
      </c>
    </row>
    <row r="2875" spans="1:4" x14ac:dyDescent="0.25">
      <c r="A2875" s="20">
        <v>43675.541666659708</v>
      </c>
      <c r="B2875" s="22">
        <v>2.4308247566223145</v>
      </c>
      <c r="C2875" s="21">
        <v>275491.52087926294</v>
      </c>
      <c r="D2875">
        <f t="shared" si="44"/>
        <v>13</v>
      </c>
    </row>
    <row r="2876" spans="1:4" x14ac:dyDescent="0.25">
      <c r="A2876" s="20">
        <v>43675.583333326373</v>
      </c>
      <c r="B2876" s="22">
        <v>2.8594479560852051</v>
      </c>
      <c r="C2876" s="21">
        <v>324068.47270702245</v>
      </c>
      <c r="D2876">
        <f t="shared" si="44"/>
        <v>14</v>
      </c>
    </row>
    <row r="2877" spans="1:4" x14ac:dyDescent="0.25">
      <c r="A2877" s="20">
        <v>43675.624999993037</v>
      </c>
      <c r="B2877" s="22">
        <v>2.8642725944519043</v>
      </c>
      <c r="C2877" s="21">
        <v>324615.26118188613</v>
      </c>
      <c r="D2877">
        <f t="shared" si="44"/>
        <v>15</v>
      </c>
    </row>
    <row r="2878" spans="1:4" x14ac:dyDescent="0.25">
      <c r="A2878" s="20">
        <v>43675.666666659701</v>
      </c>
      <c r="B2878" s="22">
        <v>2.985508918762207</v>
      </c>
      <c r="C2878" s="21">
        <v>338355.28060495073</v>
      </c>
      <c r="D2878">
        <f t="shared" si="44"/>
        <v>16</v>
      </c>
    </row>
    <row r="2879" spans="1:4" x14ac:dyDescent="0.25">
      <c r="A2879" s="20">
        <v>43675.708333326365</v>
      </c>
      <c r="B2879" s="22">
        <v>2.9540355205535889</v>
      </c>
      <c r="C2879" s="21">
        <v>334788.32074241462</v>
      </c>
      <c r="D2879">
        <f t="shared" si="44"/>
        <v>17</v>
      </c>
    </row>
    <row r="2880" spans="1:4" x14ac:dyDescent="0.25">
      <c r="A2880" s="20">
        <v>43675.74999999303</v>
      </c>
      <c r="B2880" s="22">
        <v>2.890587329864502</v>
      </c>
      <c r="C2880" s="21">
        <v>327597.57673573348</v>
      </c>
      <c r="D2880">
        <f t="shared" si="44"/>
        <v>18</v>
      </c>
    </row>
    <row r="2881" spans="1:4" x14ac:dyDescent="0.25">
      <c r="A2881" s="20">
        <v>43675.791666659694</v>
      </c>
      <c r="B2881" s="22">
        <v>2.6453428268432617</v>
      </c>
      <c r="C2881" s="21">
        <v>299803.3966161923</v>
      </c>
      <c r="D2881">
        <f t="shared" si="44"/>
        <v>19</v>
      </c>
    </row>
    <row r="2882" spans="1:4" x14ac:dyDescent="0.25">
      <c r="A2882" s="20">
        <v>43675.833333326358</v>
      </c>
      <c r="B2882" s="22">
        <v>2.3703489303588867</v>
      </c>
      <c r="C2882" s="21">
        <v>268637.64245452121</v>
      </c>
      <c r="D2882">
        <f t="shared" si="44"/>
        <v>20</v>
      </c>
    </row>
    <row r="2883" spans="1:4" x14ac:dyDescent="0.25">
      <c r="A2883" s="20">
        <v>43675.874999993022</v>
      </c>
      <c r="B2883" s="22">
        <v>2.3266658782958984</v>
      </c>
      <c r="C2883" s="21">
        <v>263686.93162409397</v>
      </c>
      <c r="D2883">
        <f t="shared" si="44"/>
        <v>21</v>
      </c>
    </row>
    <row r="2884" spans="1:4" x14ac:dyDescent="0.25">
      <c r="A2884" s="20">
        <v>43675.916666659687</v>
      </c>
      <c r="B2884" s="22">
        <v>2.1647274494171143</v>
      </c>
      <c r="C2884" s="21">
        <v>245334.03969345358</v>
      </c>
      <c r="D2884">
        <f t="shared" si="44"/>
        <v>22</v>
      </c>
    </row>
    <row r="2885" spans="1:4" x14ac:dyDescent="0.25">
      <c r="A2885" s="20">
        <v>43675.958333326351</v>
      </c>
      <c r="B2885" s="22">
        <v>1.8493844270706177</v>
      </c>
      <c r="C2885" s="21">
        <v>209595.41699421237</v>
      </c>
      <c r="D2885">
        <f t="shared" si="44"/>
        <v>23</v>
      </c>
    </row>
    <row r="2886" spans="1:4" x14ac:dyDescent="0.25">
      <c r="A2886" s="20">
        <v>43675.999999993015</v>
      </c>
      <c r="B2886" s="22">
        <v>1.4715226888656616</v>
      </c>
      <c r="C2886" s="21">
        <v>166771.39002288459</v>
      </c>
      <c r="D2886">
        <f t="shared" si="44"/>
        <v>0</v>
      </c>
    </row>
    <row r="2887" spans="1:4" x14ac:dyDescent="0.25">
      <c r="A2887" s="20">
        <v>43676.041666659679</v>
      </c>
      <c r="B2887" s="22">
        <v>1.2860631942749023</v>
      </c>
      <c r="C2887" s="21">
        <v>145752.79619496019</v>
      </c>
      <c r="D2887">
        <f t="shared" ref="D2887:D2950" si="45">HOUR(A2887)</f>
        <v>1</v>
      </c>
    </row>
    <row r="2888" spans="1:4" x14ac:dyDescent="0.25">
      <c r="A2888" s="20">
        <v>43676.083333326344</v>
      </c>
      <c r="B2888" s="22">
        <v>1.192308783531189</v>
      </c>
      <c r="C2888" s="21">
        <v>135127.37157948353</v>
      </c>
      <c r="D2888">
        <f t="shared" si="45"/>
        <v>2</v>
      </c>
    </row>
    <row r="2889" spans="1:4" x14ac:dyDescent="0.25">
      <c r="A2889" s="20">
        <v>43676.124999993008</v>
      </c>
      <c r="B2889" s="22">
        <v>1.1599706411361694</v>
      </c>
      <c r="C2889" s="21">
        <v>131462.40807006415</v>
      </c>
      <c r="D2889">
        <f t="shared" si="45"/>
        <v>3</v>
      </c>
    </row>
    <row r="2890" spans="1:4" x14ac:dyDescent="0.25">
      <c r="A2890" s="20">
        <v>43676.166666659672</v>
      </c>
      <c r="B2890" s="22">
        <v>0.98436009883880615</v>
      </c>
      <c r="C2890" s="21">
        <v>111560.02092836135</v>
      </c>
      <c r="D2890">
        <f t="shared" si="45"/>
        <v>4</v>
      </c>
    </row>
    <row r="2891" spans="1:4" x14ac:dyDescent="0.25">
      <c r="A2891" s="20">
        <v>43676.208333326336</v>
      </c>
      <c r="B2891" s="22">
        <v>0.98141658306121826</v>
      </c>
      <c r="C2891" s="21">
        <v>111226.42483670948</v>
      </c>
      <c r="D2891">
        <f t="shared" si="45"/>
        <v>5</v>
      </c>
    </row>
    <row r="2892" spans="1:4" x14ac:dyDescent="0.25">
      <c r="A2892" s="20">
        <v>43676.249999993001</v>
      </c>
      <c r="B2892" s="22">
        <v>1.1843466758728027</v>
      </c>
      <c r="C2892" s="21">
        <v>134225.00577041504</v>
      </c>
      <c r="D2892">
        <f t="shared" si="45"/>
        <v>6</v>
      </c>
    </row>
    <row r="2893" spans="1:4" x14ac:dyDescent="0.25">
      <c r="A2893" s="20">
        <v>43676.291666659665</v>
      </c>
      <c r="B2893" s="22">
        <v>1.1731832027435303</v>
      </c>
      <c r="C2893" s="21">
        <v>132959.82111146353</v>
      </c>
      <c r="D2893">
        <f t="shared" si="45"/>
        <v>7</v>
      </c>
    </row>
    <row r="2894" spans="1:4" x14ac:dyDescent="0.25">
      <c r="A2894" s="20">
        <v>43676.333333326329</v>
      </c>
      <c r="B2894" s="22">
        <v>1.2199704647064209</v>
      </c>
      <c r="C2894" s="21">
        <v>138262.33990506158</v>
      </c>
      <c r="D2894">
        <f t="shared" si="45"/>
        <v>8</v>
      </c>
    </row>
    <row r="2895" spans="1:4" x14ac:dyDescent="0.25">
      <c r="A2895" s="20">
        <v>43676.374999992993</v>
      </c>
      <c r="B2895" s="22">
        <v>1.3881577253341675</v>
      </c>
      <c r="C2895" s="21">
        <v>157323.42775050431</v>
      </c>
      <c r="D2895">
        <f t="shared" si="45"/>
        <v>9</v>
      </c>
    </row>
    <row r="2896" spans="1:4" x14ac:dyDescent="0.25">
      <c r="A2896" s="20">
        <v>43676.416666659657</v>
      </c>
      <c r="B2896" s="22">
        <v>1.5380395650863647</v>
      </c>
      <c r="C2896" s="21">
        <v>174309.91592618416</v>
      </c>
      <c r="D2896">
        <f t="shared" si="45"/>
        <v>10</v>
      </c>
    </row>
    <row r="2897" spans="1:4" x14ac:dyDescent="0.25">
      <c r="A2897" s="20">
        <v>43676.458333326322</v>
      </c>
      <c r="B2897" s="22">
        <v>1.7773643732070923</v>
      </c>
      <c r="C2897" s="21">
        <v>201433.20204283987</v>
      </c>
      <c r="D2897">
        <f t="shared" si="45"/>
        <v>11</v>
      </c>
    </row>
    <row r="2898" spans="1:4" x14ac:dyDescent="0.25">
      <c r="A2898" s="20">
        <v>43676.499999992986</v>
      </c>
      <c r="B2898" s="22">
        <v>1.9336484670639038</v>
      </c>
      <c r="C2898" s="21">
        <v>219145.27387712392</v>
      </c>
      <c r="D2898">
        <f t="shared" si="45"/>
        <v>12</v>
      </c>
    </row>
    <row r="2899" spans="1:4" x14ac:dyDescent="0.25">
      <c r="A2899" s="20">
        <v>43676.54166665965</v>
      </c>
      <c r="B2899" s="22">
        <v>2.2990331649780273</v>
      </c>
      <c r="C2899" s="21">
        <v>260555.24629909391</v>
      </c>
      <c r="D2899">
        <f t="shared" si="45"/>
        <v>13</v>
      </c>
    </row>
    <row r="2900" spans="1:4" x14ac:dyDescent="0.25">
      <c r="A2900" s="20">
        <v>43676.583333326314</v>
      </c>
      <c r="B2900" s="22">
        <v>2.201068639755249</v>
      </c>
      <c r="C2900" s="21">
        <v>249452.67875599425</v>
      </c>
      <c r="D2900">
        <f t="shared" si="45"/>
        <v>14</v>
      </c>
    </row>
    <row r="2901" spans="1:4" x14ac:dyDescent="0.25">
      <c r="A2901" s="20">
        <v>43676.624999992979</v>
      </c>
      <c r="B2901" s="22">
        <v>2.3712806701660156</v>
      </c>
      <c r="C2901" s="21">
        <v>268743.23888463422</v>
      </c>
      <c r="D2901">
        <f t="shared" si="45"/>
        <v>15</v>
      </c>
    </row>
    <row r="2902" spans="1:4" x14ac:dyDescent="0.25">
      <c r="A2902" s="20">
        <v>43676.666666659643</v>
      </c>
      <c r="B2902" s="22">
        <v>2.5031681060791016</v>
      </c>
      <c r="C2902" s="21">
        <v>283690.37573832046</v>
      </c>
      <c r="D2902">
        <f t="shared" si="45"/>
        <v>16</v>
      </c>
    </row>
    <row r="2903" spans="1:4" x14ac:dyDescent="0.25">
      <c r="A2903" s="20">
        <v>43676.708333326307</v>
      </c>
      <c r="B2903" s="22">
        <v>2.4334168434143066</v>
      </c>
      <c r="C2903" s="21">
        <v>275785.28863468487</v>
      </c>
      <c r="D2903">
        <f t="shared" si="45"/>
        <v>17</v>
      </c>
    </row>
    <row r="2904" spans="1:4" x14ac:dyDescent="0.25">
      <c r="A2904" s="20">
        <v>43676.749999992971</v>
      </c>
      <c r="B2904" s="22">
        <v>2.2740552425384521</v>
      </c>
      <c r="C2904" s="21">
        <v>257724.4351422895</v>
      </c>
      <c r="D2904">
        <f t="shared" si="45"/>
        <v>18</v>
      </c>
    </row>
    <row r="2905" spans="1:4" x14ac:dyDescent="0.25">
      <c r="A2905" s="20">
        <v>43676.791666659636</v>
      </c>
      <c r="B2905" s="22">
        <v>2.0942726135253906</v>
      </c>
      <c r="C2905" s="21">
        <v>237349.2148556154</v>
      </c>
      <c r="D2905">
        <f t="shared" si="45"/>
        <v>19</v>
      </c>
    </row>
    <row r="2906" spans="1:4" x14ac:dyDescent="0.25">
      <c r="A2906" s="20">
        <v>43676.8333333263</v>
      </c>
      <c r="B2906" s="22">
        <v>1.9539085626602173</v>
      </c>
      <c r="C2906" s="21">
        <v>221441.4017793028</v>
      </c>
      <c r="D2906">
        <f t="shared" si="45"/>
        <v>20</v>
      </c>
    </row>
    <row r="2907" spans="1:4" x14ac:dyDescent="0.25">
      <c r="A2907" s="20">
        <v>43676.874999992964</v>
      </c>
      <c r="B2907" s="22">
        <v>1.8968733549118042</v>
      </c>
      <c r="C2907" s="21">
        <v>214977.45735736587</v>
      </c>
      <c r="D2907">
        <f t="shared" si="45"/>
        <v>21</v>
      </c>
    </row>
    <row r="2908" spans="1:4" x14ac:dyDescent="0.25">
      <c r="A2908" s="20">
        <v>43676.916666659628</v>
      </c>
      <c r="B2908" s="22">
        <v>1.7514230012893677</v>
      </c>
      <c r="C2908" s="21">
        <v>198493.20071866424</v>
      </c>
      <c r="D2908">
        <f t="shared" si="45"/>
        <v>22</v>
      </c>
    </row>
    <row r="2909" spans="1:4" x14ac:dyDescent="0.25">
      <c r="A2909" s="20">
        <v>43676.958333326293</v>
      </c>
      <c r="B2909" s="22">
        <v>1.3911516666412354</v>
      </c>
      <c r="C2909" s="21">
        <v>157662.73869501415</v>
      </c>
      <c r="D2909">
        <f t="shared" si="45"/>
        <v>23</v>
      </c>
    </row>
    <row r="2910" spans="1:4" x14ac:dyDescent="0.25">
      <c r="A2910" s="20">
        <v>43676.999999992957</v>
      </c>
      <c r="B2910" s="22">
        <v>1.2216577529907227</v>
      </c>
      <c r="C2910" s="21">
        <v>138453.56455601091</v>
      </c>
      <c r="D2910">
        <f t="shared" si="45"/>
        <v>0</v>
      </c>
    </row>
    <row r="2911" spans="1:4" x14ac:dyDescent="0.25">
      <c r="A2911" s="20">
        <v>43677.041666659621</v>
      </c>
      <c r="B2911" s="22">
        <v>0.99159133434295654</v>
      </c>
      <c r="C2911" s="21">
        <v>112379.55514671556</v>
      </c>
      <c r="D2911">
        <f t="shared" si="45"/>
        <v>1</v>
      </c>
    </row>
    <row r="2912" spans="1:4" x14ac:dyDescent="0.25">
      <c r="A2912" s="20">
        <v>43677.083333326285</v>
      </c>
      <c r="B2912" s="22">
        <v>0.86136478185653687</v>
      </c>
      <c r="C2912" s="21">
        <v>97620.650414645163</v>
      </c>
      <c r="D2912">
        <f t="shared" si="45"/>
        <v>2</v>
      </c>
    </row>
    <row r="2913" spans="1:4" x14ac:dyDescent="0.25">
      <c r="A2913" s="20">
        <v>43677.12499999295</v>
      </c>
      <c r="B2913" s="22">
        <v>0.85750848054885864</v>
      </c>
      <c r="C2913" s="21">
        <v>97183.606029060931</v>
      </c>
      <c r="D2913">
        <f t="shared" si="45"/>
        <v>3</v>
      </c>
    </row>
    <row r="2914" spans="1:4" x14ac:dyDescent="0.25">
      <c r="A2914" s="20">
        <v>43677.166666659614</v>
      </c>
      <c r="B2914" s="22">
        <v>0.86327183246612549</v>
      </c>
      <c r="C2914" s="21">
        <v>97836.781286028636</v>
      </c>
      <c r="D2914">
        <f t="shared" si="45"/>
        <v>4</v>
      </c>
    </row>
    <row r="2915" spans="1:4" x14ac:dyDescent="0.25">
      <c r="A2915" s="20">
        <v>43677.208333326278</v>
      </c>
      <c r="B2915" s="22">
        <v>0.84795379638671875</v>
      </c>
      <c r="C2915" s="21">
        <v>96100.749494801144</v>
      </c>
      <c r="D2915">
        <f t="shared" si="45"/>
        <v>5</v>
      </c>
    </row>
    <row r="2916" spans="1:4" x14ac:dyDescent="0.25">
      <c r="A2916" s="20">
        <v>43677.249999992942</v>
      </c>
      <c r="B2916" s="22">
        <v>1.0248079299926758</v>
      </c>
      <c r="C2916" s="21">
        <v>116144.07598641937</v>
      </c>
      <c r="D2916">
        <f t="shared" si="45"/>
        <v>6</v>
      </c>
    </row>
    <row r="2917" spans="1:4" x14ac:dyDescent="0.25">
      <c r="A2917" s="20">
        <v>43677.291666659607</v>
      </c>
      <c r="B2917" s="22">
        <v>1.0452630519866943</v>
      </c>
      <c r="C2917" s="21">
        <v>118462.3067237652</v>
      </c>
      <c r="D2917">
        <f t="shared" si="45"/>
        <v>7</v>
      </c>
    </row>
    <row r="2918" spans="1:4" x14ac:dyDescent="0.25">
      <c r="A2918" s="20">
        <v>43677.333333326271</v>
      </c>
      <c r="B2918" s="22">
        <v>1.0322377681732178</v>
      </c>
      <c r="C2918" s="21">
        <v>116986.11834865386</v>
      </c>
      <c r="D2918">
        <f t="shared" si="45"/>
        <v>8</v>
      </c>
    </row>
    <row r="2919" spans="1:4" x14ac:dyDescent="0.25">
      <c r="A2919" s="20">
        <v>43677.374999992935</v>
      </c>
      <c r="B2919" s="22">
        <v>1.3035188913345337</v>
      </c>
      <c r="C2919" s="21">
        <v>147731.09451443574</v>
      </c>
      <c r="D2919">
        <f t="shared" si="45"/>
        <v>9</v>
      </c>
    </row>
    <row r="2920" spans="1:4" x14ac:dyDescent="0.25">
      <c r="A2920" s="20">
        <v>43677.416666659599</v>
      </c>
      <c r="B2920" s="22">
        <v>1.6463882923126221</v>
      </c>
      <c r="C2920" s="21">
        <v>186589.35135960064</v>
      </c>
      <c r="D2920">
        <f t="shared" si="45"/>
        <v>10</v>
      </c>
    </row>
    <row r="2921" spans="1:4" x14ac:dyDescent="0.25">
      <c r="A2921" s="20">
        <v>43677.458333326264</v>
      </c>
      <c r="B2921" s="22">
        <v>1.8475543260574341</v>
      </c>
      <c r="C2921" s="21">
        <v>209388.00701531072</v>
      </c>
      <c r="D2921">
        <f t="shared" si="45"/>
        <v>11</v>
      </c>
    </row>
    <row r="2922" spans="1:4" x14ac:dyDescent="0.25">
      <c r="A2922" s="20">
        <v>43677.499999992928</v>
      </c>
      <c r="B2922" s="22">
        <v>2.0058825016021729</v>
      </c>
      <c r="C2922" s="21">
        <v>227331.73979984404</v>
      </c>
      <c r="D2922">
        <f t="shared" si="45"/>
        <v>12</v>
      </c>
    </row>
    <row r="2923" spans="1:4" x14ac:dyDescent="0.25">
      <c r="A2923" s="20">
        <v>43677.541666659592</v>
      </c>
      <c r="B2923" s="22">
        <v>2.2098920345306396</v>
      </c>
      <c r="C2923" s="21">
        <v>250452.65641352316</v>
      </c>
      <c r="D2923">
        <f t="shared" si="45"/>
        <v>13</v>
      </c>
    </row>
    <row r="2924" spans="1:4" x14ac:dyDescent="0.25">
      <c r="A2924" s="20">
        <v>43677.583333326256</v>
      </c>
      <c r="B2924" s="22">
        <v>2.275230884552002</v>
      </c>
      <c r="C2924" s="21">
        <v>257857.67362665167</v>
      </c>
      <c r="D2924">
        <f t="shared" si="45"/>
        <v>14</v>
      </c>
    </row>
    <row r="2925" spans="1:4" x14ac:dyDescent="0.25">
      <c r="A2925" s="20">
        <v>43677.62499999292</v>
      </c>
      <c r="B2925" s="22">
        <v>2.4923520088195801</v>
      </c>
      <c r="C2925" s="21">
        <v>282464.56006572384</v>
      </c>
      <c r="D2925">
        <f t="shared" si="45"/>
        <v>15</v>
      </c>
    </row>
    <row r="2926" spans="1:4" x14ac:dyDescent="0.25">
      <c r="A2926" s="20">
        <v>43677.666666659585</v>
      </c>
      <c r="B2926" s="22">
        <v>2.6189346313476563</v>
      </c>
      <c r="C2926" s="21">
        <v>296810.48899463657</v>
      </c>
      <c r="D2926">
        <f t="shared" si="45"/>
        <v>16</v>
      </c>
    </row>
    <row r="2927" spans="1:4" x14ac:dyDescent="0.25">
      <c r="A2927" s="20">
        <v>43677.708333326249</v>
      </c>
      <c r="B2927" s="22">
        <v>2.613807201385498</v>
      </c>
      <c r="C2927" s="21">
        <v>296229.38438204426</v>
      </c>
      <c r="D2927">
        <f t="shared" si="45"/>
        <v>17</v>
      </c>
    </row>
    <row r="2928" spans="1:4" x14ac:dyDescent="0.25">
      <c r="A2928" s="20">
        <v>43677.749999992913</v>
      </c>
      <c r="B2928" s="22">
        <v>2.5785520076751709</v>
      </c>
      <c r="C2928" s="21">
        <v>292233.82406545163</v>
      </c>
      <c r="D2928">
        <f t="shared" si="45"/>
        <v>18</v>
      </c>
    </row>
    <row r="2929" spans="1:4" x14ac:dyDescent="0.25">
      <c r="A2929" s="20">
        <v>43677.791666659577</v>
      </c>
      <c r="B2929" s="22">
        <v>2.4316871166229248</v>
      </c>
      <c r="C2929" s="21">
        <v>275589.25432033738</v>
      </c>
      <c r="D2929">
        <f t="shared" si="45"/>
        <v>19</v>
      </c>
    </row>
    <row r="2930" spans="1:4" x14ac:dyDescent="0.25">
      <c r="A2930" s="20">
        <v>43677.833333326242</v>
      </c>
      <c r="B2930" s="22">
        <v>2.3002612590789795</v>
      </c>
      <c r="C2930" s="21">
        <v>260694.42931125159</v>
      </c>
      <c r="D2930">
        <f t="shared" si="45"/>
        <v>20</v>
      </c>
    </row>
    <row r="2931" spans="1:4" x14ac:dyDescent="0.25">
      <c r="A2931" s="20">
        <v>43677.874999992906</v>
      </c>
      <c r="B2931" s="22">
        <v>2.3265924453735352</v>
      </c>
      <c r="C2931" s="21">
        <v>263678.60928518028</v>
      </c>
      <c r="D2931">
        <f t="shared" si="45"/>
        <v>21</v>
      </c>
    </row>
    <row r="2932" spans="1:4" x14ac:dyDescent="0.25">
      <c r="A2932" s="20">
        <v>43677.91666665957</v>
      </c>
      <c r="B2932" s="22">
        <v>1.9038295745849609</v>
      </c>
      <c r="C2932" s="21">
        <v>215765.82333566496</v>
      </c>
      <c r="D2932">
        <f t="shared" si="45"/>
        <v>22</v>
      </c>
    </row>
    <row r="2933" spans="1:4" x14ac:dyDescent="0.25">
      <c r="A2933" s="20">
        <v>43677.958333326234</v>
      </c>
      <c r="B2933" s="22">
        <v>1.5907660722732544</v>
      </c>
      <c r="C2933" s="21">
        <v>180285.54441030059</v>
      </c>
      <c r="D2933">
        <f t="shared" si="45"/>
        <v>23</v>
      </c>
    </row>
    <row r="2934" spans="1:4" x14ac:dyDescent="0.25">
      <c r="A2934" s="20">
        <v>43677.999999992899</v>
      </c>
      <c r="B2934" s="22">
        <v>1.3619028329849243</v>
      </c>
      <c r="C2934" s="21">
        <v>178282.37554874778</v>
      </c>
      <c r="D2934">
        <f t="shared" si="45"/>
        <v>0</v>
      </c>
    </row>
    <row r="2935" spans="1:4" x14ac:dyDescent="0.25">
      <c r="A2935" s="20">
        <v>43678.041666659563</v>
      </c>
      <c r="B2935" s="22">
        <v>1.2776252031326294</v>
      </c>
      <c r="C2935" s="21">
        <v>167249.85862332667</v>
      </c>
      <c r="D2935">
        <f t="shared" si="45"/>
        <v>1</v>
      </c>
    </row>
    <row r="2936" spans="1:4" x14ac:dyDescent="0.25">
      <c r="A2936" s="20">
        <v>43678.083333326227</v>
      </c>
      <c r="B2936" s="22">
        <v>1.1000922918319702</v>
      </c>
      <c r="C2936" s="21">
        <v>144009.58890790486</v>
      </c>
      <c r="D2936">
        <f t="shared" si="45"/>
        <v>2</v>
      </c>
    </row>
    <row r="2937" spans="1:4" x14ac:dyDescent="0.25">
      <c r="A2937" s="20">
        <v>43678.124999992891</v>
      </c>
      <c r="B2937" s="22">
        <v>1.0549447536468506</v>
      </c>
      <c r="C2937" s="21">
        <v>138099.46803666794</v>
      </c>
      <c r="D2937">
        <f t="shared" si="45"/>
        <v>3</v>
      </c>
    </row>
    <row r="2938" spans="1:4" x14ac:dyDescent="0.25">
      <c r="A2938" s="20">
        <v>43678.166666659556</v>
      </c>
      <c r="B2938" s="22">
        <v>0.98572361469268799</v>
      </c>
      <c r="C2938" s="21">
        <v>129037.94852731341</v>
      </c>
      <c r="D2938">
        <f t="shared" si="45"/>
        <v>4</v>
      </c>
    </row>
    <row r="2939" spans="1:4" x14ac:dyDescent="0.25">
      <c r="A2939" s="20">
        <v>43678.20833332622</v>
      </c>
      <c r="B2939" s="22">
        <v>0.9842151403427124</v>
      </c>
      <c r="C2939" s="21">
        <v>128840.47893986966</v>
      </c>
      <c r="D2939">
        <f t="shared" si="45"/>
        <v>5</v>
      </c>
    </row>
    <row r="2940" spans="1:4" x14ac:dyDescent="0.25">
      <c r="A2940" s="20">
        <v>43678.249999992884</v>
      </c>
      <c r="B2940" s="22">
        <v>1.0421837568283081</v>
      </c>
      <c r="C2940" s="21">
        <v>136428.96646190179</v>
      </c>
      <c r="D2940">
        <f t="shared" si="45"/>
        <v>6</v>
      </c>
    </row>
    <row r="2941" spans="1:4" x14ac:dyDescent="0.25">
      <c r="A2941" s="20">
        <v>43678.291666659548</v>
      </c>
      <c r="B2941" s="22">
        <v>1.1115427017211914</v>
      </c>
      <c r="C2941" s="21">
        <v>145508.52570913246</v>
      </c>
      <c r="D2941">
        <f t="shared" si="45"/>
        <v>7</v>
      </c>
    </row>
    <row r="2942" spans="1:4" x14ac:dyDescent="0.25">
      <c r="A2942" s="20">
        <v>43678.333333326213</v>
      </c>
      <c r="B2942" s="22">
        <v>1.1283693313598633</v>
      </c>
      <c r="C2942" s="21">
        <v>147711.24636717417</v>
      </c>
      <c r="D2942">
        <f t="shared" si="45"/>
        <v>8</v>
      </c>
    </row>
    <row r="2943" spans="1:4" x14ac:dyDescent="0.25">
      <c r="A2943" s="20">
        <v>43678.374999992877</v>
      </c>
      <c r="B2943" s="22">
        <v>1.2334737777709961</v>
      </c>
      <c r="C2943" s="21">
        <v>161470.13571895234</v>
      </c>
      <c r="D2943">
        <f t="shared" si="45"/>
        <v>9</v>
      </c>
    </row>
    <row r="2944" spans="1:4" x14ac:dyDescent="0.25">
      <c r="A2944" s="20">
        <v>43678.416666659541</v>
      </c>
      <c r="B2944" s="22">
        <v>1.4968001842498779</v>
      </c>
      <c r="C2944" s="21">
        <v>195941.35947643308</v>
      </c>
      <c r="D2944">
        <f t="shared" si="45"/>
        <v>10</v>
      </c>
    </row>
    <row r="2945" spans="1:4" x14ac:dyDescent="0.25">
      <c r="A2945" s="20">
        <v>43678.458333326205</v>
      </c>
      <c r="B2945" s="22">
        <v>1.6792097091674805</v>
      </c>
      <c r="C2945" s="21">
        <v>219820.01119621305</v>
      </c>
      <c r="D2945">
        <f t="shared" si="45"/>
        <v>11</v>
      </c>
    </row>
    <row r="2946" spans="1:4" x14ac:dyDescent="0.25">
      <c r="A2946" s="20">
        <v>43678.49999999287</v>
      </c>
      <c r="B2946" s="22">
        <v>2.0362732410430908</v>
      </c>
      <c r="C2946" s="21">
        <v>266562.0644050226</v>
      </c>
      <c r="D2946">
        <f t="shared" si="45"/>
        <v>12</v>
      </c>
    </row>
    <row r="2947" spans="1:4" x14ac:dyDescent="0.25">
      <c r="A2947" s="20">
        <v>43678.541666659534</v>
      </c>
      <c r="B2947" s="22">
        <v>2.196558952331543</v>
      </c>
      <c r="C2947" s="21">
        <v>287544.55793019937</v>
      </c>
      <c r="D2947">
        <f t="shared" si="45"/>
        <v>13</v>
      </c>
    </row>
    <row r="2948" spans="1:4" x14ac:dyDescent="0.25">
      <c r="A2948" s="20">
        <v>43678.583333326198</v>
      </c>
      <c r="B2948" s="22">
        <v>2.3819310665130615</v>
      </c>
      <c r="C2948" s="21">
        <v>311811.03280369763</v>
      </c>
      <c r="D2948">
        <f t="shared" si="45"/>
        <v>14</v>
      </c>
    </row>
    <row r="2949" spans="1:4" x14ac:dyDescent="0.25">
      <c r="A2949" s="20">
        <v>43678.624999992862</v>
      </c>
      <c r="B2949" s="22">
        <v>2.6218793392181396</v>
      </c>
      <c r="C2949" s="21">
        <v>343221.89929915901</v>
      </c>
      <c r="D2949">
        <f t="shared" si="45"/>
        <v>15</v>
      </c>
    </row>
    <row r="2950" spans="1:4" x14ac:dyDescent="0.25">
      <c r="A2950" s="20">
        <v>43678.666666659527</v>
      </c>
      <c r="B2950" s="22">
        <v>2.832573413848877</v>
      </c>
      <c r="C2950" s="21">
        <v>370803.19161271193</v>
      </c>
      <c r="D2950">
        <f t="shared" si="45"/>
        <v>16</v>
      </c>
    </row>
    <row r="2951" spans="1:4" x14ac:dyDescent="0.25">
      <c r="A2951" s="20">
        <v>43678.708333326191</v>
      </c>
      <c r="B2951" s="22">
        <v>2.9197907447814941</v>
      </c>
      <c r="C2951" s="21">
        <v>382220.53547241178</v>
      </c>
      <c r="D2951">
        <f t="shared" ref="D2951:D3014" si="46">HOUR(A2951)</f>
        <v>17</v>
      </c>
    </row>
    <row r="2952" spans="1:4" x14ac:dyDescent="0.25">
      <c r="A2952" s="20">
        <v>43678.749999992855</v>
      </c>
      <c r="B2952" s="22">
        <v>2.7304797172546387</v>
      </c>
      <c r="C2952" s="21">
        <v>357438.42995972297</v>
      </c>
      <c r="D2952">
        <f t="shared" si="46"/>
        <v>18</v>
      </c>
    </row>
    <row r="2953" spans="1:4" x14ac:dyDescent="0.25">
      <c r="A2953" s="20">
        <v>43678.791666659519</v>
      </c>
      <c r="B2953" s="22">
        <v>2.5169000625610352</v>
      </c>
      <c r="C2953" s="21">
        <v>329479.39552244137</v>
      </c>
      <c r="D2953">
        <f t="shared" si="46"/>
        <v>19</v>
      </c>
    </row>
    <row r="2954" spans="1:4" x14ac:dyDescent="0.25">
      <c r="A2954" s="20">
        <v>43678.833333326183</v>
      </c>
      <c r="B2954" s="22">
        <v>2.4266378879547119</v>
      </c>
      <c r="C2954" s="21">
        <v>317663.46084541193</v>
      </c>
      <c r="D2954">
        <f t="shared" si="46"/>
        <v>20</v>
      </c>
    </row>
    <row r="2955" spans="1:4" x14ac:dyDescent="0.25">
      <c r="A2955" s="20">
        <v>43678.874999992848</v>
      </c>
      <c r="B2955" s="22">
        <v>2.2306368350982666</v>
      </c>
      <c r="C2955" s="21">
        <v>292005.58535901183</v>
      </c>
      <c r="D2955">
        <f t="shared" si="46"/>
        <v>21</v>
      </c>
    </row>
    <row r="2956" spans="1:4" x14ac:dyDescent="0.25">
      <c r="A2956" s="20">
        <v>43678.916666659512</v>
      </c>
      <c r="B2956" s="22">
        <v>1.9410004615783691</v>
      </c>
      <c r="C2956" s="21">
        <v>254090.20735566545</v>
      </c>
      <c r="D2956">
        <f t="shared" si="46"/>
        <v>22</v>
      </c>
    </row>
    <row r="2957" spans="1:4" x14ac:dyDescent="0.25">
      <c r="A2957" s="20">
        <v>43678.958333326176</v>
      </c>
      <c r="B2957" s="22">
        <v>1.6786792278289795</v>
      </c>
      <c r="C2957" s="21">
        <v>219750.56756857556</v>
      </c>
      <c r="D2957">
        <f t="shared" si="46"/>
        <v>23</v>
      </c>
    </row>
    <row r="2958" spans="1:4" x14ac:dyDescent="0.25">
      <c r="A2958" s="20">
        <v>43678.99999999284</v>
      </c>
      <c r="B2958" s="22">
        <v>1.3814905881881714</v>
      </c>
      <c r="C2958" s="21">
        <v>180846.54638731517</v>
      </c>
      <c r="D2958">
        <f t="shared" si="46"/>
        <v>0</v>
      </c>
    </row>
    <row r="2959" spans="1:4" x14ac:dyDescent="0.25">
      <c r="A2959" s="20">
        <v>43679.041666659505</v>
      </c>
      <c r="B2959" s="22">
        <v>1.1754320859909058</v>
      </c>
      <c r="C2959" s="21">
        <v>153872.08214214677</v>
      </c>
      <c r="D2959">
        <f t="shared" si="46"/>
        <v>1</v>
      </c>
    </row>
    <row r="2960" spans="1:4" x14ac:dyDescent="0.25">
      <c r="A2960" s="20">
        <v>43679.083333326169</v>
      </c>
      <c r="B2960" s="22">
        <v>0.99463003873825073</v>
      </c>
      <c r="C2960" s="21">
        <v>130203.86021941795</v>
      </c>
      <c r="D2960">
        <f t="shared" si="46"/>
        <v>2</v>
      </c>
    </row>
    <row r="2961" spans="1:4" x14ac:dyDescent="0.25">
      <c r="A2961" s="20">
        <v>43679.124999992833</v>
      </c>
      <c r="B2961" s="22">
        <v>0.93475872278213501</v>
      </c>
      <c r="C2961" s="21">
        <v>122366.2963511562</v>
      </c>
      <c r="D2961">
        <f t="shared" si="46"/>
        <v>3</v>
      </c>
    </row>
    <row r="2962" spans="1:4" x14ac:dyDescent="0.25">
      <c r="A2962" s="20">
        <v>43679.166666659497</v>
      </c>
      <c r="B2962" s="22">
        <v>0.96559971570968628</v>
      </c>
      <c r="C2962" s="21">
        <v>126403.59280890343</v>
      </c>
      <c r="D2962">
        <f t="shared" si="46"/>
        <v>4</v>
      </c>
    </row>
    <row r="2963" spans="1:4" x14ac:dyDescent="0.25">
      <c r="A2963" s="20">
        <v>43679.208333326162</v>
      </c>
      <c r="B2963" s="22">
        <v>0.84806817770004272</v>
      </c>
      <c r="C2963" s="21">
        <v>111017.91235449679</v>
      </c>
      <c r="D2963">
        <f t="shared" si="46"/>
        <v>5</v>
      </c>
    </row>
    <row r="2964" spans="1:4" x14ac:dyDescent="0.25">
      <c r="A2964" s="20">
        <v>43679.249999992826</v>
      </c>
      <c r="B2964" s="22">
        <v>0.97189813852310181</v>
      </c>
      <c r="C2964" s="21">
        <v>127228.09934063967</v>
      </c>
      <c r="D2964">
        <f t="shared" si="46"/>
        <v>6</v>
      </c>
    </row>
    <row r="2965" spans="1:4" x14ac:dyDescent="0.25">
      <c r="A2965" s="20">
        <v>43679.29166665949</v>
      </c>
      <c r="B2965" s="22">
        <v>1.1258089542388916</v>
      </c>
      <c r="C2965" s="21">
        <v>147376.07552798363</v>
      </c>
      <c r="D2965">
        <f t="shared" si="46"/>
        <v>7</v>
      </c>
    </row>
    <row r="2966" spans="1:4" x14ac:dyDescent="0.25">
      <c r="A2966" s="20">
        <v>43679.333333326154</v>
      </c>
      <c r="B2966" s="22">
        <v>1.0634938478469849</v>
      </c>
      <c r="C2966" s="21">
        <v>139218.60281330204</v>
      </c>
      <c r="D2966">
        <f t="shared" si="46"/>
        <v>8</v>
      </c>
    </row>
    <row r="2967" spans="1:4" x14ac:dyDescent="0.25">
      <c r="A2967" s="20">
        <v>43679.374999992819</v>
      </c>
      <c r="B2967" s="22">
        <v>1.1689538955688477</v>
      </c>
      <c r="C2967" s="21">
        <v>153024.04280356172</v>
      </c>
      <c r="D2967">
        <f t="shared" si="46"/>
        <v>9</v>
      </c>
    </row>
    <row r="2968" spans="1:4" x14ac:dyDescent="0.25">
      <c r="A2968" s="20">
        <v>43679.416666659483</v>
      </c>
      <c r="B2968" s="22">
        <v>1.404822826385498</v>
      </c>
      <c r="C2968" s="21">
        <v>183900.89560514566</v>
      </c>
      <c r="D2968">
        <f t="shared" si="46"/>
        <v>10</v>
      </c>
    </row>
    <row r="2969" spans="1:4" x14ac:dyDescent="0.25">
      <c r="A2969" s="20">
        <v>43679.458333326147</v>
      </c>
      <c r="B2969" s="22">
        <v>1.7138190269470215</v>
      </c>
      <c r="C2969" s="21">
        <v>224350.60709513968</v>
      </c>
      <c r="D2969">
        <f t="shared" si="46"/>
        <v>11</v>
      </c>
    </row>
    <row r="2970" spans="1:4" x14ac:dyDescent="0.25">
      <c r="A2970" s="20">
        <v>43679.499999992811</v>
      </c>
      <c r="B2970" s="22">
        <v>2.1097989082336426</v>
      </c>
      <c r="C2970" s="21">
        <v>276187.07603805396</v>
      </c>
      <c r="D2970">
        <f t="shared" si="46"/>
        <v>12</v>
      </c>
    </row>
    <row r="2971" spans="1:4" x14ac:dyDescent="0.25">
      <c r="A2971" s="20">
        <v>43679.541666659476</v>
      </c>
      <c r="B2971" s="22">
        <v>2.4659292697906494</v>
      </c>
      <c r="C2971" s="21">
        <v>322806.9708834599</v>
      </c>
      <c r="D2971">
        <f t="shared" si="46"/>
        <v>13</v>
      </c>
    </row>
    <row r="2972" spans="1:4" x14ac:dyDescent="0.25">
      <c r="A2972" s="20">
        <v>43679.58333332614</v>
      </c>
      <c r="B2972" s="22">
        <v>2.6254513263702393</v>
      </c>
      <c r="C2972" s="21">
        <v>343689.49679545779</v>
      </c>
      <c r="D2972">
        <f t="shared" si="46"/>
        <v>14</v>
      </c>
    </row>
    <row r="2973" spans="1:4" x14ac:dyDescent="0.25">
      <c r="A2973" s="20">
        <v>43679.624999992804</v>
      </c>
      <c r="B2973" s="22">
        <v>2.72601318359375</v>
      </c>
      <c r="C2973" s="21">
        <v>356853.730220325</v>
      </c>
      <c r="D2973">
        <f t="shared" si="46"/>
        <v>15</v>
      </c>
    </row>
    <row r="2974" spans="1:4" x14ac:dyDescent="0.25">
      <c r="A2974" s="20">
        <v>43679.666666659468</v>
      </c>
      <c r="B2974" s="22">
        <v>2.6854391098022461</v>
      </c>
      <c r="C2974" s="21">
        <v>351542.30705118063</v>
      </c>
      <c r="D2974">
        <f t="shared" si="46"/>
        <v>16</v>
      </c>
    </row>
    <row r="2975" spans="1:4" x14ac:dyDescent="0.25">
      <c r="A2975" s="20">
        <v>43679.708333326133</v>
      </c>
      <c r="B2975" s="22">
        <v>2.591688871383667</v>
      </c>
      <c r="C2975" s="21">
        <v>339269.76101579779</v>
      </c>
      <c r="D2975">
        <f t="shared" si="46"/>
        <v>17</v>
      </c>
    </row>
    <row r="2976" spans="1:4" x14ac:dyDescent="0.25">
      <c r="A2976" s="20">
        <v>43679.749999992797</v>
      </c>
      <c r="B2976" s="22">
        <v>2.4587697982788086</v>
      </c>
      <c r="C2976" s="21">
        <v>321869.74720061681</v>
      </c>
      <c r="D2976">
        <f t="shared" si="46"/>
        <v>18</v>
      </c>
    </row>
    <row r="2977" spans="1:4" x14ac:dyDescent="0.25">
      <c r="A2977" s="20">
        <v>43679.791666659461</v>
      </c>
      <c r="B2977" s="22">
        <v>2.2989037036895752</v>
      </c>
      <c r="C2977" s="21">
        <v>300942.18436516682</v>
      </c>
      <c r="D2977">
        <f t="shared" si="46"/>
        <v>19</v>
      </c>
    </row>
    <row r="2978" spans="1:4" x14ac:dyDescent="0.25">
      <c r="A2978" s="20">
        <v>43679.833333326125</v>
      </c>
      <c r="B2978" s="22">
        <v>2.1787359714508057</v>
      </c>
      <c r="C2978" s="21">
        <v>285211.40809467586</v>
      </c>
      <c r="D2978">
        <f t="shared" si="46"/>
        <v>20</v>
      </c>
    </row>
    <row r="2979" spans="1:4" x14ac:dyDescent="0.25">
      <c r="A2979" s="20">
        <v>43679.87499999279</v>
      </c>
      <c r="B2979" s="22">
        <v>2.1353600025177002</v>
      </c>
      <c r="C2979" s="21">
        <v>279533.19772912888</v>
      </c>
      <c r="D2979">
        <f t="shared" si="46"/>
        <v>21</v>
      </c>
    </row>
    <row r="2980" spans="1:4" x14ac:dyDescent="0.25">
      <c r="A2980" s="20">
        <v>43679.916666659454</v>
      </c>
      <c r="B2980" s="22">
        <v>1.7095803022384644</v>
      </c>
      <c r="C2980" s="21">
        <v>223795.72910235188</v>
      </c>
      <c r="D2980">
        <f t="shared" si="46"/>
        <v>22</v>
      </c>
    </row>
    <row r="2981" spans="1:4" x14ac:dyDescent="0.25">
      <c r="A2981" s="20">
        <v>43679.958333326118</v>
      </c>
      <c r="B2981" s="22">
        <v>1.5321822166442871</v>
      </c>
      <c r="C2981" s="21">
        <v>200573.10899206673</v>
      </c>
      <c r="D2981">
        <f t="shared" si="46"/>
        <v>23</v>
      </c>
    </row>
    <row r="2982" spans="1:4" x14ac:dyDescent="0.25">
      <c r="A2982" s="20">
        <v>43679.999999992782</v>
      </c>
      <c r="B2982" s="22">
        <v>1.2588036060333252</v>
      </c>
      <c r="C2982" s="21">
        <v>164785.98310943929</v>
      </c>
      <c r="D2982">
        <f t="shared" si="46"/>
        <v>0</v>
      </c>
    </row>
    <row r="2983" spans="1:4" x14ac:dyDescent="0.25">
      <c r="A2983" s="20">
        <v>43680.041666659446</v>
      </c>
      <c r="B2983" s="22">
        <v>1.1927794218063354</v>
      </c>
      <c r="C2983" s="21">
        <v>156142.96679244025</v>
      </c>
      <c r="D2983">
        <f t="shared" si="46"/>
        <v>1</v>
      </c>
    </row>
    <row r="2984" spans="1:4" x14ac:dyDescent="0.25">
      <c r="A2984" s="20">
        <v>43680.083333326111</v>
      </c>
      <c r="B2984" s="22">
        <v>1.0138008594512939</v>
      </c>
      <c r="C2984" s="21">
        <v>132713.45148772417</v>
      </c>
      <c r="D2984">
        <f t="shared" si="46"/>
        <v>2</v>
      </c>
    </row>
    <row r="2985" spans="1:4" x14ac:dyDescent="0.25">
      <c r="A2985" s="20">
        <v>43680.124999992775</v>
      </c>
      <c r="B2985" s="22">
        <v>0.95815181732177734</v>
      </c>
      <c r="C2985" s="21">
        <v>125428.61207952801</v>
      </c>
      <c r="D2985">
        <f t="shared" si="46"/>
        <v>3</v>
      </c>
    </row>
    <row r="2986" spans="1:4" x14ac:dyDescent="0.25">
      <c r="A2986" s="20">
        <v>43680.166666659439</v>
      </c>
      <c r="B2986" s="22">
        <v>0.8884202241897583</v>
      </c>
      <c r="C2986" s="21">
        <v>116300.2706345457</v>
      </c>
      <c r="D2986">
        <f t="shared" si="46"/>
        <v>4</v>
      </c>
    </row>
    <row r="2987" spans="1:4" x14ac:dyDescent="0.25">
      <c r="A2987" s="20">
        <v>43680.208333326103</v>
      </c>
      <c r="B2987" s="22">
        <v>0.86769407987594604</v>
      </c>
      <c r="C2987" s="21">
        <v>113587.07689213022</v>
      </c>
      <c r="D2987">
        <f t="shared" si="46"/>
        <v>5</v>
      </c>
    </row>
    <row r="2988" spans="1:4" x14ac:dyDescent="0.25">
      <c r="A2988" s="20">
        <v>43680.249999992768</v>
      </c>
      <c r="B2988" s="22">
        <v>0.91006273031234741</v>
      </c>
      <c r="C2988" s="21">
        <v>119133.42239171384</v>
      </c>
      <c r="D2988">
        <f t="shared" si="46"/>
        <v>6</v>
      </c>
    </row>
    <row r="2989" spans="1:4" x14ac:dyDescent="0.25">
      <c r="A2989" s="20">
        <v>43680.291666659432</v>
      </c>
      <c r="B2989" s="22">
        <v>1.0020656585693359</v>
      </c>
      <c r="C2989" s="21">
        <v>131177.23360190648</v>
      </c>
      <c r="D2989">
        <f t="shared" si="46"/>
        <v>7</v>
      </c>
    </row>
    <row r="2990" spans="1:4" x14ac:dyDescent="0.25">
      <c r="A2990" s="20">
        <v>43680.333333326096</v>
      </c>
      <c r="B2990" s="22">
        <v>1.0738698244094849</v>
      </c>
      <c r="C2990" s="21">
        <v>140576.88895927198</v>
      </c>
      <c r="D2990">
        <f t="shared" si="46"/>
        <v>8</v>
      </c>
    </row>
    <row r="2991" spans="1:4" x14ac:dyDescent="0.25">
      <c r="A2991" s="20">
        <v>43680.37499999276</v>
      </c>
      <c r="B2991" s="22">
        <v>1.5064080953598022</v>
      </c>
      <c r="C2991" s="21">
        <v>197199.10061276969</v>
      </c>
      <c r="D2991">
        <f t="shared" si="46"/>
        <v>9</v>
      </c>
    </row>
    <row r="2992" spans="1:4" x14ac:dyDescent="0.25">
      <c r="A2992" s="20">
        <v>43680.416666659425</v>
      </c>
      <c r="B2992" s="22">
        <v>1.7355970144271851</v>
      </c>
      <c r="C2992" s="21">
        <v>227201.49428664715</v>
      </c>
      <c r="D2992">
        <f t="shared" si="46"/>
        <v>10</v>
      </c>
    </row>
    <row r="2993" spans="1:4" x14ac:dyDescent="0.25">
      <c r="A2993" s="20">
        <v>43680.458333326089</v>
      </c>
      <c r="B2993" s="22">
        <v>2.003605842590332</v>
      </c>
      <c r="C2993" s="21">
        <v>262285.67899917788</v>
      </c>
      <c r="D2993">
        <f t="shared" si="46"/>
        <v>11</v>
      </c>
    </row>
    <row r="2994" spans="1:4" x14ac:dyDescent="0.25">
      <c r="A2994" s="20">
        <v>43680.499999992753</v>
      </c>
      <c r="B2994" s="22">
        <v>2.1972107887268066</v>
      </c>
      <c r="C2994" s="21">
        <v>287629.88776299072</v>
      </c>
      <c r="D2994">
        <f t="shared" si="46"/>
        <v>12</v>
      </c>
    </row>
    <row r="2995" spans="1:4" x14ac:dyDescent="0.25">
      <c r="A2995" s="20">
        <v>43680.541666659417</v>
      </c>
      <c r="B2995" s="22">
        <v>2.3572132587432861</v>
      </c>
      <c r="C2995" s="21">
        <v>308575.30307260191</v>
      </c>
      <c r="D2995">
        <f t="shared" si="46"/>
        <v>13</v>
      </c>
    </row>
    <row r="2996" spans="1:4" x14ac:dyDescent="0.25">
      <c r="A2996" s="20">
        <v>43680.583333326082</v>
      </c>
      <c r="B2996" s="22">
        <v>2.4839458465576172</v>
      </c>
      <c r="C2996" s="21">
        <v>325165.46374174365</v>
      </c>
      <c r="D2996">
        <f t="shared" si="46"/>
        <v>14</v>
      </c>
    </row>
    <row r="2997" spans="1:4" x14ac:dyDescent="0.25">
      <c r="A2997" s="20">
        <v>43680.624999992746</v>
      </c>
      <c r="B2997" s="22">
        <v>2.5418417453765869</v>
      </c>
      <c r="C2997" s="21">
        <v>332744.43202493107</v>
      </c>
      <c r="D2997">
        <f t="shared" si="46"/>
        <v>15</v>
      </c>
    </row>
    <row r="2998" spans="1:4" x14ac:dyDescent="0.25">
      <c r="A2998" s="20">
        <v>43680.66666665941</v>
      </c>
      <c r="B2998" s="22">
        <v>2.686647891998291</v>
      </c>
      <c r="C2998" s="21">
        <v>351700.54489033658</v>
      </c>
      <c r="D2998">
        <f t="shared" si="46"/>
        <v>16</v>
      </c>
    </row>
    <row r="2999" spans="1:4" x14ac:dyDescent="0.25">
      <c r="A2999" s="20">
        <v>43680.708333326074</v>
      </c>
      <c r="B2999" s="22">
        <v>2.6668806076049805</v>
      </c>
      <c r="C2999" s="21">
        <v>349112.87245553953</v>
      </c>
      <c r="D2999">
        <f t="shared" si="46"/>
        <v>17</v>
      </c>
    </row>
    <row r="3000" spans="1:4" x14ac:dyDescent="0.25">
      <c r="A3000" s="20">
        <v>43680.749999992739</v>
      </c>
      <c r="B3000" s="22">
        <v>2.6844706535339355</v>
      </c>
      <c r="C3000" s="21">
        <v>351415.52951614087</v>
      </c>
      <c r="D3000">
        <f t="shared" si="46"/>
        <v>18</v>
      </c>
    </row>
    <row r="3001" spans="1:4" x14ac:dyDescent="0.25">
      <c r="A3001" s="20">
        <v>43680.791666659403</v>
      </c>
      <c r="B3001" s="22">
        <v>2.5175633430480957</v>
      </c>
      <c r="C3001" s="21">
        <v>329566.22346495261</v>
      </c>
      <c r="D3001">
        <f t="shared" si="46"/>
        <v>19</v>
      </c>
    </row>
    <row r="3002" spans="1:4" x14ac:dyDescent="0.25">
      <c r="A3002" s="20">
        <v>43680.833333326067</v>
      </c>
      <c r="B3002" s="22">
        <v>2.1813123226165771</v>
      </c>
      <c r="C3002" s="21">
        <v>285548.67004535027</v>
      </c>
      <c r="D3002">
        <f t="shared" si="46"/>
        <v>20</v>
      </c>
    </row>
    <row r="3003" spans="1:4" x14ac:dyDescent="0.25">
      <c r="A3003" s="20">
        <v>43680.874999992731</v>
      </c>
      <c r="B3003" s="22">
        <v>2.2331013679504395</v>
      </c>
      <c r="C3003" s="21">
        <v>292328.20952929888</v>
      </c>
      <c r="D3003">
        <f t="shared" si="46"/>
        <v>21</v>
      </c>
    </row>
    <row r="3004" spans="1:4" x14ac:dyDescent="0.25">
      <c r="A3004" s="20">
        <v>43680.916666659396</v>
      </c>
      <c r="B3004" s="22">
        <v>1.9154609441757202</v>
      </c>
      <c r="C3004" s="21">
        <v>250746.91022562471</v>
      </c>
      <c r="D3004">
        <f t="shared" si="46"/>
        <v>22</v>
      </c>
    </row>
    <row r="3005" spans="1:4" x14ac:dyDescent="0.25">
      <c r="A3005" s="20">
        <v>43680.95833332606</v>
      </c>
      <c r="B3005" s="22">
        <v>1.5734179019927979</v>
      </c>
      <c r="C3005" s="21">
        <v>205971.14162938818</v>
      </c>
      <c r="D3005">
        <f t="shared" si="46"/>
        <v>23</v>
      </c>
    </row>
    <row r="3006" spans="1:4" x14ac:dyDescent="0.25">
      <c r="A3006" s="20">
        <v>43680.999999992724</v>
      </c>
      <c r="B3006" s="22">
        <v>1.3576736450195313</v>
      </c>
      <c r="C3006" s="21">
        <v>177728.74598072647</v>
      </c>
      <c r="D3006">
        <f t="shared" si="46"/>
        <v>0</v>
      </c>
    </row>
    <row r="3007" spans="1:4" x14ac:dyDescent="0.25">
      <c r="A3007" s="20">
        <v>43681.041666659388</v>
      </c>
      <c r="B3007" s="22">
        <v>1.1556688547134399</v>
      </c>
      <c r="C3007" s="21">
        <v>151284.94028787551</v>
      </c>
      <c r="D3007">
        <f t="shared" si="46"/>
        <v>1</v>
      </c>
    </row>
    <row r="3008" spans="1:4" x14ac:dyDescent="0.25">
      <c r="A3008" s="20">
        <v>43681.083333326053</v>
      </c>
      <c r="B3008" s="22">
        <v>1.0231384038925171</v>
      </c>
      <c r="C3008" s="21">
        <v>133935.79978193005</v>
      </c>
      <c r="D3008">
        <f t="shared" si="46"/>
        <v>2</v>
      </c>
    </row>
    <row r="3009" spans="1:4" x14ac:dyDescent="0.25">
      <c r="A3009" s="20">
        <v>43681.124999992717</v>
      </c>
      <c r="B3009" s="22">
        <v>0.92825424671173096</v>
      </c>
      <c r="C3009" s="21">
        <v>121514.81604180842</v>
      </c>
      <c r="D3009">
        <f t="shared" si="46"/>
        <v>3</v>
      </c>
    </row>
    <row r="3010" spans="1:4" x14ac:dyDescent="0.25">
      <c r="A3010" s="20">
        <v>43681.166666659381</v>
      </c>
      <c r="B3010" s="22">
        <v>0.86727160215377808</v>
      </c>
      <c r="C3010" s="21">
        <v>113531.77167497354</v>
      </c>
      <c r="D3010">
        <f t="shared" si="46"/>
        <v>4</v>
      </c>
    </row>
    <row r="3011" spans="1:4" x14ac:dyDescent="0.25">
      <c r="A3011" s="20">
        <v>43681.208333326045</v>
      </c>
      <c r="B3011" s="22">
        <v>0.92658895254135132</v>
      </c>
      <c r="C3011" s="21">
        <v>121296.81766961027</v>
      </c>
      <c r="D3011">
        <f t="shared" si="46"/>
        <v>5</v>
      </c>
    </row>
    <row r="3012" spans="1:4" x14ac:dyDescent="0.25">
      <c r="A3012" s="20">
        <v>43681.249999992709</v>
      </c>
      <c r="B3012" s="22">
        <v>0.90107345581054688</v>
      </c>
      <c r="C3012" s="21">
        <v>117956.6650094502</v>
      </c>
      <c r="D3012">
        <f t="shared" si="46"/>
        <v>6</v>
      </c>
    </row>
    <row r="3013" spans="1:4" x14ac:dyDescent="0.25">
      <c r="A3013" s="20">
        <v>43681.291666659374</v>
      </c>
      <c r="B3013" s="22">
        <v>0.98077034950256348</v>
      </c>
      <c r="C3013" s="21">
        <v>128389.53230889433</v>
      </c>
      <c r="D3013">
        <f t="shared" si="46"/>
        <v>7</v>
      </c>
    </row>
    <row r="3014" spans="1:4" x14ac:dyDescent="0.25">
      <c r="A3014" s="20">
        <v>43681.333333326038</v>
      </c>
      <c r="B3014" s="22">
        <v>1.0517735481262207</v>
      </c>
      <c r="C3014" s="21">
        <v>137684.33559118203</v>
      </c>
      <c r="D3014">
        <f t="shared" si="46"/>
        <v>8</v>
      </c>
    </row>
    <row r="3015" spans="1:4" x14ac:dyDescent="0.25">
      <c r="A3015" s="20">
        <v>43681.374999992702</v>
      </c>
      <c r="B3015" s="22">
        <v>1.4105890989303589</v>
      </c>
      <c r="C3015" s="21">
        <v>184655.74003491027</v>
      </c>
      <c r="D3015">
        <f t="shared" ref="D3015:D3078" si="47">HOUR(A3015)</f>
        <v>9</v>
      </c>
    </row>
    <row r="3016" spans="1:4" x14ac:dyDescent="0.25">
      <c r="A3016" s="20">
        <v>43681.416666659366</v>
      </c>
      <c r="B3016" s="22">
        <v>1.5158413648605347</v>
      </c>
      <c r="C3016" s="21">
        <v>198433.97997056946</v>
      </c>
      <c r="D3016">
        <f t="shared" si="47"/>
        <v>10</v>
      </c>
    </row>
    <row r="3017" spans="1:4" x14ac:dyDescent="0.25">
      <c r="A3017" s="20">
        <v>43681.458333326031</v>
      </c>
      <c r="B3017" s="22">
        <v>1.6781582832336426</v>
      </c>
      <c r="C3017" s="21">
        <v>219682.37236570462</v>
      </c>
      <c r="D3017">
        <f t="shared" si="47"/>
        <v>11</v>
      </c>
    </row>
    <row r="3018" spans="1:4" x14ac:dyDescent="0.25">
      <c r="A3018" s="20">
        <v>43681.499999992695</v>
      </c>
      <c r="B3018" s="22">
        <v>1.8213822841644287</v>
      </c>
      <c r="C3018" s="21">
        <v>238431.37156234498</v>
      </c>
      <c r="D3018">
        <f t="shared" si="47"/>
        <v>12</v>
      </c>
    </row>
    <row r="3019" spans="1:4" x14ac:dyDescent="0.25">
      <c r="A3019" s="20">
        <v>43681.541666659359</v>
      </c>
      <c r="B3019" s="22">
        <v>2.2716522216796875</v>
      </c>
      <c r="C3019" s="21">
        <v>297374.77938422683</v>
      </c>
      <c r="D3019">
        <f t="shared" si="47"/>
        <v>13</v>
      </c>
    </row>
    <row r="3020" spans="1:4" x14ac:dyDescent="0.25">
      <c r="A3020" s="20">
        <v>43681.583333326023</v>
      </c>
      <c r="B3020" s="22">
        <v>2.4446206092834473</v>
      </c>
      <c r="C3020" s="21">
        <v>320017.52179577464</v>
      </c>
      <c r="D3020">
        <f t="shared" si="47"/>
        <v>14</v>
      </c>
    </row>
    <row r="3021" spans="1:4" x14ac:dyDescent="0.25">
      <c r="A3021" s="20">
        <v>43681.624999992688</v>
      </c>
      <c r="B3021" s="22">
        <v>2.6360328197479248</v>
      </c>
      <c r="C3021" s="21">
        <v>345074.68649514613</v>
      </c>
      <c r="D3021">
        <f t="shared" si="47"/>
        <v>15</v>
      </c>
    </row>
    <row r="3022" spans="1:4" x14ac:dyDescent="0.25">
      <c r="A3022" s="20">
        <v>43681.666666659352</v>
      </c>
      <c r="B3022" s="22">
        <v>2.6932816505432129</v>
      </c>
      <c r="C3022" s="21">
        <v>352568.94915792544</v>
      </c>
      <c r="D3022">
        <f t="shared" si="47"/>
        <v>16</v>
      </c>
    </row>
    <row r="3023" spans="1:4" x14ac:dyDescent="0.25">
      <c r="A3023" s="20">
        <v>43681.708333326016</v>
      </c>
      <c r="B3023" s="22">
        <v>2.8009519577026367</v>
      </c>
      <c r="C3023" s="21">
        <v>366663.7271931349</v>
      </c>
      <c r="D3023">
        <f t="shared" si="47"/>
        <v>17</v>
      </c>
    </row>
    <row r="3024" spans="1:4" x14ac:dyDescent="0.25">
      <c r="A3024" s="20">
        <v>43681.74999999268</v>
      </c>
      <c r="B3024" s="22">
        <v>2.5318617820739746</v>
      </c>
      <c r="C3024" s="21">
        <v>331437.98671739077</v>
      </c>
      <c r="D3024">
        <f t="shared" si="47"/>
        <v>18</v>
      </c>
    </row>
    <row r="3025" spans="1:4" x14ac:dyDescent="0.25">
      <c r="A3025" s="20">
        <v>43681.791666659345</v>
      </c>
      <c r="B3025" s="22">
        <v>2.558988094329834</v>
      </c>
      <c r="C3025" s="21">
        <v>334989.00612327026</v>
      </c>
      <c r="D3025">
        <f t="shared" si="47"/>
        <v>19</v>
      </c>
    </row>
    <row r="3026" spans="1:4" x14ac:dyDescent="0.25">
      <c r="A3026" s="20">
        <v>43681.833333326009</v>
      </c>
      <c r="B3026" s="22">
        <v>2.2625863552093506</v>
      </c>
      <c r="C3026" s="21">
        <v>296187.99559055705</v>
      </c>
      <c r="D3026">
        <f t="shared" si="47"/>
        <v>20</v>
      </c>
    </row>
    <row r="3027" spans="1:4" x14ac:dyDescent="0.25">
      <c r="A3027" s="20">
        <v>43681.874999992673</v>
      </c>
      <c r="B3027" s="22">
        <v>2.1224920749664307</v>
      </c>
      <c r="C3027" s="21">
        <v>277848.6981916682</v>
      </c>
      <c r="D3027">
        <f t="shared" si="47"/>
        <v>21</v>
      </c>
    </row>
    <row r="3028" spans="1:4" x14ac:dyDescent="0.25">
      <c r="A3028" s="20">
        <v>43681.916666659337</v>
      </c>
      <c r="B3028" s="22">
        <v>1.8576991558074951</v>
      </c>
      <c r="C3028" s="21">
        <v>243185.49791571643</v>
      </c>
      <c r="D3028">
        <f t="shared" si="47"/>
        <v>22</v>
      </c>
    </row>
    <row r="3029" spans="1:4" x14ac:dyDescent="0.25">
      <c r="A3029" s="20">
        <v>43681.958333326002</v>
      </c>
      <c r="B3029" s="22">
        <v>1.4658687114715576</v>
      </c>
      <c r="C3029" s="21">
        <v>191892.21858871347</v>
      </c>
      <c r="D3029">
        <f t="shared" si="47"/>
        <v>23</v>
      </c>
    </row>
    <row r="3030" spans="1:4" x14ac:dyDescent="0.25">
      <c r="A3030" s="20">
        <v>43681.999999992666</v>
      </c>
      <c r="B3030" s="22">
        <v>1.1802493333816528</v>
      </c>
      <c r="C3030" s="21">
        <v>154502.69270233341</v>
      </c>
      <c r="D3030">
        <f t="shared" si="47"/>
        <v>0</v>
      </c>
    </row>
    <row r="3031" spans="1:4" x14ac:dyDescent="0.25">
      <c r="A3031" s="20">
        <v>43682.04166665933</v>
      </c>
      <c r="B3031" s="22">
        <v>1.0442379713058472</v>
      </c>
      <c r="C3031" s="21">
        <v>136697.87715660944</v>
      </c>
      <c r="D3031">
        <f t="shared" si="47"/>
        <v>1</v>
      </c>
    </row>
    <row r="3032" spans="1:4" x14ac:dyDescent="0.25">
      <c r="A3032" s="20">
        <v>43682.083333325994</v>
      </c>
      <c r="B3032" s="22">
        <v>1.0350106954574585</v>
      </c>
      <c r="C3032" s="21">
        <v>135489.96377376642</v>
      </c>
      <c r="D3032">
        <f t="shared" si="47"/>
        <v>2</v>
      </c>
    </row>
    <row r="3033" spans="1:4" x14ac:dyDescent="0.25">
      <c r="A3033" s="20">
        <v>43682.124999992659</v>
      </c>
      <c r="B3033" s="22">
        <v>0.87083876132965088</v>
      </c>
      <c r="C3033" s="21">
        <v>113998.73715623425</v>
      </c>
      <c r="D3033">
        <f t="shared" si="47"/>
        <v>3</v>
      </c>
    </row>
    <row r="3034" spans="1:4" x14ac:dyDescent="0.25">
      <c r="A3034" s="20">
        <v>43682.166666659323</v>
      </c>
      <c r="B3034" s="22">
        <v>0.82823431491851807</v>
      </c>
      <c r="C3034" s="21">
        <v>108421.52435429848</v>
      </c>
      <c r="D3034">
        <f t="shared" si="47"/>
        <v>4</v>
      </c>
    </row>
    <row r="3035" spans="1:4" x14ac:dyDescent="0.25">
      <c r="A3035" s="20">
        <v>43682.208333325987</v>
      </c>
      <c r="B3035" s="22">
        <v>0.83074373006820679</v>
      </c>
      <c r="C3035" s="21">
        <v>108750.02392364293</v>
      </c>
      <c r="D3035">
        <f t="shared" si="47"/>
        <v>5</v>
      </c>
    </row>
    <row r="3036" spans="1:4" x14ac:dyDescent="0.25">
      <c r="A3036" s="20">
        <v>43682.249999992651</v>
      </c>
      <c r="B3036" s="22">
        <v>0.87343502044677734</v>
      </c>
      <c r="C3036" s="21">
        <v>114338.60519360878</v>
      </c>
      <c r="D3036">
        <f t="shared" si="47"/>
        <v>6</v>
      </c>
    </row>
    <row r="3037" spans="1:4" x14ac:dyDescent="0.25">
      <c r="A3037" s="20">
        <v>43682.291666659316</v>
      </c>
      <c r="B3037" s="22">
        <v>0.98659771680831909</v>
      </c>
      <c r="C3037" s="21">
        <v>129152.37445981945</v>
      </c>
      <c r="D3037">
        <f t="shared" si="47"/>
        <v>7</v>
      </c>
    </row>
    <row r="3038" spans="1:4" x14ac:dyDescent="0.25">
      <c r="A3038" s="20">
        <v>43682.33333332598</v>
      </c>
      <c r="B3038" s="22">
        <v>1.0800691843032837</v>
      </c>
      <c r="C3038" s="21">
        <v>141388.42747874602</v>
      </c>
      <c r="D3038">
        <f t="shared" si="47"/>
        <v>8</v>
      </c>
    </row>
    <row r="3039" spans="1:4" x14ac:dyDescent="0.25">
      <c r="A3039" s="20">
        <v>43682.374999992644</v>
      </c>
      <c r="B3039" s="22">
        <v>1.3427234888076782</v>
      </c>
      <c r="C3039" s="21">
        <v>175771.6685008065</v>
      </c>
      <c r="D3039">
        <f t="shared" si="47"/>
        <v>9</v>
      </c>
    </row>
    <row r="3040" spans="1:4" x14ac:dyDescent="0.25">
      <c r="A3040" s="20">
        <v>43682.416666659308</v>
      </c>
      <c r="B3040" s="22">
        <v>1.6791986227035522</v>
      </c>
      <c r="C3040" s="21">
        <v>219818.55990242196</v>
      </c>
      <c r="D3040">
        <f t="shared" si="47"/>
        <v>10</v>
      </c>
    </row>
    <row r="3041" spans="1:4" x14ac:dyDescent="0.25">
      <c r="A3041" s="20">
        <v>43682.458333325972</v>
      </c>
      <c r="B3041" s="22">
        <v>1.8594895601272583</v>
      </c>
      <c r="C3041" s="21">
        <v>243419.87406032029</v>
      </c>
      <c r="D3041">
        <f t="shared" si="47"/>
        <v>11</v>
      </c>
    </row>
    <row r="3042" spans="1:4" x14ac:dyDescent="0.25">
      <c r="A3042" s="20">
        <v>43682.499999992637</v>
      </c>
      <c r="B3042" s="22">
        <v>2.241008996963501</v>
      </c>
      <c r="C3042" s="21">
        <v>293363.37213507516</v>
      </c>
      <c r="D3042">
        <f t="shared" si="47"/>
        <v>12</v>
      </c>
    </row>
    <row r="3043" spans="1:4" x14ac:dyDescent="0.25">
      <c r="A3043" s="20">
        <v>43682.541666659301</v>
      </c>
      <c r="B3043" s="22">
        <v>2.3160915374755859</v>
      </c>
      <c r="C3043" s="21">
        <v>303192.18911124027</v>
      </c>
      <c r="D3043">
        <f t="shared" si="47"/>
        <v>13</v>
      </c>
    </row>
    <row r="3044" spans="1:4" x14ac:dyDescent="0.25">
      <c r="A3044" s="20">
        <v>43682.583333325965</v>
      </c>
      <c r="B3044" s="22">
        <v>2.5499162673950195</v>
      </c>
      <c r="C3044" s="21">
        <v>333801.44206412148</v>
      </c>
      <c r="D3044">
        <f t="shared" si="47"/>
        <v>14</v>
      </c>
    </row>
    <row r="3045" spans="1:4" x14ac:dyDescent="0.25">
      <c r="A3045" s="20">
        <v>43682.624999992629</v>
      </c>
      <c r="B3045" s="22">
        <v>2.6244790554046631</v>
      </c>
      <c r="C3045" s="21">
        <v>343562.21989051142</v>
      </c>
      <c r="D3045">
        <f t="shared" si="47"/>
        <v>15</v>
      </c>
    </row>
    <row r="3046" spans="1:4" x14ac:dyDescent="0.25">
      <c r="A3046" s="20">
        <v>43682.666666659294</v>
      </c>
      <c r="B3046" s="22">
        <v>2.7434849739074707</v>
      </c>
      <c r="C3046" s="21">
        <v>359140.90681382152</v>
      </c>
      <c r="D3046">
        <f t="shared" si="47"/>
        <v>16</v>
      </c>
    </row>
    <row r="3047" spans="1:4" x14ac:dyDescent="0.25">
      <c r="A3047" s="20">
        <v>43682.708333325958</v>
      </c>
      <c r="B3047" s="22">
        <v>2.8885605335235596</v>
      </c>
      <c r="C3047" s="21">
        <v>378132.28767888108</v>
      </c>
      <c r="D3047">
        <f t="shared" si="47"/>
        <v>17</v>
      </c>
    </row>
    <row r="3048" spans="1:4" x14ac:dyDescent="0.25">
      <c r="A3048" s="20">
        <v>43682.749999992622</v>
      </c>
      <c r="B3048" s="22">
        <v>2.9629437923431396</v>
      </c>
      <c r="C3048" s="21">
        <v>387869.5639090414</v>
      </c>
      <c r="D3048">
        <f t="shared" si="47"/>
        <v>18</v>
      </c>
    </row>
    <row r="3049" spans="1:4" x14ac:dyDescent="0.25">
      <c r="A3049" s="20">
        <v>43682.791666659286</v>
      </c>
      <c r="B3049" s="22">
        <v>2.755256175994873</v>
      </c>
      <c r="C3049" s="21">
        <v>360681.83750313282</v>
      </c>
      <c r="D3049">
        <f t="shared" si="47"/>
        <v>19</v>
      </c>
    </row>
    <row r="3050" spans="1:4" x14ac:dyDescent="0.25">
      <c r="A3050" s="20">
        <v>43682.833333325951</v>
      </c>
      <c r="B3050" s="22">
        <v>2.5786428451538086</v>
      </c>
      <c r="C3050" s="21">
        <v>337561.9471458224</v>
      </c>
      <c r="D3050">
        <f t="shared" si="47"/>
        <v>20</v>
      </c>
    </row>
    <row r="3051" spans="1:4" x14ac:dyDescent="0.25">
      <c r="A3051" s="20">
        <v>43682.874999992615</v>
      </c>
      <c r="B3051" s="22">
        <v>2.1891922950744629</v>
      </c>
      <c r="C3051" s="21">
        <v>286580.21221930371</v>
      </c>
      <c r="D3051">
        <f t="shared" si="47"/>
        <v>21</v>
      </c>
    </row>
    <row r="3052" spans="1:4" x14ac:dyDescent="0.25">
      <c r="A3052" s="20">
        <v>43682.916666659279</v>
      </c>
      <c r="B3052" s="22">
        <v>2.0527842044830322</v>
      </c>
      <c r="C3052" s="21">
        <v>268723.46220329258</v>
      </c>
      <c r="D3052">
        <f t="shared" si="47"/>
        <v>22</v>
      </c>
    </row>
    <row r="3053" spans="1:4" x14ac:dyDescent="0.25">
      <c r="A3053" s="20">
        <v>43682.958333325943</v>
      </c>
      <c r="B3053" s="22">
        <v>1.7029837369918823</v>
      </c>
      <c r="C3053" s="21">
        <v>222932.19369135241</v>
      </c>
      <c r="D3053">
        <f t="shared" si="47"/>
        <v>23</v>
      </c>
    </row>
    <row r="3054" spans="1:4" x14ac:dyDescent="0.25">
      <c r="A3054" s="20">
        <v>43682.999999992608</v>
      </c>
      <c r="B3054" s="22">
        <v>1.4657440185546875</v>
      </c>
      <c r="C3054" s="21">
        <v>191875.89543489128</v>
      </c>
      <c r="D3054">
        <f t="shared" si="47"/>
        <v>0</v>
      </c>
    </row>
    <row r="3055" spans="1:4" x14ac:dyDescent="0.25">
      <c r="A3055" s="20">
        <v>43683.041666659272</v>
      </c>
      <c r="B3055" s="22">
        <v>1.1935325860977173</v>
      </c>
      <c r="C3055" s="21">
        <v>156241.56113837592</v>
      </c>
      <c r="D3055">
        <f t="shared" si="47"/>
        <v>1</v>
      </c>
    </row>
    <row r="3056" spans="1:4" x14ac:dyDescent="0.25">
      <c r="A3056" s="20">
        <v>43683.083333325936</v>
      </c>
      <c r="B3056" s="22">
        <v>1.0335485935211182</v>
      </c>
      <c r="C3056" s="21">
        <v>135298.56465174985</v>
      </c>
      <c r="D3056">
        <f t="shared" si="47"/>
        <v>2</v>
      </c>
    </row>
    <row r="3057" spans="1:4" x14ac:dyDescent="0.25">
      <c r="A3057" s="20">
        <v>43683.1249999926</v>
      </c>
      <c r="B3057" s="22">
        <v>0.96368926763534546</v>
      </c>
      <c r="C3057" s="21">
        <v>126153.50211755103</v>
      </c>
      <c r="D3057">
        <f t="shared" si="47"/>
        <v>3</v>
      </c>
    </row>
    <row r="3058" spans="1:4" x14ac:dyDescent="0.25">
      <c r="A3058" s="20">
        <v>43683.166666659265</v>
      </c>
      <c r="B3058" s="22">
        <v>0.89945530891418457</v>
      </c>
      <c r="C3058" s="21">
        <v>117744.83853719151</v>
      </c>
      <c r="D3058">
        <f t="shared" si="47"/>
        <v>4</v>
      </c>
    </row>
    <row r="3059" spans="1:4" x14ac:dyDescent="0.25">
      <c r="A3059" s="20">
        <v>43683.208333325929</v>
      </c>
      <c r="B3059" s="22">
        <v>0.8699650764465332</v>
      </c>
      <c r="C3059" s="21">
        <v>113884.36584231174</v>
      </c>
      <c r="D3059">
        <f t="shared" si="47"/>
        <v>5</v>
      </c>
    </row>
    <row r="3060" spans="1:4" x14ac:dyDescent="0.25">
      <c r="A3060" s="20">
        <v>43683.249999992593</v>
      </c>
      <c r="B3060" s="22">
        <v>0.96684539318084717</v>
      </c>
      <c r="C3060" s="21">
        <v>126566.66049137486</v>
      </c>
      <c r="D3060">
        <f t="shared" si="47"/>
        <v>6</v>
      </c>
    </row>
    <row r="3061" spans="1:4" x14ac:dyDescent="0.25">
      <c r="A3061" s="20">
        <v>43683.291666659257</v>
      </c>
      <c r="B3061" s="22">
        <v>0.99651062488555908</v>
      </c>
      <c r="C3061" s="21">
        <v>130450.04178072022</v>
      </c>
      <c r="D3061">
        <f t="shared" si="47"/>
        <v>7</v>
      </c>
    </row>
    <row r="3062" spans="1:4" x14ac:dyDescent="0.25">
      <c r="A3062" s="20">
        <v>43683.333333325922</v>
      </c>
      <c r="B3062" s="22">
        <v>1.1407309770584106</v>
      </c>
      <c r="C3062" s="21">
        <v>149329.47015484239</v>
      </c>
      <c r="D3062">
        <f t="shared" si="47"/>
        <v>8</v>
      </c>
    </row>
    <row r="3063" spans="1:4" x14ac:dyDescent="0.25">
      <c r="A3063" s="20">
        <v>43683.374999992586</v>
      </c>
      <c r="B3063" s="22">
        <v>1.2655386924743652</v>
      </c>
      <c r="C3063" s="21">
        <v>165667.65189017239</v>
      </c>
      <c r="D3063">
        <f t="shared" si="47"/>
        <v>9</v>
      </c>
    </row>
    <row r="3064" spans="1:4" x14ac:dyDescent="0.25">
      <c r="A3064" s="20">
        <v>43683.41666665925</v>
      </c>
      <c r="B3064" s="22">
        <v>1.4908744096755981</v>
      </c>
      <c r="C3064" s="21">
        <v>195165.63514244845</v>
      </c>
      <c r="D3064">
        <f t="shared" si="47"/>
        <v>10</v>
      </c>
    </row>
    <row r="3065" spans="1:4" x14ac:dyDescent="0.25">
      <c r="A3065" s="20">
        <v>43683.458333325914</v>
      </c>
      <c r="B3065" s="22">
        <v>1.7608821392059326</v>
      </c>
      <c r="C3065" s="21">
        <v>230511.48968604105</v>
      </c>
      <c r="D3065">
        <f t="shared" si="47"/>
        <v>11</v>
      </c>
    </row>
    <row r="3066" spans="1:4" x14ac:dyDescent="0.25">
      <c r="A3066" s="20">
        <v>43683.499999992579</v>
      </c>
      <c r="B3066" s="22">
        <v>2.0140810012817383</v>
      </c>
      <c r="C3066" s="21">
        <v>263656.94876271958</v>
      </c>
      <c r="D3066">
        <f t="shared" si="47"/>
        <v>12</v>
      </c>
    </row>
    <row r="3067" spans="1:4" x14ac:dyDescent="0.25">
      <c r="A3067" s="20">
        <v>43683.541666659243</v>
      </c>
      <c r="B3067" s="22">
        <v>2.1280035972595215</v>
      </c>
      <c r="C3067" s="21">
        <v>278570.19407485728</v>
      </c>
      <c r="D3067">
        <f t="shared" si="47"/>
        <v>13</v>
      </c>
    </row>
    <row r="3068" spans="1:4" x14ac:dyDescent="0.25">
      <c r="A3068" s="20">
        <v>43683.583333325907</v>
      </c>
      <c r="B3068" s="22">
        <v>2.2737908363342285</v>
      </c>
      <c r="C3068" s="21">
        <v>297654.73863811814</v>
      </c>
      <c r="D3068">
        <f t="shared" si="47"/>
        <v>14</v>
      </c>
    </row>
    <row r="3069" spans="1:4" x14ac:dyDescent="0.25">
      <c r="A3069" s="20">
        <v>43683.624999992571</v>
      </c>
      <c r="B3069" s="22">
        <v>2.6338083744049072</v>
      </c>
      <c r="C3069" s="21">
        <v>344783.49141835613</v>
      </c>
      <c r="D3069">
        <f t="shared" si="47"/>
        <v>15</v>
      </c>
    </row>
    <row r="3070" spans="1:4" x14ac:dyDescent="0.25">
      <c r="A3070" s="20">
        <v>43683.666666659235</v>
      </c>
      <c r="B3070" s="22">
        <v>2.7349131107330322</v>
      </c>
      <c r="C3070" s="21">
        <v>358018.79142305738</v>
      </c>
      <c r="D3070">
        <f t="shared" si="47"/>
        <v>16</v>
      </c>
    </row>
    <row r="3071" spans="1:4" x14ac:dyDescent="0.25">
      <c r="A3071" s="20">
        <v>43683.7083333259</v>
      </c>
      <c r="B3071" s="22">
        <v>2.5879859924316406</v>
      </c>
      <c r="C3071" s="21">
        <v>338785.02888957859</v>
      </c>
      <c r="D3071">
        <f t="shared" si="47"/>
        <v>17</v>
      </c>
    </row>
    <row r="3072" spans="1:4" x14ac:dyDescent="0.25">
      <c r="A3072" s="20">
        <v>43683.749999992564</v>
      </c>
      <c r="B3072" s="22">
        <v>2.4979183673858643</v>
      </c>
      <c r="C3072" s="21">
        <v>326994.56207778607</v>
      </c>
      <c r="D3072">
        <f t="shared" si="47"/>
        <v>18</v>
      </c>
    </row>
    <row r="3073" spans="1:4" x14ac:dyDescent="0.25">
      <c r="A3073" s="20">
        <v>43683.791666659228</v>
      </c>
      <c r="B3073" s="22">
        <v>2.3443915843963623</v>
      </c>
      <c r="C3073" s="21">
        <v>306896.85839525878</v>
      </c>
      <c r="D3073">
        <f t="shared" si="47"/>
        <v>19</v>
      </c>
    </row>
    <row r="3074" spans="1:4" x14ac:dyDescent="0.25">
      <c r="A3074" s="20">
        <v>43683.833333325892</v>
      </c>
      <c r="B3074" s="22">
        <v>2.1365509033203125</v>
      </c>
      <c r="C3074" s="21">
        <v>279689.09477184765</v>
      </c>
      <c r="D3074">
        <f t="shared" si="47"/>
        <v>20</v>
      </c>
    </row>
    <row r="3075" spans="1:4" x14ac:dyDescent="0.25">
      <c r="A3075" s="20">
        <v>43683.874999992557</v>
      </c>
      <c r="B3075" s="22">
        <v>2.1028203964233398</v>
      </c>
      <c r="C3075" s="21">
        <v>275273.54121515551</v>
      </c>
      <c r="D3075">
        <f t="shared" si="47"/>
        <v>21</v>
      </c>
    </row>
    <row r="3076" spans="1:4" x14ac:dyDescent="0.25">
      <c r="A3076" s="20">
        <v>43683.916666659221</v>
      </c>
      <c r="B3076" s="22">
        <v>1.8903621435165405</v>
      </c>
      <c r="C3076" s="21">
        <v>247461.30592510663</v>
      </c>
      <c r="D3076">
        <f t="shared" si="47"/>
        <v>22</v>
      </c>
    </row>
    <row r="3077" spans="1:4" x14ac:dyDescent="0.25">
      <c r="A3077" s="20">
        <v>43683.958333325885</v>
      </c>
      <c r="B3077" s="22">
        <v>1.5991660356521606</v>
      </c>
      <c r="C3077" s="21">
        <v>209341.74805119645</v>
      </c>
      <c r="D3077">
        <f t="shared" si="47"/>
        <v>23</v>
      </c>
    </row>
    <row r="3078" spans="1:4" x14ac:dyDescent="0.25">
      <c r="A3078" s="20">
        <v>43683.999999992549</v>
      </c>
      <c r="B3078" s="22">
        <v>1.2722300291061401</v>
      </c>
      <c r="C3078" s="21">
        <v>166543.5935222891</v>
      </c>
      <c r="D3078">
        <f t="shared" si="47"/>
        <v>0</v>
      </c>
    </row>
    <row r="3079" spans="1:4" x14ac:dyDescent="0.25">
      <c r="A3079" s="20">
        <v>43684.041666659214</v>
      </c>
      <c r="B3079" s="22">
        <v>1.0792078971862793</v>
      </c>
      <c r="C3079" s="21">
        <v>141275.67911701999</v>
      </c>
      <c r="D3079">
        <f t="shared" ref="D3079:D3142" si="48">HOUR(A3079)</f>
        <v>1</v>
      </c>
    </row>
    <row r="3080" spans="1:4" x14ac:dyDescent="0.25">
      <c r="A3080" s="20">
        <v>43684.083333325878</v>
      </c>
      <c r="B3080" s="22">
        <v>1.0055944919586182</v>
      </c>
      <c r="C3080" s="21">
        <v>131639.18197613672</v>
      </c>
      <c r="D3080">
        <f t="shared" si="48"/>
        <v>2</v>
      </c>
    </row>
    <row r="3081" spans="1:4" x14ac:dyDescent="0.25">
      <c r="A3081" s="20">
        <v>43684.124999992542</v>
      </c>
      <c r="B3081" s="22">
        <v>0.97205454111099243</v>
      </c>
      <c r="C3081" s="21">
        <v>127248.57350681054</v>
      </c>
      <c r="D3081">
        <f t="shared" si="48"/>
        <v>3</v>
      </c>
    </row>
    <row r="3082" spans="1:4" x14ac:dyDescent="0.25">
      <c r="A3082" s="20">
        <v>43684.166666659206</v>
      </c>
      <c r="B3082" s="22">
        <v>0.94807344675064087</v>
      </c>
      <c r="C3082" s="21">
        <v>124109.28458892817</v>
      </c>
      <c r="D3082">
        <f t="shared" si="48"/>
        <v>4</v>
      </c>
    </row>
    <row r="3083" spans="1:4" x14ac:dyDescent="0.25">
      <c r="A3083" s="20">
        <v>43684.208333325871</v>
      </c>
      <c r="B3083" s="22">
        <v>0.95253276824951172</v>
      </c>
      <c r="C3083" s="21">
        <v>124693.04020709649</v>
      </c>
      <c r="D3083">
        <f t="shared" si="48"/>
        <v>5</v>
      </c>
    </row>
    <row r="3084" spans="1:4" x14ac:dyDescent="0.25">
      <c r="A3084" s="20">
        <v>43684.249999992535</v>
      </c>
      <c r="B3084" s="22">
        <v>1.1359938383102417</v>
      </c>
      <c r="C3084" s="21">
        <v>148709.34636269452</v>
      </c>
      <c r="D3084">
        <f t="shared" si="48"/>
        <v>6</v>
      </c>
    </row>
    <row r="3085" spans="1:4" x14ac:dyDescent="0.25">
      <c r="A3085" s="20">
        <v>43684.291666659199</v>
      </c>
      <c r="B3085" s="22">
        <v>1.0403029918670654</v>
      </c>
      <c r="C3085" s="21">
        <v>136182.76149263515</v>
      </c>
      <c r="D3085">
        <f t="shared" si="48"/>
        <v>7</v>
      </c>
    </row>
    <row r="3086" spans="1:4" x14ac:dyDescent="0.25">
      <c r="A3086" s="20">
        <v>43684.333333325863</v>
      </c>
      <c r="B3086" s="22">
        <v>1.1049448251724243</v>
      </c>
      <c r="C3086" s="21">
        <v>144644.8186397276</v>
      </c>
      <c r="D3086">
        <f t="shared" si="48"/>
        <v>8</v>
      </c>
    </row>
    <row r="3087" spans="1:4" x14ac:dyDescent="0.25">
      <c r="A3087" s="20">
        <v>43684.374999992528</v>
      </c>
      <c r="B3087" s="22">
        <v>1.2630175352096558</v>
      </c>
      <c r="C3087" s="21">
        <v>165337.61519783415</v>
      </c>
      <c r="D3087">
        <f t="shared" si="48"/>
        <v>9</v>
      </c>
    </row>
    <row r="3088" spans="1:4" x14ac:dyDescent="0.25">
      <c r="A3088" s="20">
        <v>43684.416666659192</v>
      </c>
      <c r="B3088" s="22">
        <v>1.3957420587539673</v>
      </c>
      <c r="C3088" s="21">
        <v>182712.16114777824</v>
      </c>
      <c r="D3088">
        <f t="shared" si="48"/>
        <v>10</v>
      </c>
    </row>
    <row r="3089" spans="1:4" x14ac:dyDescent="0.25">
      <c r="A3089" s="20">
        <v>43684.458333325856</v>
      </c>
      <c r="B3089" s="22">
        <v>1.5728487968444824</v>
      </c>
      <c r="C3089" s="21">
        <v>205896.64188144632</v>
      </c>
      <c r="D3089">
        <f t="shared" si="48"/>
        <v>11</v>
      </c>
    </row>
    <row r="3090" spans="1:4" x14ac:dyDescent="0.25">
      <c r="A3090" s="20">
        <v>43684.49999999252</v>
      </c>
      <c r="B3090" s="22">
        <v>1.5932891368865967</v>
      </c>
      <c r="C3090" s="21">
        <v>208572.42189414025</v>
      </c>
      <c r="D3090">
        <f t="shared" si="48"/>
        <v>12</v>
      </c>
    </row>
    <row r="3091" spans="1:4" x14ac:dyDescent="0.25">
      <c r="A3091" s="20">
        <v>43684.541666659185</v>
      </c>
      <c r="B3091" s="22">
        <v>1.877724289894104</v>
      </c>
      <c r="C3091" s="21">
        <v>245806.92463513816</v>
      </c>
      <c r="D3091">
        <f t="shared" si="48"/>
        <v>13</v>
      </c>
    </row>
    <row r="3092" spans="1:4" x14ac:dyDescent="0.25">
      <c r="A3092" s="20">
        <v>43684.583333325849</v>
      </c>
      <c r="B3092" s="22">
        <v>2.0472056865692139</v>
      </c>
      <c r="C3092" s="21">
        <v>267993.19613611879</v>
      </c>
      <c r="D3092">
        <f t="shared" si="48"/>
        <v>14</v>
      </c>
    </row>
    <row r="3093" spans="1:4" x14ac:dyDescent="0.25">
      <c r="A3093" s="20">
        <v>43684.624999992513</v>
      </c>
      <c r="B3093" s="22">
        <v>2.2839093208312988</v>
      </c>
      <c r="C3093" s="21">
        <v>298979.31731539208</v>
      </c>
      <c r="D3093">
        <f t="shared" si="48"/>
        <v>15</v>
      </c>
    </row>
    <row r="3094" spans="1:4" x14ac:dyDescent="0.25">
      <c r="A3094" s="20">
        <v>43684.666666659177</v>
      </c>
      <c r="B3094" s="22">
        <v>2.4079322814941406</v>
      </c>
      <c r="C3094" s="21">
        <v>315214.76929774735</v>
      </c>
      <c r="D3094">
        <f t="shared" si="48"/>
        <v>16</v>
      </c>
    </row>
    <row r="3095" spans="1:4" x14ac:dyDescent="0.25">
      <c r="A3095" s="20">
        <v>43684.708333325842</v>
      </c>
      <c r="B3095" s="22">
        <v>2.5269937515258789</v>
      </c>
      <c r="C3095" s="21">
        <v>330800.72829532239</v>
      </c>
      <c r="D3095">
        <f t="shared" si="48"/>
        <v>17</v>
      </c>
    </row>
    <row r="3096" spans="1:4" x14ac:dyDescent="0.25">
      <c r="A3096" s="20">
        <v>43684.749999992506</v>
      </c>
      <c r="B3096" s="22">
        <v>2.4411015510559082</v>
      </c>
      <c r="C3096" s="21">
        <v>319556.85305693006</v>
      </c>
      <c r="D3096">
        <f t="shared" si="48"/>
        <v>18</v>
      </c>
    </row>
    <row r="3097" spans="1:4" x14ac:dyDescent="0.25">
      <c r="A3097" s="20">
        <v>43684.79166665917</v>
      </c>
      <c r="B3097" s="22">
        <v>2.2807645797729492</v>
      </c>
      <c r="C3097" s="21">
        <v>298567.6492486333</v>
      </c>
      <c r="D3097">
        <f t="shared" si="48"/>
        <v>19</v>
      </c>
    </row>
    <row r="3098" spans="1:4" x14ac:dyDescent="0.25">
      <c r="A3098" s="20">
        <v>43684.833333325834</v>
      </c>
      <c r="B3098" s="22">
        <v>2.3214592933654785</v>
      </c>
      <c r="C3098" s="21">
        <v>303894.86499107408</v>
      </c>
      <c r="D3098">
        <f t="shared" si="48"/>
        <v>20</v>
      </c>
    </row>
    <row r="3099" spans="1:4" x14ac:dyDescent="0.25">
      <c r="A3099" s="20">
        <v>43684.874999992498</v>
      </c>
      <c r="B3099" s="22">
        <v>2.0735085010528564</v>
      </c>
      <c r="C3099" s="21">
        <v>271436.41406340961</v>
      </c>
      <c r="D3099">
        <f t="shared" si="48"/>
        <v>21</v>
      </c>
    </row>
    <row r="3100" spans="1:4" x14ac:dyDescent="0.25">
      <c r="A3100" s="20">
        <v>43684.916666659163</v>
      </c>
      <c r="B3100" s="22">
        <v>1.7147516012191772</v>
      </c>
      <c r="C3100" s="21">
        <v>224472.68743199544</v>
      </c>
      <c r="D3100">
        <f t="shared" si="48"/>
        <v>22</v>
      </c>
    </row>
    <row r="3101" spans="1:4" x14ac:dyDescent="0.25">
      <c r="A3101" s="20">
        <v>43684.958333325827</v>
      </c>
      <c r="B3101" s="22">
        <v>1.4559999704360962</v>
      </c>
      <c r="C3101" s="21">
        <v>190600.33303501265</v>
      </c>
      <c r="D3101">
        <f t="shared" si="48"/>
        <v>23</v>
      </c>
    </row>
    <row r="3102" spans="1:4" x14ac:dyDescent="0.25">
      <c r="A3102" s="20">
        <v>43684.999999992491</v>
      </c>
      <c r="B3102" s="22">
        <v>1.2876369953155518</v>
      </c>
      <c r="C3102" s="21">
        <v>168560.47054852525</v>
      </c>
      <c r="D3102">
        <f t="shared" si="48"/>
        <v>0</v>
      </c>
    </row>
    <row r="3103" spans="1:4" x14ac:dyDescent="0.25">
      <c r="A3103" s="20">
        <v>43685.041666659155</v>
      </c>
      <c r="B3103" s="22">
        <v>1.1186172962188721</v>
      </c>
      <c r="C3103" s="21">
        <v>146434.63841155358</v>
      </c>
      <c r="D3103">
        <f t="shared" si="48"/>
        <v>1</v>
      </c>
    </row>
    <row r="3104" spans="1:4" x14ac:dyDescent="0.25">
      <c r="A3104" s="20">
        <v>43685.08333332582</v>
      </c>
      <c r="B3104" s="22">
        <v>0.97671020030975342</v>
      </c>
      <c r="C3104" s="21">
        <v>127858.03106985951</v>
      </c>
      <c r="D3104">
        <f t="shared" si="48"/>
        <v>2</v>
      </c>
    </row>
    <row r="3105" spans="1:4" x14ac:dyDescent="0.25">
      <c r="A3105" s="20">
        <v>43685.124999992484</v>
      </c>
      <c r="B3105" s="22">
        <v>0.92905879020690918</v>
      </c>
      <c r="C3105" s="21">
        <v>121620.13627617367</v>
      </c>
      <c r="D3105">
        <f t="shared" si="48"/>
        <v>3</v>
      </c>
    </row>
    <row r="3106" spans="1:4" x14ac:dyDescent="0.25">
      <c r="A3106" s="20">
        <v>43685.166666659148</v>
      </c>
      <c r="B3106" s="22">
        <v>0.84336239099502563</v>
      </c>
      <c r="C3106" s="21">
        <v>110401.89275876881</v>
      </c>
      <c r="D3106">
        <f t="shared" si="48"/>
        <v>4</v>
      </c>
    </row>
    <row r="3107" spans="1:4" x14ac:dyDescent="0.25">
      <c r="A3107" s="20">
        <v>43685.208333325812</v>
      </c>
      <c r="B3107" s="22">
        <v>0.91553628444671631</v>
      </c>
      <c r="C3107" s="21">
        <v>119849.94798380119</v>
      </c>
      <c r="D3107">
        <f t="shared" si="48"/>
        <v>5</v>
      </c>
    </row>
    <row r="3108" spans="1:4" x14ac:dyDescent="0.25">
      <c r="A3108" s="20">
        <v>43685.249999992477</v>
      </c>
      <c r="B3108" s="22">
        <v>1.0384460687637329</v>
      </c>
      <c r="C3108" s="21">
        <v>135939.67758528484</v>
      </c>
      <c r="D3108">
        <f t="shared" si="48"/>
        <v>6</v>
      </c>
    </row>
    <row r="3109" spans="1:4" x14ac:dyDescent="0.25">
      <c r="A3109" s="20">
        <v>43685.291666659141</v>
      </c>
      <c r="B3109" s="22">
        <v>1.1258877515792847</v>
      </c>
      <c r="C3109" s="21">
        <v>147386.39063761698</v>
      </c>
      <c r="D3109">
        <f t="shared" si="48"/>
        <v>7</v>
      </c>
    </row>
    <row r="3110" spans="1:4" x14ac:dyDescent="0.25">
      <c r="A3110" s="20">
        <v>43685.333333325805</v>
      </c>
      <c r="B3110" s="22">
        <v>1.0027623176574707</v>
      </c>
      <c r="C3110" s="21">
        <v>131268.43103110051</v>
      </c>
      <c r="D3110">
        <f t="shared" si="48"/>
        <v>8</v>
      </c>
    </row>
    <row r="3111" spans="1:4" x14ac:dyDescent="0.25">
      <c r="A3111" s="20">
        <v>43685.374999992469</v>
      </c>
      <c r="B3111" s="22">
        <v>1.1678721904754639</v>
      </c>
      <c r="C3111" s="21">
        <v>152882.44022441958</v>
      </c>
      <c r="D3111">
        <f t="shared" si="48"/>
        <v>9</v>
      </c>
    </row>
    <row r="3112" spans="1:4" x14ac:dyDescent="0.25">
      <c r="A3112" s="20">
        <v>43685.416666659134</v>
      </c>
      <c r="B3112" s="22">
        <v>1.4100637435913086</v>
      </c>
      <c r="C3112" s="21">
        <v>184586.96743558478</v>
      </c>
      <c r="D3112">
        <f t="shared" si="48"/>
        <v>10</v>
      </c>
    </row>
    <row r="3113" spans="1:4" x14ac:dyDescent="0.25">
      <c r="A3113" s="20">
        <v>43685.458333325798</v>
      </c>
      <c r="B3113" s="22">
        <v>1.7424746751785278</v>
      </c>
      <c r="C3113" s="21">
        <v>228101.82701763968</v>
      </c>
      <c r="D3113">
        <f t="shared" si="48"/>
        <v>11</v>
      </c>
    </row>
    <row r="3114" spans="1:4" x14ac:dyDescent="0.25">
      <c r="A3114" s="20">
        <v>43685.499999992462</v>
      </c>
      <c r="B3114" s="22">
        <v>1.9331928491592407</v>
      </c>
      <c r="C3114" s="21">
        <v>253068.13760462799</v>
      </c>
      <c r="D3114">
        <f t="shared" si="48"/>
        <v>12</v>
      </c>
    </row>
    <row r="3115" spans="1:4" x14ac:dyDescent="0.25">
      <c r="A3115" s="20">
        <v>43685.541666659126</v>
      </c>
      <c r="B3115" s="22">
        <v>2.1543495655059814</v>
      </c>
      <c r="C3115" s="21">
        <v>282019.06112421653</v>
      </c>
      <c r="D3115">
        <f t="shared" si="48"/>
        <v>13</v>
      </c>
    </row>
    <row r="3116" spans="1:4" x14ac:dyDescent="0.25">
      <c r="A3116" s="20">
        <v>43685.583333325791</v>
      </c>
      <c r="B3116" s="22">
        <v>2.2656011581420898</v>
      </c>
      <c r="C3116" s="21">
        <v>296582.6538698721</v>
      </c>
      <c r="D3116">
        <f t="shared" si="48"/>
        <v>14</v>
      </c>
    </row>
    <row r="3117" spans="1:4" x14ac:dyDescent="0.25">
      <c r="A3117" s="20">
        <v>43685.624999992455</v>
      </c>
      <c r="B3117" s="22">
        <v>2.4923355579376221</v>
      </c>
      <c r="C3117" s="21">
        <v>326263.73421946733</v>
      </c>
      <c r="D3117">
        <f t="shared" si="48"/>
        <v>15</v>
      </c>
    </row>
    <row r="3118" spans="1:4" x14ac:dyDescent="0.25">
      <c r="A3118" s="20">
        <v>43685.666666659119</v>
      </c>
      <c r="B3118" s="22">
        <v>2.7062513828277588</v>
      </c>
      <c r="C3118" s="21">
        <v>354266.77562976867</v>
      </c>
      <c r="D3118">
        <f t="shared" si="48"/>
        <v>16</v>
      </c>
    </row>
    <row r="3119" spans="1:4" x14ac:dyDescent="0.25">
      <c r="A3119" s="20">
        <v>43685.708333325783</v>
      </c>
      <c r="B3119" s="22">
        <v>2.7127020359039307</v>
      </c>
      <c r="C3119" s="21">
        <v>355111.21014184045</v>
      </c>
      <c r="D3119">
        <f t="shared" si="48"/>
        <v>17</v>
      </c>
    </row>
    <row r="3120" spans="1:4" x14ac:dyDescent="0.25">
      <c r="A3120" s="20">
        <v>43685.749999992448</v>
      </c>
      <c r="B3120" s="22">
        <v>2.5997259616851807</v>
      </c>
      <c r="C3120" s="21">
        <v>340321.87098777958</v>
      </c>
      <c r="D3120">
        <f t="shared" si="48"/>
        <v>18</v>
      </c>
    </row>
    <row r="3121" spans="1:4" x14ac:dyDescent="0.25">
      <c r="A3121" s="20">
        <v>43685.791666659112</v>
      </c>
      <c r="B3121" s="22">
        <v>2.4590024948120117</v>
      </c>
      <c r="C3121" s="21">
        <v>321900.20876491984</v>
      </c>
      <c r="D3121">
        <f t="shared" si="48"/>
        <v>19</v>
      </c>
    </row>
    <row r="3122" spans="1:4" x14ac:dyDescent="0.25">
      <c r="A3122" s="20">
        <v>43685.833333325776</v>
      </c>
      <c r="B3122" s="22">
        <v>2.172217845916748</v>
      </c>
      <c r="C3122" s="21">
        <v>284358.14097738097</v>
      </c>
      <c r="D3122">
        <f t="shared" si="48"/>
        <v>20</v>
      </c>
    </row>
    <row r="3123" spans="1:4" x14ac:dyDescent="0.25">
      <c r="A3123" s="20">
        <v>43685.87499999244</v>
      </c>
      <c r="B3123" s="22">
        <v>2.1055712699890137</v>
      </c>
      <c r="C3123" s="21">
        <v>275633.64933905716</v>
      </c>
      <c r="D3123">
        <f t="shared" si="48"/>
        <v>21</v>
      </c>
    </row>
    <row r="3124" spans="1:4" x14ac:dyDescent="0.25">
      <c r="A3124" s="20">
        <v>43685.916666659105</v>
      </c>
      <c r="B3124" s="22">
        <v>1.8544400930404663</v>
      </c>
      <c r="C3124" s="21">
        <v>242758.86435706899</v>
      </c>
      <c r="D3124">
        <f t="shared" si="48"/>
        <v>22</v>
      </c>
    </row>
    <row r="3125" spans="1:4" x14ac:dyDescent="0.25">
      <c r="A3125" s="20">
        <v>43685.958333325769</v>
      </c>
      <c r="B3125" s="22">
        <v>1.5665555000305176</v>
      </c>
      <c r="C3125" s="21">
        <v>205072.8063780221</v>
      </c>
      <c r="D3125">
        <f t="shared" si="48"/>
        <v>23</v>
      </c>
    </row>
    <row r="3126" spans="1:4" x14ac:dyDescent="0.25">
      <c r="A3126" s="20">
        <v>43685.999999992433</v>
      </c>
      <c r="B3126" s="22">
        <v>1.3287509679794312</v>
      </c>
      <c r="C3126" s="21">
        <v>173942.57016476404</v>
      </c>
      <c r="D3126">
        <f t="shared" si="48"/>
        <v>0</v>
      </c>
    </row>
    <row r="3127" spans="1:4" x14ac:dyDescent="0.25">
      <c r="A3127" s="20">
        <v>43686.041666659097</v>
      </c>
      <c r="B3127" s="22">
        <v>1.1725215911865234</v>
      </c>
      <c r="C3127" s="21">
        <v>153491.07850871552</v>
      </c>
      <c r="D3127">
        <f t="shared" si="48"/>
        <v>1</v>
      </c>
    </row>
    <row r="3128" spans="1:4" x14ac:dyDescent="0.25">
      <c r="A3128" s="20">
        <v>43686.083333325761</v>
      </c>
      <c r="B3128" s="22">
        <v>1.0898756980895996</v>
      </c>
      <c r="C3128" s="21">
        <v>142672.16706084533</v>
      </c>
      <c r="D3128">
        <f t="shared" si="48"/>
        <v>2</v>
      </c>
    </row>
    <row r="3129" spans="1:4" x14ac:dyDescent="0.25">
      <c r="A3129" s="20">
        <v>43686.124999992426</v>
      </c>
      <c r="B3129" s="22">
        <v>0.97984248399734497</v>
      </c>
      <c r="C3129" s="21">
        <v>128268.06838176705</v>
      </c>
      <c r="D3129">
        <f t="shared" si="48"/>
        <v>3</v>
      </c>
    </row>
    <row r="3130" spans="1:4" x14ac:dyDescent="0.25">
      <c r="A3130" s="20">
        <v>43686.16666665909</v>
      </c>
      <c r="B3130" s="22">
        <v>0.95899248123168945</v>
      </c>
      <c r="C3130" s="21">
        <v>125538.66072269644</v>
      </c>
      <c r="D3130">
        <f t="shared" si="48"/>
        <v>4</v>
      </c>
    </row>
    <row r="3131" spans="1:4" x14ac:dyDescent="0.25">
      <c r="A3131" s="20">
        <v>43686.208333325754</v>
      </c>
      <c r="B3131" s="22">
        <v>0.92146807909011841</v>
      </c>
      <c r="C3131" s="21">
        <v>120626.46038591966</v>
      </c>
      <c r="D3131">
        <f t="shared" si="48"/>
        <v>5</v>
      </c>
    </row>
    <row r="3132" spans="1:4" x14ac:dyDescent="0.25">
      <c r="A3132" s="20">
        <v>43686.249999992418</v>
      </c>
      <c r="B3132" s="22">
        <v>1.163979172706604</v>
      </c>
      <c r="C3132" s="21">
        <v>152372.81762941796</v>
      </c>
      <c r="D3132">
        <f t="shared" si="48"/>
        <v>6</v>
      </c>
    </row>
    <row r="3133" spans="1:4" x14ac:dyDescent="0.25">
      <c r="A3133" s="20">
        <v>43686.291666659083</v>
      </c>
      <c r="B3133" s="22">
        <v>1.282261848449707</v>
      </c>
      <c r="C3133" s="21">
        <v>167856.82713949739</v>
      </c>
      <c r="D3133">
        <f t="shared" si="48"/>
        <v>7</v>
      </c>
    </row>
    <row r="3134" spans="1:4" x14ac:dyDescent="0.25">
      <c r="A3134" s="20">
        <v>43686.333333325747</v>
      </c>
      <c r="B3134" s="22">
        <v>1.1248351335525513</v>
      </c>
      <c r="C3134" s="21">
        <v>147248.59575401273</v>
      </c>
      <c r="D3134">
        <f t="shared" si="48"/>
        <v>8</v>
      </c>
    </row>
    <row r="3135" spans="1:4" x14ac:dyDescent="0.25">
      <c r="A3135" s="20">
        <v>43686.374999992411</v>
      </c>
      <c r="B3135" s="22">
        <v>1.1949739456176758</v>
      </c>
      <c r="C3135" s="21">
        <v>156430.24493652527</v>
      </c>
      <c r="D3135">
        <f t="shared" si="48"/>
        <v>9</v>
      </c>
    </row>
    <row r="3136" spans="1:4" x14ac:dyDescent="0.25">
      <c r="A3136" s="20">
        <v>43686.416666659075</v>
      </c>
      <c r="B3136" s="22">
        <v>1.3597948551177979</v>
      </c>
      <c r="C3136" s="21">
        <v>178006.42685941892</v>
      </c>
      <c r="D3136">
        <f t="shared" si="48"/>
        <v>10</v>
      </c>
    </row>
    <row r="3137" spans="1:4" x14ac:dyDescent="0.25">
      <c r="A3137" s="20">
        <v>43686.45833332574</v>
      </c>
      <c r="B3137" s="22">
        <v>1.672335147857666</v>
      </c>
      <c r="C3137" s="21">
        <v>218920.08420326962</v>
      </c>
      <c r="D3137">
        <f t="shared" si="48"/>
        <v>11</v>
      </c>
    </row>
    <row r="3138" spans="1:4" x14ac:dyDescent="0.25">
      <c r="A3138" s="20">
        <v>43686.499999992404</v>
      </c>
      <c r="B3138" s="22">
        <v>1.9436526298522949</v>
      </c>
      <c r="C3138" s="21">
        <v>254437.39428323368</v>
      </c>
      <c r="D3138">
        <f t="shared" si="48"/>
        <v>12</v>
      </c>
    </row>
    <row r="3139" spans="1:4" x14ac:dyDescent="0.25">
      <c r="A3139" s="20">
        <v>43686.541666659068</v>
      </c>
      <c r="B3139" s="22">
        <v>2.2602167129516602</v>
      </c>
      <c r="C3139" s="21">
        <v>295877.79324669688</v>
      </c>
      <c r="D3139">
        <f t="shared" si="48"/>
        <v>13</v>
      </c>
    </row>
    <row r="3140" spans="1:4" x14ac:dyDescent="0.25">
      <c r="A3140" s="20">
        <v>43686.583333325732</v>
      </c>
      <c r="B3140" s="22">
        <v>2.4713256359100342</v>
      </c>
      <c r="C3140" s="21">
        <v>323513.39203759324</v>
      </c>
      <c r="D3140">
        <f t="shared" si="48"/>
        <v>14</v>
      </c>
    </row>
    <row r="3141" spans="1:4" x14ac:dyDescent="0.25">
      <c r="A3141" s="20">
        <v>43686.624999992397</v>
      </c>
      <c r="B3141" s="22">
        <v>2.8262753486633301</v>
      </c>
      <c r="C3141" s="21">
        <v>369978.73189690441</v>
      </c>
      <c r="D3141">
        <f t="shared" si="48"/>
        <v>15</v>
      </c>
    </row>
    <row r="3142" spans="1:4" x14ac:dyDescent="0.25">
      <c r="A3142" s="20">
        <v>43686.666666659061</v>
      </c>
      <c r="B3142" s="22">
        <v>2.7857582569122314</v>
      </c>
      <c r="C3142" s="21">
        <v>364674.76806573995</v>
      </c>
      <c r="D3142">
        <f t="shared" si="48"/>
        <v>16</v>
      </c>
    </row>
    <row r="3143" spans="1:4" x14ac:dyDescent="0.25">
      <c r="A3143" s="20">
        <v>43686.708333325725</v>
      </c>
      <c r="B3143" s="22">
        <v>2.7531628608703613</v>
      </c>
      <c r="C3143" s="21">
        <v>360407.80826688244</v>
      </c>
      <c r="D3143">
        <f t="shared" ref="D3143:D3206" si="49">HOUR(A3143)</f>
        <v>17</v>
      </c>
    </row>
    <row r="3144" spans="1:4" x14ac:dyDescent="0.25">
      <c r="A3144" s="20">
        <v>43686.749999992389</v>
      </c>
      <c r="B3144" s="22">
        <v>2.6695919036865234</v>
      </c>
      <c r="C3144" s="21">
        <v>349467.79961666017</v>
      </c>
      <c r="D3144">
        <f t="shared" si="49"/>
        <v>18</v>
      </c>
    </row>
    <row r="3145" spans="1:4" x14ac:dyDescent="0.25">
      <c r="A3145" s="20">
        <v>43686.791666659054</v>
      </c>
      <c r="B3145" s="22">
        <v>2.4462082386016846</v>
      </c>
      <c r="C3145" s="21">
        <v>320225.35330878041</v>
      </c>
      <c r="D3145">
        <f t="shared" si="49"/>
        <v>19</v>
      </c>
    </row>
    <row r="3146" spans="1:4" x14ac:dyDescent="0.25">
      <c r="A3146" s="20">
        <v>43686.833333325718</v>
      </c>
      <c r="B3146" s="22">
        <v>2.3718478679656982</v>
      </c>
      <c r="C3146" s="21">
        <v>310491.07329805975</v>
      </c>
      <c r="D3146">
        <f t="shared" si="49"/>
        <v>20</v>
      </c>
    </row>
    <row r="3147" spans="1:4" x14ac:dyDescent="0.25">
      <c r="A3147" s="20">
        <v>43686.874999992382</v>
      </c>
      <c r="B3147" s="22">
        <v>2.1497352123260498</v>
      </c>
      <c r="C3147" s="21">
        <v>281415.01080093754</v>
      </c>
      <c r="D3147">
        <f t="shared" si="49"/>
        <v>21</v>
      </c>
    </row>
    <row r="3148" spans="1:4" x14ac:dyDescent="0.25">
      <c r="A3148" s="20">
        <v>43686.916666659046</v>
      </c>
      <c r="B3148" s="22">
        <v>2.1170670986175537</v>
      </c>
      <c r="C3148" s="21">
        <v>277138.53176323534</v>
      </c>
      <c r="D3148">
        <f t="shared" si="49"/>
        <v>22</v>
      </c>
    </row>
    <row r="3149" spans="1:4" x14ac:dyDescent="0.25">
      <c r="A3149" s="20">
        <v>43686.958333325711</v>
      </c>
      <c r="B3149" s="22">
        <v>1.7048413753509521</v>
      </c>
      <c r="C3149" s="21">
        <v>223175.37123056024</v>
      </c>
      <c r="D3149">
        <f t="shared" si="49"/>
        <v>23</v>
      </c>
    </row>
    <row r="3150" spans="1:4" x14ac:dyDescent="0.25">
      <c r="A3150" s="20">
        <v>43686.999999992375</v>
      </c>
      <c r="B3150" s="22">
        <v>1.4650486707687378</v>
      </c>
      <c r="C3150" s="21">
        <v>191784.86966410265</v>
      </c>
      <c r="D3150">
        <f t="shared" si="49"/>
        <v>0</v>
      </c>
    </row>
    <row r="3151" spans="1:4" x14ac:dyDescent="0.25">
      <c r="A3151" s="20">
        <v>43687.041666659039</v>
      </c>
      <c r="B3151" s="22">
        <v>1.2334086894989014</v>
      </c>
      <c r="C3151" s="21">
        <v>161461.61521992087</v>
      </c>
      <c r="D3151">
        <f t="shared" si="49"/>
        <v>1</v>
      </c>
    </row>
    <row r="3152" spans="1:4" x14ac:dyDescent="0.25">
      <c r="A3152" s="20">
        <v>43687.083333325703</v>
      </c>
      <c r="B3152" s="22">
        <v>1.0782192945480347</v>
      </c>
      <c r="C3152" s="21">
        <v>141146.26428466098</v>
      </c>
      <c r="D3152">
        <f t="shared" si="49"/>
        <v>2</v>
      </c>
    </row>
    <row r="3153" spans="1:4" x14ac:dyDescent="0.25">
      <c r="A3153" s="20">
        <v>43687.124999992368</v>
      </c>
      <c r="B3153" s="22">
        <v>1.0229531526565552</v>
      </c>
      <c r="C3153" s="21">
        <v>133911.54913084046</v>
      </c>
      <c r="D3153">
        <f t="shared" si="49"/>
        <v>3</v>
      </c>
    </row>
    <row r="3154" spans="1:4" x14ac:dyDescent="0.25">
      <c r="A3154" s="20">
        <v>43687.166666659032</v>
      </c>
      <c r="B3154" s="22">
        <v>0.96852272748947144</v>
      </c>
      <c r="C3154" s="21">
        <v>126786.23499984074</v>
      </c>
      <c r="D3154">
        <f t="shared" si="49"/>
        <v>4</v>
      </c>
    </row>
    <row r="3155" spans="1:4" x14ac:dyDescent="0.25">
      <c r="A3155" s="20">
        <v>43687.208333325696</v>
      </c>
      <c r="B3155" s="22">
        <v>0.93914991617202759</v>
      </c>
      <c r="C3155" s="21">
        <v>122941.1335348987</v>
      </c>
      <c r="D3155">
        <f t="shared" si="49"/>
        <v>5</v>
      </c>
    </row>
    <row r="3156" spans="1:4" x14ac:dyDescent="0.25">
      <c r="A3156" s="20">
        <v>43687.24999999236</v>
      </c>
      <c r="B3156" s="22">
        <v>0.90041917562484741</v>
      </c>
      <c r="C3156" s="21">
        <v>117871.01526781238</v>
      </c>
      <c r="D3156">
        <f t="shared" si="49"/>
        <v>6</v>
      </c>
    </row>
    <row r="3157" spans="1:4" x14ac:dyDescent="0.25">
      <c r="A3157" s="20">
        <v>43687.291666659024</v>
      </c>
      <c r="B3157" s="22">
        <v>1.0944998264312744</v>
      </c>
      <c r="C3157" s="21">
        <v>143277.49701951002</v>
      </c>
      <c r="D3157">
        <f t="shared" si="49"/>
        <v>7</v>
      </c>
    </row>
    <row r="3158" spans="1:4" x14ac:dyDescent="0.25">
      <c r="A3158" s="20">
        <v>43687.333333325689</v>
      </c>
      <c r="B3158" s="22">
        <v>1.2078316211700439</v>
      </c>
      <c r="C3158" s="21">
        <v>158113.40241736197</v>
      </c>
      <c r="D3158">
        <f t="shared" si="49"/>
        <v>8</v>
      </c>
    </row>
    <row r="3159" spans="1:4" x14ac:dyDescent="0.25">
      <c r="A3159" s="20">
        <v>43687.374999992353</v>
      </c>
      <c r="B3159" s="22">
        <v>1.3537666797637939</v>
      </c>
      <c r="C3159" s="21">
        <v>177217.29756450382</v>
      </c>
      <c r="D3159">
        <f t="shared" si="49"/>
        <v>9</v>
      </c>
    </row>
    <row r="3160" spans="1:4" x14ac:dyDescent="0.25">
      <c r="A3160" s="20">
        <v>43687.416666659017</v>
      </c>
      <c r="B3160" s="22">
        <v>1.5863925218582153</v>
      </c>
      <c r="C3160" s="21">
        <v>207669.60791892427</v>
      </c>
      <c r="D3160">
        <f t="shared" si="49"/>
        <v>10</v>
      </c>
    </row>
    <row r="3161" spans="1:4" x14ac:dyDescent="0.25">
      <c r="A3161" s="20">
        <v>43687.458333325681</v>
      </c>
      <c r="B3161" s="22">
        <v>1.9297373294830322</v>
      </c>
      <c r="C3161" s="21">
        <v>252615.78649579032</v>
      </c>
      <c r="D3161">
        <f t="shared" si="49"/>
        <v>11</v>
      </c>
    </row>
    <row r="3162" spans="1:4" x14ac:dyDescent="0.25">
      <c r="A3162" s="20">
        <v>43687.499999992346</v>
      </c>
      <c r="B3162" s="22">
        <v>2.1579239368438721</v>
      </c>
      <c r="C3162" s="21">
        <v>282486.9707267069</v>
      </c>
      <c r="D3162">
        <f t="shared" si="49"/>
        <v>12</v>
      </c>
    </row>
    <row r="3163" spans="1:4" x14ac:dyDescent="0.25">
      <c r="A3163" s="20">
        <v>43687.54166665901</v>
      </c>
      <c r="B3163" s="22">
        <v>2.5005171298980713</v>
      </c>
      <c r="C3163" s="21">
        <v>327334.75782666192</v>
      </c>
      <c r="D3163">
        <f t="shared" si="49"/>
        <v>13</v>
      </c>
    </row>
    <row r="3164" spans="1:4" x14ac:dyDescent="0.25">
      <c r="A3164" s="20">
        <v>43687.583333325674</v>
      </c>
      <c r="B3164" s="22">
        <v>2.6306147575378418</v>
      </c>
      <c r="C3164" s="21">
        <v>344365.42517466896</v>
      </c>
      <c r="D3164">
        <f t="shared" si="49"/>
        <v>14</v>
      </c>
    </row>
    <row r="3165" spans="1:4" x14ac:dyDescent="0.25">
      <c r="A3165" s="20">
        <v>43687.624999992338</v>
      </c>
      <c r="B3165" s="22">
        <v>2.6725645065307617</v>
      </c>
      <c r="C3165" s="21">
        <v>349856.93361638341</v>
      </c>
      <c r="D3165">
        <f t="shared" si="49"/>
        <v>15</v>
      </c>
    </row>
    <row r="3166" spans="1:4" x14ac:dyDescent="0.25">
      <c r="A3166" s="20">
        <v>43687.666666659003</v>
      </c>
      <c r="B3166" s="22">
        <v>2.7306091785430908</v>
      </c>
      <c r="C3166" s="21">
        <v>357455.37732592842</v>
      </c>
      <c r="D3166">
        <f t="shared" si="49"/>
        <v>16</v>
      </c>
    </row>
    <row r="3167" spans="1:4" x14ac:dyDescent="0.25">
      <c r="A3167" s="20">
        <v>43687.708333325667</v>
      </c>
      <c r="B3167" s="22">
        <v>2.7838754653930664</v>
      </c>
      <c r="C3167" s="21">
        <v>364428.29780621052</v>
      </c>
      <c r="D3167">
        <f t="shared" si="49"/>
        <v>17</v>
      </c>
    </row>
    <row r="3168" spans="1:4" x14ac:dyDescent="0.25">
      <c r="A3168" s="20">
        <v>43687.749999992331</v>
      </c>
      <c r="B3168" s="22">
        <v>2.6904933452606201</v>
      </c>
      <c r="C3168" s="21">
        <v>352203.94096681516</v>
      </c>
      <c r="D3168">
        <f t="shared" si="49"/>
        <v>18</v>
      </c>
    </row>
    <row r="3169" spans="1:4" x14ac:dyDescent="0.25">
      <c r="A3169" s="20">
        <v>43687.791666658995</v>
      </c>
      <c r="B3169" s="22">
        <v>2.3519127368927002</v>
      </c>
      <c r="C3169" s="21">
        <v>307881.42858737207</v>
      </c>
      <c r="D3169">
        <f t="shared" si="49"/>
        <v>19</v>
      </c>
    </row>
    <row r="3170" spans="1:4" x14ac:dyDescent="0.25">
      <c r="A3170" s="20">
        <v>43687.83333332566</v>
      </c>
      <c r="B3170" s="22">
        <v>2.179149866104126</v>
      </c>
      <c r="C3170" s="21">
        <v>285265.58972954267</v>
      </c>
      <c r="D3170">
        <f t="shared" si="49"/>
        <v>20</v>
      </c>
    </row>
    <row r="3171" spans="1:4" x14ac:dyDescent="0.25">
      <c r="A3171" s="20">
        <v>43687.874999992324</v>
      </c>
      <c r="B3171" s="22">
        <v>2.0499215126037598</v>
      </c>
      <c r="C3171" s="21">
        <v>268348.71629900351</v>
      </c>
      <c r="D3171">
        <f t="shared" si="49"/>
        <v>21</v>
      </c>
    </row>
    <row r="3172" spans="1:4" x14ac:dyDescent="0.25">
      <c r="A3172" s="20">
        <v>43687.916666658988</v>
      </c>
      <c r="B3172" s="22">
        <v>1.7154940366744995</v>
      </c>
      <c r="C3172" s="21">
        <v>224569.87730006871</v>
      </c>
      <c r="D3172">
        <f t="shared" si="49"/>
        <v>22</v>
      </c>
    </row>
    <row r="3173" spans="1:4" x14ac:dyDescent="0.25">
      <c r="A3173" s="20">
        <v>43687.958333325652</v>
      </c>
      <c r="B3173" s="22">
        <v>1.4376710653305054</v>
      </c>
      <c r="C3173" s="21">
        <v>188200.95426562545</v>
      </c>
      <c r="D3173">
        <f t="shared" si="49"/>
        <v>23</v>
      </c>
    </row>
    <row r="3174" spans="1:4" x14ac:dyDescent="0.25">
      <c r="A3174" s="20">
        <v>43687.999999992317</v>
      </c>
      <c r="B3174" s="22">
        <v>1.1505978107452393</v>
      </c>
      <c r="C3174" s="21">
        <v>150621.10602358993</v>
      </c>
      <c r="D3174">
        <f t="shared" si="49"/>
        <v>0</v>
      </c>
    </row>
    <row r="3175" spans="1:4" x14ac:dyDescent="0.25">
      <c r="A3175" s="20">
        <v>43688.041666658981</v>
      </c>
      <c r="B3175" s="22">
        <v>0.92379999160766602</v>
      </c>
      <c r="C3175" s="21">
        <v>120931.72364929732</v>
      </c>
      <c r="D3175">
        <f t="shared" si="49"/>
        <v>1</v>
      </c>
    </row>
    <row r="3176" spans="1:4" x14ac:dyDescent="0.25">
      <c r="A3176" s="20">
        <v>43688.083333325645</v>
      </c>
      <c r="B3176" s="22">
        <v>0.84555333852767944</v>
      </c>
      <c r="C3176" s="21">
        <v>110688.70274356638</v>
      </c>
      <c r="D3176">
        <f t="shared" si="49"/>
        <v>2</v>
      </c>
    </row>
    <row r="3177" spans="1:4" x14ac:dyDescent="0.25">
      <c r="A3177" s="20">
        <v>43688.124999992309</v>
      </c>
      <c r="B3177" s="22">
        <v>0.73834854364395142</v>
      </c>
      <c r="C3177" s="21">
        <v>96654.863442272544</v>
      </c>
      <c r="D3177">
        <f t="shared" si="49"/>
        <v>3</v>
      </c>
    </row>
    <row r="3178" spans="1:4" x14ac:dyDescent="0.25">
      <c r="A3178" s="20">
        <v>43688.166666658974</v>
      </c>
      <c r="B3178" s="22">
        <v>0.76671880483627319</v>
      </c>
      <c r="C3178" s="21">
        <v>100368.72425363451</v>
      </c>
      <c r="D3178">
        <f t="shared" si="49"/>
        <v>4</v>
      </c>
    </row>
    <row r="3179" spans="1:4" x14ac:dyDescent="0.25">
      <c r="A3179" s="20">
        <v>43688.208333325638</v>
      </c>
      <c r="B3179" s="22">
        <v>0.68893289566040039</v>
      </c>
      <c r="C3179" s="21">
        <v>90186.01786943592</v>
      </c>
      <c r="D3179">
        <f t="shared" si="49"/>
        <v>5</v>
      </c>
    </row>
    <row r="3180" spans="1:4" x14ac:dyDescent="0.25">
      <c r="A3180" s="20">
        <v>43688.249999992302</v>
      </c>
      <c r="B3180" s="22">
        <v>0.71637123823165894</v>
      </c>
      <c r="C3180" s="21">
        <v>93777.884173144877</v>
      </c>
      <c r="D3180">
        <f t="shared" si="49"/>
        <v>6</v>
      </c>
    </row>
    <row r="3181" spans="1:4" x14ac:dyDescent="0.25">
      <c r="A3181" s="20">
        <v>43688.291666658966</v>
      </c>
      <c r="B3181" s="22">
        <v>0.89843595027923584</v>
      </c>
      <c r="C3181" s="21">
        <v>117611.39753496049</v>
      </c>
      <c r="D3181">
        <f t="shared" si="49"/>
        <v>7</v>
      </c>
    </row>
    <row r="3182" spans="1:4" x14ac:dyDescent="0.25">
      <c r="A3182" s="20">
        <v>43688.333333325631</v>
      </c>
      <c r="B3182" s="22">
        <v>1.148237943649292</v>
      </c>
      <c r="C3182" s="21">
        <v>150312.18331511543</v>
      </c>
      <c r="D3182">
        <f t="shared" si="49"/>
        <v>8</v>
      </c>
    </row>
    <row r="3183" spans="1:4" x14ac:dyDescent="0.25">
      <c r="A3183" s="20">
        <v>43688.374999992295</v>
      </c>
      <c r="B3183" s="22">
        <v>1.3285787105560303</v>
      </c>
      <c r="C3183" s="21">
        <v>173920.02049241881</v>
      </c>
      <c r="D3183">
        <f t="shared" si="49"/>
        <v>9</v>
      </c>
    </row>
    <row r="3184" spans="1:4" x14ac:dyDescent="0.25">
      <c r="A3184" s="20">
        <v>43688.416666658959</v>
      </c>
      <c r="B3184" s="22">
        <v>1.3883038759231567</v>
      </c>
      <c r="C3184" s="21">
        <v>181738.45225113368</v>
      </c>
      <c r="D3184">
        <f t="shared" si="49"/>
        <v>10</v>
      </c>
    </row>
    <row r="3185" spans="1:4" x14ac:dyDescent="0.25">
      <c r="A3185" s="20">
        <v>43688.458333325623</v>
      </c>
      <c r="B3185" s="22">
        <v>1.6494417190551758</v>
      </c>
      <c r="C3185" s="21">
        <v>215923.17813000848</v>
      </c>
      <c r="D3185">
        <f t="shared" si="49"/>
        <v>11</v>
      </c>
    </row>
    <row r="3186" spans="1:4" x14ac:dyDescent="0.25">
      <c r="A3186" s="20">
        <v>43688.499999992287</v>
      </c>
      <c r="B3186" s="22">
        <v>1.9243690967559814</v>
      </c>
      <c r="C3186" s="21">
        <v>251913.04819471817</v>
      </c>
      <c r="D3186">
        <f t="shared" si="49"/>
        <v>12</v>
      </c>
    </row>
    <row r="3187" spans="1:4" x14ac:dyDescent="0.25">
      <c r="A3187" s="20">
        <v>43688.541666658952</v>
      </c>
      <c r="B3187" s="22">
        <v>2.244257926940918</v>
      </c>
      <c r="C3187" s="21">
        <v>293788.67924240819</v>
      </c>
      <c r="D3187">
        <f t="shared" si="49"/>
        <v>13</v>
      </c>
    </row>
    <row r="3188" spans="1:4" x14ac:dyDescent="0.25">
      <c r="A3188" s="20">
        <v>43688.583333325616</v>
      </c>
      <c r="B3188" s="22">
        <v>2.3605656623840332</v>
      </c>
      <c r="C3188" s="21">
        <v>309014.1555886516</v>
      </c>
      <c r="D3188">
        <f t="shared" si="49"/>
        <v>14</v>
      </c>
    </row>
    <row r="3189" spans="1:4" x14ac:dyDescent="0.25">
      <c r="A3189" s="20">
        <v>43688.62499999228</v>
      </c>
      <c r="B3189" s="22">
        <v>2.6302356719970703</v>
      </c>
      <c r="C3189" s="21">
        <v>344315.80029019993</v>
      </c>
      <c r="D3189">
        <f t="shared" si="49"/>
        <v>15</v>
      </c>
    </row>
    <row r="3190" spans="1:4" x14ac:dyDescent="0.25">
      <c r="A3190" s="20">
        <v>43688.666666658944</v>
      </c>
      <c r="B3190" s="22">
        <v>2.6072638034820557</v>
      </c>
      <c r="C3190" s="21">
        <v>341308.62592323415</v>
      </c>
      <c r="D3190">
        <f t="shared" si="49"/>
        <v>16</v>
      </c>
    </row>
    <row r="3191" spans="1:4" x14ac:dyDescent="0.25">
      <c r="A3191" s="20">
        <v>43688.708333325609</v>
      </c>
      <c r="B3191" s="22">
        <v>2.6196677684783936</v>
      </c>
      <c r="C3191" s="21">
        <v>342932.38959580386</v>
      </c>
      <c r="D3191">
        <f t="shared" si="49"/>
        <v>17</v>
      </c>
    </row>
    <row r="3192" spans="1:4" x14ac:dyDescent="0.25">
      <c r="A3192" s="20">
        <v>43688.749999992273</v>
      </c>
      <c r="B3192" s="22">
        <v>2.3658840656280518</v>
      </c>
      <c r="C3192" s="21">
        <v>309710.37087031873</v>
      </c>
      <c r="D3192">
        <f t="shared" si="49"/>
        <v>18</v>
      </c>
    </row>
    <row r="3193" spans="1:4" x14ac:dyDescent="0.25">
      <c r="A3193" s="20">
        <v>43688.791666658937</v>
      </c>
      <c r="B3193" s="22">
        <v>2.4414565563201904</v>
      </c>
      <c r="C3193" s="21">
        <v>319603.3256688636</v>
      </c>
      <c r="D3193">
        <f t="shared" si="49"/>
        <v>19</v>
      </c>
    </row>
    <row r="3194" spans="1:4" x14ac:dyDescent="0.25">
      <c r="A3194" s="20">
        <v>43688.833333325601</v>
      </c>
      <c r="B3194" s="22">
        <v>2.2824764251708984</v>
      </c>
      <c r="C3194" s="21">
        <v>298791.74149422301</v>
      </c>
      <c r="D3194">
        <f t="shared" si="49"/>
        <v>20</v>
      </c>
    </row>
    <row r="3195" spans="1:4" x14ac:dyDescent="0.25">
      <c r="A3195" s="20">
        <v>43688.874999992266</v>
      </c>
      <c r="B3195" s="22">
        <v>2.0155813694000244</v>
      </c>
      <c r="C3195" s="21">
        <v>263853.35718911182</v>
      </c>
      <c r="D3195">
        <f t="shared" si="49"/>
        <v>21</v>
      </c>
    </row>
    <row r="3196" spans="1:4" x14ac:dyDescent="0.25">
      <c r="A3196" s="20">
        <v>43688.91666665893</v>
      </c>
      <c r="B3196" s="22">
        <v>1.6075054407119751</v>
      </c>
      <c r="C3196" s="21">
        <v>210433.4330882768</v>
      </c>
      <c r="D3196">
        <f t="shared" si="49"/>
        <v>22</v>
      </c>
    </row>
    <row r="3197" spans="1:4" x14ac:dyDescent="0.25">
      <c r="A3197" s="20">
        <v>43688.958333325594</v>
      </c>
      <c r="B3197" s="22">
        <v>1.5273208618164063</v>
      </c>
      <c r="C3197" s="21">
        <v>199936.72446733495</v>
      </c>
      <c r="D3197">
        <f t="shared" si="49"/>
        <v>23</v>
      </c>
    </row>
    <row r="3198" spans="1:4" x14ac:dyDescent="0.25">
      <c r="A3198" s="20">
        <v>43688.999999992258</v>
      </c>
      <c r="B3198" s="22">
        <v>1.1945376396179199</v>
      </c>
      <c r="C3198" s="21">
        <v>156373.12950345717</v>
      </c>
      <c r="D3198">
        <f t="shared" si="49"/>
        <v>0</v>
      </c>
    </row>
    <row r="3199" spans="1:4" x14ac:dyDescent="0.25">
      <c r="A3199" s="20">
        <v>43689.041666658923</v>
      </c>
      <c r="B3199" s="22">
        <v>0.98318147659301758</v>
      </c>
      <c r="C3199" s="21">
        <v>128705.16530048885</v>
      </c>
      <c r="D3199">
        <f t="shared" si="49"/>
        <v>1</v>
      </c>
    </row>
    <row r="3200" spans="1:4" x14ac:dyDescent="0.25">
      <c r="A3200" s="20">
        <v>43689.083333325587</v>
      </c>
      <c r="B3200" s="22">
        <v>0.86683058738708496</v>
      </c>
      <c r="C3200" s="21">
        <v>113474.03983217695</v>
      </c>
      <c r="D3200">
        <f t="shared" si="49"/>
        <v>2</v>
      </c>
    </row>
    <row r="3201" spans="1:4" x14ac:dyDescent="0.25">
      <c r="A3201" s="20">
        <v>43689.124999992251</v>
      </c>
      <c r="B3201" s="22">
        <v>0.82833957672119141</v>
      </c>
      <c r="C3201" s="21">
        <v>108435.30384265892</v>
      </c>
      <c r="D3201">
        <f t="shared" si="49"/>
        <v>3</v>
      </c>
    </row>
    <row r="3202" spans="1:4" x14ac:dyDescent="0.25">
      <c r="A3202" s="20">
        <v>43689.166666658915</v>
      </c>
      <c r="B3202" s="22">
        <v>0.72770094871520996</v>
      </c>
      <c r="C3202" s="21">
        <v>95261.020598421237</v>
      </c>
      <c r="D3202">
        <f t="shared" si="49"/>
        <v>4</v>
      </c>
    </row>
    <row r="3203" spans="1:4" x14ac:dyDescent="0.25">
      <c r="A3203" s="20">
        <v>43689.20833332558</v>
      </c>
      <c r="B3203" s="22">
        <v>0.79450869560241699</v>
      </c>
      <c r="C3203" s="21">
        <v>104006.61061529917</v>
      </c>
      <c r="D3203">
        <f t="shared" si="49"/>
        <v>5</v>
      </c>
    </row>
    <row r="3204" spans="1:4" x14ac:dyDescent="0.25">
      <c r="A3204" s="20">
        <v>43689.249999992244</v>
      </c>
      <c r="B3204" s="22">
        <v>0.95060479640960693</v>
      </c>
      <c r="C3204" s="21">
        <v>124440.65553523562</v>
      </c>
      <c r="D3204">
        <f t="shared" si="49"/>
        <v>6</v>
      </c>
    </row>
    <row r="3205" spans="1:4" x14ac:dyDescent="0.25">
      <c r="A3205" s="20">
        <v>43689.291666658908</v>
      </c>
      <c r="B3205" s="22">
        <v>0.92534667253494263</v>
      </c>
      <c r="C3205" s="21">
        <v>121134.19473846191</v>
      </c>
      <c r="D3205">
        <f t="shared" si="49"/>
        <v>7</v>
      </c>
    </row>
    <row r="3206" spans="1:4" x14ac:dyDescent="0.25">
      <c r="A3206" s="20">
        <v>43689.333333325572</v>
      </c>
      <c r="B3206" s="22">
        <v>0.94357109069824219</v>
      </c>
      <c r="C3206" s="21">
        <v>123519.89545400096</v>
      </c>
      <c r="D3206">
        <f t="shared" si="49"/>
        <v>8</v>
      </c>
    </row>
    <row r="3207" spans="1:4" x14ac:dyDescent="0.25">
      <c r="A3207" s="20">
        <v>43689.374999992237</v>
      </c>
      <c r="B3207" s="22">
        <v>1.1821984052658081</v>
      </c>
      <c r="C3207" s="21">
        <v>154757.83951399024</v>
      </c>
      <c r="D3207">
        <f t="shared" ref="D3207:D3270" si="50">HOUR(A3207)</f>
        <v>9</v>
      </c>
    </row>
    <row r="3208" spans="1:4" x14ac:dyDescent="0.25">
      <c r="A3208" s="20">
        <v>43689.416666658901</v>
      </c>
      <c r="B3208" s="22">
        <v>1.4354281425476074</v>
      </c>
      <c r="C3208" s="21">
        <v>187907.34036585037</v>
      </c>
      <c r="D3208">
        <f t="shared" si="50"/>
        <v>10</v>
      </c>
    </row>
    <row r="3209" spans="1:4" x14ac:dyDescent="0.25">
      <c r="A3209" s="20">
        <v>43689.458333325565</v>
      </c>
      <c r="B3209" s="22">
        <v>1.7212181091308594</v>
      </c>
      <c r="C3209" s="21">
        <v>225319.19745024151</v>
      </c>
      <c r="D3209">
        <f t="shared" si="50"/>
        <v>11</v>
      </c>
    </row>
    <row r="3210" spans="1:4" x14ac:dyDescent="0.25">
      <c r="A3210" s="20">
        <v>43689.499999992229</v>
      </c>
      <c r="B3210" s="22">
        <v>2.0117232799530029</v>
      </c>
      <c r="C3210" s="21">
        <v>263348.30694981758</v>
      </c>
      <c r="D3210">
        <f t="shared" si="50"/>
        <v>12</v>
      </c>
    </row>
    <row r="3211" spans="1:4" x14ac:dyDescent="0.25">
      <c r="A3211" s="20">
        <v>43689.541666658894</v>
      </c>
      <c r="B3211" s="22">
        <v>2.2047929763793945</v>
      </c>
      <c r="C3211" s="21">
        <v>288622.44787360966</v>
      </c>
      <c r="D3211">
        <f t="shared" si="50"/>
        <v>13</v>
      </c>
    </row>
    <row r="3212" spans="1:4" x14ac:dyDescent="0.25">
      <c r="A3212" s="20">
        <v>43689.583333325558</v>
      </c>
      <c r="B3212" s="22">
        <v>2.4460310935974121</v>
      </c>
      <c r="C3212" s="21">
        <v>320202.16381874238</v>
      </c>
      <c r="D3212">
        <f t="shared" si="50"/>
        <v>14</v>
      </c>
    </row>
    <row r="3213" spans="1:4" x14ac:dyDescent="0.25">
      <c r="A3213" s="20">
        <v>43689.624999992222</v>
      </c>
      <c r="B3213" s="22">
        <v>2.6357922554016113</v>
      </c>
      <c r="C3213" s="21">
        <v>345043.1949804108</v>
      </c>
      <c r="D3213">
        <f t="shared" si="50"/>
        <v>15</v>
      </c>
    </row>
    <row r="3214" spans="1:4" x14ac:dyDescent="0.25">
      <c r="A3214" s="20">
        <v>43689.666666658886</v>
      </c>
      <c r="B3214" s="22">
        <v>2.4863097667694092</v>
      </c>
      <c r="C3214" s="21">
        <v>325474.91703074396</v>
      </c>
      <c r="D3214">
        <f t="shared" si="50"/>
        <v>16</v>
      </c>
    </row>
    <row r="3215" spans="1:4" x14ac:dyDescent="0.25">
      <c r="A3215" s="20">
        <v>43689.70833332555</v>
      </c>
      <c r="B3215" s="22">
        <v>2.5380949974060059</v>
      </c>
      <c r="C3215" s="21">
        <v>332253.95714478591</v>
      </c>
      <c r="D3215">
        <f t="shared" si="50"/>
        <v>17</v>
      </c>
    </row>
    <row r="3216" spans="1:4" x14ac:dyDescent="0.25">
      <c r="A3216" s="20">
        <v>43689.749999992215</v>
      </c>
      <c r="B3216" s="22">
        <v>2.6355495452880859</v>
      </c>
      <c r="C3216" s="21">
        <v>345011.42257010291</v>
      </c>
      <c r="D3216">
        <f t="shared" si="50"/>
        <v>18</v>
      </c>
    </row>
    <row r="3217" spans="1:4" x14ac:dyDescent="0.25">
      <c r="A3217" s="20">
        <v>43689.791666658879</v>
      </c>
      <c r="B3217" s="22">
        <v>2.6445729732513428</v>
      </c>
      <c r="C3217" s="21">
        <v>346192.65087356162</v>
      </c>
      <c r="D3217">
        <f t="shared" si="50"/>
        <v>19</v>
      </c>
    </row>
    <row r="3218" spans="1:4" x14ac:dyDescent="0.25">
      <c r="A3218" s="20">
        <v>43689.833333325543</v>
      </c>
      <c r="B3218" s="22">
        <v>2.3145427703857422</v>
      </c>
      <c r="C3218" s="21">
        <v>302989.44492915802</v>
      </c>
      <c r="D3218">
        <f t="shared" si="50"/>
        <v>20</v>
      </c>
    </row>
    <row r="3219" spans="1:4" x14ac:dyDescent="0.25">
      <c r="A3219" s="20">
        <v>43689.874999992207</v>
      </c>
      <c r="B3219" s="22">
        <v>2.4982619285583496</v>
      </c>
      <c r="C3219" s="21">
        <v>327039.5365799999</v>
      </c>
      <c r="D3219">
        <f t="shared" si="50"/>
        <v>21</v>
      </c>
    </row>
    <row r="3220" spans="1:4" x14ac:dyDescent="0.25">
      <c r="A3220" s="20">
        <v>43689.916666658872</v>
      </c>
      <c r="B3220" s="22">
        <v>2.2261855602264404</v>
      </c>
      <c r="C3220" s="21">
        <v>291422.88309924025</v>
      </c>
      <c r="D3220">
        <f t="shared" si="50"/>
        <v>22</v>
      </c>
    </row>
    <row r="3221" spans="1:4" x14ac:dyDescent="0.25">
      <c r="A3221" s="20">
        <v>43689.958333325536</v>
      </c>
      <c r="B3221" s="22">
        <v>1.7141331434249878</v>
      </c>
      <c r="C3221" s="21">
        <v>224391.72708588681</v>
      </c>
      <c r="D3221">
        <f t="shared" si="50"/>
        <v>23</v>
      </c>
    </row>
    <row r="3222" spans="1:4" x14ac:dyDescent="0.25">
      <c r="A3222" s="20">
        <v>43689.9999999922</v>
      </c>
      <c r="B3222" s="22">
        <v>1.3932592868804932</v>
      </c>
      <c r="C3222" s="21">
        <v>182387.14936512525</v>
      </c>
      <c r="D3222">
        <f t="shared" si="50"/>
        <v>0</v>
      </c>
    </row>
    <row r="3223" spans="1:4" x14ac:dyDescent="0.25">
      <c r="A3223" s="20">
        <v>43690.041666658864</v>
      </c>
      <c r="B3223" s="22">
        <v>1.2572612762451172</v>
      </c>
      <c r="C3223" s="21">
        <v>164584.08161407441</v>
      </c>
      <c r="D3223">
        <f t="shared" si="50"/>
        <v>1</v>
      </c>
    </row>
    <row r="3224" spans="1:4" x14ac:dyDescent="0.25">
      <c r="A3224" s="20">
        <v>43690.083333325529</v>
      </c>
      <c r="B3224" s="22">
        <v>1.1853785514831543</v>
      </c>
      <c r="C3224" s="21">
        <v>155174.14235769474</v>
      </c>
      <c r="D3224">
        <f t="shared" si="50"/>
        <v>2</v>
      </c>
    </row>
    <row r="3225" spans="1:4" x14ac:dyDescent="0.25">
      <c r="A3225" s="20">
        <v>43690.124999992193</v>
      </c>
      <c r="B3225" s="22">
        <v>1.1416054964065552</v>
      </c>
      <c r="C3225" s="21">
        <v>149443.95070593196</v>
      </c>
      <c r="D3225">
        <f t="shared" si="50"/>
        <v>3</v>
      </c>
    </row>
    <row r="3226" spans="1:4" x14ac:dyDescent="0.25">
      <c r="A3226" s="20">
        <v>43690.166666658857</v>
      </c>
      <c r="B3226" s="22">
        <v>1.1282750368118286</v>
      </c>
      <c r="C3226" s="21">
        <v>147698.90256729521</v>
      </c>
      <c r="D3226">
        <f t="shared" si="50"/>
        <v>4</v>
      </c>
    </row>
    <row r="3227" spans="1:4" x14ac:dyDescent="0.25">
      <c r="A3227" s="20">
        <v>43690.208333325521</v>
      </c>
      <c r="B3227" s="22">
        <v>1.1550805568695068</v>
      </c>
      <c r="C3227" s="21">
        <v>151207.928085091</v>
      </c>
      <c r="D3227">
        <f t="shared" si="50"/>
        <v>5</v>
      </c>
    </row>
    <row r="3228" spans="1:4" x14ac:dyDescent="0.25">
      <c r="A3228" s="20">
        <v>43690.249999992186</v>
      </c>
      <c r="B3228" s="22">
        <v>1.3376573324203491</v>
      </c>
      <c r="C3228" s="21">
        <v>175108.47405421376</v>
      </c>
      <c r="D3228">
        <f t="shared" si="50"/>
        <v>6</v>
      </c>
    </row>
    <row r="3229" spans="1:4" x14ac:dyDescent="0.25">
      <c r="A3229" s="20">
        <v>43690.29166665885</v>
      </c>
      <c r="B3229" s="22">
        <v>1.339855432510376</v>
      </c>
      <c r="C3229" s="21">
        <v>175396.22035758625</v>
      </c>
      <c r="D3229">
        <f t="shared" si="50"/>
        <v>7</v>
      </c>
    </row>
    <row r="3230" spans="1:4" x14ac:dyDescent="0.25">
      <c r="A3230" s="20">
        <v>43690.333333325514</v>
      </c>
      <c r="B3230" s="22">
        <v>1.275568962097168</v>
      </c>
      <c r="C3230" s="21">
        <v>166980.68263835611</v>
      </c>
      <c r="D3230">
        <f t="shared" si="50"/>
        <v>8</v>
      </c>
    </row>
    <row r="3231" spans="1:4" x14ac:dyDescent="0.25">
      <c r="A3231" s="20">
        <v>43690.374999992178</v>
      </c>
      <c r="B3231" s="22">
        <v>1.4001713991165161</v>
      </c>
      <c r="C3231" s="21">
        <v>183291.99203058684</v>
      </c>
      <c r="D3231">
        <f t="shared" si="50"/>
        <v>9</v>
      </c>
    </row>
    <row r="3232" spans="1:4" x14ac:dyDescent="0.25">
      <c r="A3232" s="20">
        <v>43690.416666658843</v>
      </c>
      <c r="B3232" s="22">
        <v>1.6599338054656982</v>
      </c>
      <c r="C3232" s="21">
        <v>217296.66384751076</v>
      </c>
      <c r="D3232">
        <f t="shared" si="50"/>
        <v>10</v>
      </c>
    </row>
    <row r="3233" spans="1:4" x14ac:dyDescent="0.25">
      <c r="A3233" s="20">
        <v>43690.458333325507</v>
      </c>
      <c r="B3233" s="22">
        <v>1.6258352994918823</v>
      </c>
      <c r="C3233" s="21">
        <v>212832.93670014065</v>
      </c>
      <c r="D3233">
        <f t="shared" si="50"/>
        <v>11</v>
      </c>
    </row>
    <row r="3234" spans="1:4" x14ac:dyDescent="0.25">
      <c r="A3234" s="20">
        <v>43690.499999992171</v>
      </c>
      <c r="B3234" s="22">
        <v>1.715214729309082</v>
      </c>
      <c r="C3234" s="21">
        <v>224533.31405971939</v>
      </c>
      <c r="D3234">
        <f t="shared" si="50"/>
        <v>12</v>
      </c>
    </row>
    <row r="3235" spans="1:4" x14ac:dyDescent="0.25">
      <c r="A3235" s="20">
        <v>43690.541666658835</v>
      </c>
      <c r="B3235" s="22">
        <v>1.8783291578292847</v>
      </c>
      <c r="C3235" s="21">
        <v>245886.10597595447</v>
      </c>
      <c r="D3235">
        <f t="shared" si="50"/>
        <v>13</v>
      </c>
    </row>
    <row r="3236" spans="1:4" x14ac:dyDescent="0.25">
      <c r="A3236" s="20">
        <v>43690.5833333255</v>
      </c>
      <c r="B3236" s="22">
        <v>2.1242837905883789</v>
      </c>
      <c r="C3236" s="21">
        <v>278083.24599467748</v>
      </c>
      <c r="D3236">
        <f t="shared" si="50"/>
        <v>14</v>
      </c>
    </row>
    <row r="3237" spans="1:4" x14ac:dyDescent="0.25">
      <c r="A3237" s="20">
        <v>43690.624999992164</v>
      </c>
      <c r="B3237" s="22">
        <v>2.3236005306243896</v>
      </c>
      <c r="C3237" s="21">
        <v>304175.16756177624</v>
      </c>
      <c r="D3237">
        <f t="shared" si="50"/>
        <v>15</v>
      </c>
    </row>
    <row r="3238" spans="1:4" x14ac:dyDescent="0.25">
      <c r="A3238" s="20">
        <v>43690.666666658828</v>
      </c>
      <c r="B3238" s="22">
        <v>2.5364446640014648</v>
      </c>
      <c r="C3238" s="21">
        <v>332037.91723894025</v>
      </c>
      <c r="D3238">
        <f t="shared" si="50"/>
        <v>16</v>
      </c>
    </row>
    <row r="3239" spans="1:4" x14ac:dyDescent="0.25">
      <c r="A3239" s="20">
        <v>43690.708333325492</v>
      </c>
      <c r="B3239" s="22">
        <v>2.5113837718963623</v>
      </c>
      <c r="C3239" s="21">
        <v>328757.27542686911</v>
      </c>
      <c r="D3239">
        <f t="shared" si="50"/>
        <v>17</v>
      </c>
    </row>
    <row r="3240" spans="1:4" x14ac:dyDescent="0.25">
      <c r="A3240" s="20">
        <v>43690.749999992157</v>
      </c>
      <c r="B3240" s="22">
        <v>2.5607030391693115</v>
      </c>
      <c r="C3240" s="21">
        <v>335213.50410690909</v>
      </c>
      <c r="D3240">
        <f t="shared" si="50"/>
        <v>18</v>
      </c>
    </row>
    <row r="3241" spans="1:4" x14ac:dyDescent="0.25">
      <c r="A3241" s="20">
        <v>43690.791666658821</v>
      </c>
      <c r="B3241" s="22">
        <v>2.6449210643768311</v>
      </c>
      <c r="C3241" s="21">
        <v>346238.21837753954</v>
      </c>
      <c r="D3241">
        <f t="shared" si="50"/>
        <v>19</v>
      </c>
    </row>
    <row r="3242" spans="1:4" x14ac:dyDescent="0.25">
      <c r="A3242" s="20">
        <v>43690.833333325485</v>
      </c>
      <c r="B3242" s="22">
        <v>2.6906414031982422</v>
      </c>
      <c r="C3242" s="21">
        <v>352223.32276131539</v>
      </c>
      <c r="D3242">
        <f t="shared" si="50"/>
        <v>20</v>
      </c>
    </row>
    <row r="3243" spans="1:4" x14ac:dyDescent="0.25">
      <c r="A3243" s="20">
        <v>43690.874999992149</v>
      </c>
      <c r="B3243" s="22">
        <v>2.3443982601165771</v>
      </c>
      <c r="C3243" s="21">
        <v>306897.73229259538</v>
      </c>
      <c r="D3243">
        <f t="shared" si="50"/>
        <v>21</v>
      </c>
    </row>
    <row r="3244" spans="1:4" x14ac:dyDescent="0.25">
      <c r="A3244" s="20">
        <v>43690.916666658813</v>
      </c>
      <c r="B3244" s="22">
        <v>2.1329765319824219</v>
      </c>
      <c r="C3244" s="21">
        <v>279221.18516935728</v>
      </c>
      <c r="D3244">
        <f t="shared" si="50"/>
        <v>22</v>
      </c>
    </row>
    <row r="3245" spans="1:4" x14ac:dyDescent="0.25">
      <c r="A3245" s="20">
        <v>43690.958333325478</v>
      </c>
      <c r="B3245" s="22">
        <v>1.7403440475463867</v>
      </c>
      <c r="C3245" s="21">
        <v>227822.9133194903</v>
      </c>
      <c r="D3245">
        <f t="shared" si="50"/>
        <v>23</v>
      </c>
    </row>
    <row r="3246" spans="1:4" x14ac:dyDescent="0.25">
      <c r="A3246" s="20">
        <v>43690.999999992142</v>
      </c>
      <c r="B3246" s="22">
        <v>1.4806188344955444</v>
      </c>
      <c r="C3246" s="21">
        <v>193823.11035915581</v>
      </c>
      <c r="D3246">
        <f t="shared" si="50"/>
        <v>0</v>
      </c>
    </row>
    <row r="3247" spans="1:4" x14ac:dyDescent="0.25">
      <c r="A3247" s="20">
        <v>43691.041666658806</v>
      </c>
      <c r="B3247" s="22">
        <v>1.2805426120758057</v>
      </c>
      <c r="C3247" s="21">
        <v>167631.76736471363</v>
      </c>
      <c r="D3247">
        <f t="shared" si="50"/>
        <v>1</v>
      </c>
    </row>
    <row r="3248" spans="1:4" x14ac:dyDescent="0.25">
      <c r="A3248" s="20">
        <v>43691.08333332547</v>
      </c>
      <c r="B3248" s="22">
        <v>1.2072336673736572</v>
      </c>
      <c r="C3248" s="21">
        <v>158035.12618450139</v>
      </c>
      <c r="D3248">
        <f t="shared" si="50"/>
        <v>2</v>
      </c>
    </row>
    <row r="3249" spans="1:4" x14ac:dyDescent="0.25">
      <c r="A3249" s="20">
        <v>43691.124999992135</v>
      </c>
      <c r="B3249" s="22">
        <v>1.1298834085464478</v>
      </c>
      <c r="C3249" s="21">
        <v>147909.44940416823</v>
      </c>
      <c r="D3249">
        <f t="shared" si="50"/>
        <v>3</v>
      </c>
    </row>
    <row r="3250" spans="1:4" x14ac:dyDescent="0.25">
      <c r="A3250" s="20">
        <v>43691.166666658799</v>
      </c>
      <c r="B3250" s="22">
        <v>1.108368992805481</v>
      </c>
      <c r="C3250" s="21">
        <v>145093.06555214536</v>
      </c>
      <c r="D3250">
        <f t="shared" si="50"/>
        <v>4</v>
      </c>
    </row>
    <row r="3251" spans="1:4" x14ac:dyDescent="0.25">
      <c r="A3251" s="20">
        <v>43691.208333325463</v>
      </c>
      <c r="B3251" s="22">
        <v>1.1363987922668457</v>
      </c>
      <c r="C3251" s="21">
        <v>148762.35759934271</v>
      </c>
      <c r="D3251">
        <f t="shared" si="50"/>
        <v>5</v>
      </c>
    </row>
    <row r="3252" spans="1:4" x14ac:dyDescent="0.25">
      <c r="A3252" s="20">
        <v>43691.249999992127</v>
      </c>
      <c r="B3252" s="22">
        <v>1.4322234392166138</v>
      </c>
      <c r="C3252" s="21">
        <v>187487.82282837207</v>
      </c>
      <c r="D3252">
        <f t="shared" si="50"/>
        <v>6</v>
      </c>
    </row>
    <row r="3253" spans="1:4" x14ac:dyDescent="0.25">
      <c r="A3253" s="20">
        <v>43691.291666658792</v>
      </c>
      <c r="B3253" s="22">
        <v>1.2931919097900391</v>
      </c>
      <c r="C3253" s="21">
        <v>169287.6467644019</v>
      </c>
      <c r="D3253">
        <f t="shared" si="50"/>
        <v>7</v>
      </c>
    </row>
    <row r="3254" spans="1:4" x14ac:dyDescent="0.25">
      <c r="A3254" s="20">
        <v>43691.333333325456</v>
      </c>
      <c r="B3254" s="22">
        <v>1.1458421945571899</v>
      </c>
      <c r="C3254" s="21">
        <v>149998.56340845692</v>
      </c>
      <c r="D3254">
        <f t="shared" si="50"/>
        <v>8</v>
      </c>
    </row>
    <row r="3255" spans="1:4" x14ac:dyDescent="0.25">
      <c r="A3255" s="20">
        <v>43691.37499999212</v>
      </c>
      <c r="B3255" s="22">
        <v>1.3019804954528809</v>
      </c>
      <c r="C3255" s="21">
        <v>170438.13260798517</v>
      </c>
      <c r="D3255">
        <f t="shared" si="50"/>
        <v>9</v>
      </c>
    </row>
    <row r="3256" spans="1:4" x14ac:dyDescent="0.25">
      <c r="A3256" s="20">
        <v>43691.416666658784</v>
      </c>
      <c r="B3256" s="22">
        <v>1.5208677053451538</v>
      </c>
      <c r="C3256" s="21">
        <v>199091.96224376198</v>
      </c>
      <c r="D3256">
        <f t="shared" si="50"/>
        <v>10</v>
      </c>
    </row>
    <row r="3257" spans="1:4" x14ac:dyDescent="0.25">
      <c r="A3257" s="20">
        <v>43691.458333325449</v>
      </c>
      <c r="B3257" s="22">
        <v>1.9462275505065918</v>
      </c>
      <c r="C3257" s="21">
        <v>254774.46897019312</v>
      </c>
      <c r="D3257">
        <f t="shared" si="50"/>
        <v>11</v>
      </c>
    </row>
    <row r="3258" spans="1:4" x14ac:dyDescent="0.25">
      <c r="A3258" s="20">
        <v>43691.499999992113</v>
      </c>
      <c r="B3258" s="22">
        <v>2.0538227558135986</v>
      </c>
      <c r="C3258" s="21">
        <v>268859.4156603663</v>
      </c>
      <c r="D3258">
        <f t="shared" si="50"/>
        <v>12</v>
      </c>
    </row>
    <row r="3259" spans="1:4" x14ac:dyDescent="0.25">
      <c r="A3259" s="20">
        <v>43691.541666658777</v>
      </c>
      <c r="B3259" s="22">
        <v>2.1941170692443848</v>
      </c>
      <c r="C3259" s="21">
        <v>287224.89876873279</v>
      </c>
      <c r="D3259">
        <f t="shared" si="50"/>
        <v>13</v>
      </c>
    </row>
    <row r="3260" spans="1:4" x14ac:dyDescent="0.25">
      <c r="A3260" s="20">
        <v>43691.583333325441</v>
      </c>
      <c r="B3260" s="22">
        <v>2.329801082611084</v>
      </c>
      <c r="C3260" s="21">
        <v>304986.8621343461</v>
      </c>
      <c r="D3260">
        <f t="shared" si="50"/>
        <v>14</v>
      </c>
    </row>
    <row r="3261" spans="1:4" x14ac:dyDescent="0.25">
      <c r="A3261" s="20">
        <v>43691.624999992106</v>
      </c>
      <c r="B3261" s="22">
        <v>2.5417897701263428</v>
      </c>
      <c r="C3261" s="21">
        <v>332737.6281099536</v>
      </c>
      <c r="D3261">
        <f t="shared" si="50"/>
        <v>15</v>
      </c>
    </row>
    <row r="3262" spans="1:4" x14ac:dyDescent="0.25">
      <c r="A3262" s="20">
        <v>43691.66666665877</v>
      </c>
      <c r="B3262" s="22">
        <v>2.6621060371398926</v>
      </c>
      <c r="C3262" s="21">
        <v>348487.84859618306</v>
      </c>
      <c r="D3262">
        <f t="shared" si="50"/>
        <v>16</v>
      </c>
    </row>
    <row r="3263" spans="1:4" x14ac:dyDescent="0.25">
      <c r="A3263" s="20">
        <v>43691.708333325434</v>
      </c>
      <c r="B3263" s="22">
        <v>2.7014279365539551</v>
      </c>
      <c r="C3263" s="21">
        <v>353635.35359348386</v>
      </c>
      <c r="D3263">
        <f t="shared" si="50"/>
        <v>17</v>
      </c>
    </row>
    <row r="3264" spans="1:4" x14ac:dyDescent="0.25">
      <c r="A3264" s="20">
        <v>43691.749999992098</v>
      </c>
      <c r="B3264" s="22">
        <v>2.7205696105957031</v>
      </c>
      <c r="C3264" s="21">
        <v>356141.12936359737</v>
      </c>
      <c r="D3264">
        <f t="shared" si="50"/>
        <v>18</v>
      </c>
    </row>
    <row r="3265" spans="1:4" x14ac:dyDescent="0.25">
      <c r="A3265" s="20">
        <v>43691.791666658763</v>
      </c>
      <c r="B3265" s="22">
        <v>2.509091854095459</v>
      </c>
      <c r="C3265" s="21">
        <v>328457.24774485599</v>
      </c>
      <c r="D3265">
        <f t="shared" si="50"/>
        <v>19</v>
      </c>
    </row>
    <row r="3266" spans="1:4" x14ac:dyDescent="0.25">
      <c r="A3266" s="20">
        <v>43691.833333325427</v>
      </c>
      <c r="B3266" s="22">
        <v>2.437610387802124</v>
      </c>
      <c r="C3266" s="21">
        <v>319099.83596052747</v>
      </c>
      <c r="D3266">
        <f t="shared" si="50"/>
        <v>20</v>
      </c>
    </row>
    <row r="3267" spans="1:4" x14ac:dyDescent="0.25">
      <c r="A3267" s="20">
        <v>43691.874999992091</v>
      </c>
      <c r="B3267" s="22">
        <v>2.3281333446502686</v>
      </c>
      <c r="C3267" s="21">
        <v>304768.5438533015</v>
      </c>
      <c r="D3267">
        <f t="shared" si="50"/>
        <v>21</v>
      </c>
    </row>
    <row r="3268" spans="1:4" x14ac:dyDescent="0.25">
      <c r="A3268" s="20">
        <v>43691.916666658755</v>
      </c>
      <c r="B3268" s="22">
        <v>1.9855688810348511</v>
      </c>
      <c r="C3268" s="21">
        <v>259924.51763295569</v>
      </c>
      <c r="D3268">
        <f t="shared" si="50"/>
        <v>22</v>
      </c>
    </row>
    <row r="3269" spans="1:4" x14ac:dyDescent="0.25">
      <c r="A3269" s="20">
        <v>43691.95833332542</v>
      </c>
      <c r="B3269" s="22">
        <v>1.6908682584762573</v>
      </c>
      <c r="C3269" s="21">
        <v>221346.19486796987</v>
      </c>
      <c r="D3269">
        <f t="shared" si="50"/>
        <v>23</v>
      </c>
    </row>
    <row r="3270" spans="1:4" x14ac:dyDescent="0.25">
      <c r="A3270" s="20">
        <v>43691.999999992084</v>
      </c>
      <c r="B3270" s="22">
        <v>1.4804966449737549</v>
      </c>
      <c r="C3270" s="21">
        <v>193807.11491683481</v>
      </c>
      <c r="D3270">
        <f t="shared" si="50"/>
        <v>0</v>
      </c>
    </row>
    <row r="3271" spans="1:4" x14ac:dyDescent="0.25">
      <c r="A3271" s="20">
        <v>43692.041666658748</v>
      </c>
      <c r="B3271" s="22">
        <v>1.21073317527771</v>
      </c>
      <c r="C3271" s="21">
        <v>158493.2356525746</v>
      </c>
      <c r="D3271">
        <f t="shared" ref="D3271:D3334" si="51">HOUR(A3271)</f>
        <v>1</v>
      </c>
    </row>
    <row r="3272" spans="1:4" x14ac:dyDescent="0.25">
      <c r="A3272" s="20">
        <v>43692.083333325412</v>
      </c>
      <c r="B3272" s="22">
        <v>1.0637674331665039</v>
      </c>
      <c r="C3272" s="21">
        <v>139254.41699879148</v>
      </c>
      <c r="D3272">
        <f t="shared" si="51"/>
        <v>2</v>
      </c>
    </row>
    <row r="3273" spans="1:4" x14ac:dyDescent="0.25">
      <c r="A3273" s="20">
        <v>43692.124999992076</v>
      </c>
      <c r="B3273" s="22">
        <v>0.99742484092712402</v>
      </c>
      <c r="C3273" s="21">
        <v>130569.7188999004</v>
      </c>
      <c r="D3273">
        <f t="shared" si="51"/>
        <v>3</v>
      </c>
    </row>
    <row r="3274" spans="1:4" x14ac:dyDescent="0.25">
      <c r="A3274" s="20">
        <v>43692.166666658741</v>
      </c>
      <c r="B3274" s="22">
        <v>1.0307013988494873</v>
      </c>
      <c r="C3274" s="21">
        <v>134925.84743770637</v>
      </c>
      <c r="D3274">
        <f t="shared" si="51"/>
        <v>4</v>
      </c>
    </row>
    <row r="3275" spans="1:4" x14ac:dyDescent="0.25">
      <c r="A3275" s="20">
        <v>43692.208333325405</v>
      </c>
      <c r="B3275" s="22">
        <v>1.0001208782196045</v>
      </c>
      <c r="C3275" s="21">
        <v>130922.64858139461</v>
      </c>
      <c r="D3275">
        <f t="shared" si="51"/>
        <v>5</v>
      </c>
    </row>
    <row r="3276" spans="1:4" x14ac:dyDescent="0.25">
      <c r="A3276" s="20">
        <v>43692.249999992069</v>
      </c>
      <c r="B3276" s="22">
        <v>1.1646761894226074</v>
      </c>
      <c r="C3276" s="21">
        <v>152464.06187454073</v>
      </c>
      <c r="D3276">
        <f t="shared" si="51"/>
        <v>6</v>
      </c>
    </row>
    <row r="3277" spans="1:4" x14ac:dyDescent="0.25">
      <c r="A3277" s="20">
        <v>43692.291666658733</v>
      </c>
      <c r="B3277" s="22">
        <v>1.0523257255554199</v>
      </c>
      <c r="C3277" s="21">
        <v>137756.61938516333</v>
      </c>
      <c r="D3277">
        <f t="shared" si="51"/>
        <v>7</v>
      </c>
    </row>
    <row r="3278" spans="1:4" x14ac:dyDescent="0.25">
      <c r="A3278" s="20">
        <v>43692.333333325398</v>
      </c>
      <c r="B3278" s="22">
        <v>1.160370945930481</v>
      </c>
      <c r="C3278" s="21">
        <v>151900.47611900646</v>
      </c>
      <c r="D3278">
        <f t="shared" si="51"/>
        <v>8</v>
      </c>
    </row>
    <row r="3279" spans="1:4" x14ac:dyDescent="0.25">
      <c r="A3279" s="20">
        <v>43692.374999992062</v>
      </c>
      <c r="B3279" s="22">
        <v>1.336188793182373</v>
      </c>
      <c r="C3279" s="21">
        <v>174916.23224547983</v>
      </c>
      <c r="D3279">
        <f t="shared" si="51"/>
        <v>9</v>
      </c>
    </row>
    <row r="3280" spans="1:4" x14ac:dyDescent="0.25">
      <c r="A3280" s="20">
        <v>43692.416666658726</v>
      </c>
      <c r="B3280" s="22">
        <v>1.6955846548080444</v>
      </c>
      <c r="C3280" s="21">
        <v>221963.60333625058</v>
      </c>
      <c r="D3280">
        <f t="shared" si="51"/>
        <v>10</v>
      </c>
    </row>
    <row r="3281" spans="1:4" x14ac:dyDescent="0.25">
      <c r="A3281" s="20">
        <v>43692.45833332539</v>
      </c>
      <c r="B3281" s="22">
        <v>1.8180723190307617</v>
      </c>
      <c r="C3281" s="21">
        <v>237998.07453650629</v>
      </c>
      <c r="D3281">
        <f t="shared" si="51"/>
        <v>11</v>
      </c>
    </row>
    <row r="3282" spans="1:4" x14ac:dyDescent="0.25">
      <c r="A3282" s="20">
        <v>43692.499999992055</v>
      </c>
      <c r="B3282" s="22">
        <v>2.0842986106872559</v>
      </c>
      <c r="C3282" s="21">
        <v>272848.91305486549</v>
      </c>
      <c r="D3282">
        <f t="shared" si="51"/>
        <v>12</v>
      </c>
    </row>
    <row r="3283" spans="1:4" x14ac:dyDescent="0.25">
      <c r="A3283" s="20">
        <v>43692.541666658719</v>
      </c>
      <c r="B3283" s="22">
        <v>2.4096055030822754</v>
      </c>
      <c r="C3283" s="21">
        <v>315433.80542303267</v>
      </c>
      <c r="D3283">
        <f t="shared" si="51"/>
        <v>13</v>
      </c>
    </row>
    <row r="3284" spans="1:4" x14ac:dyDescent="0.25">
      <c r="A3284" s="20">
        <v>43692.583333325383</v>
      </c>
      <c r="B3284" s="22">
        <v>2.5532307624816895</v>
      </c>
      <c r="C3284" s="21">
        <v>334235.33209172421</v>
      </c>
      <c r="D3284">
        <f t="shared" si="51"/>
        <v>14</v>
      </c>
    </row>
    <row r="3285" spans="1:4" x14ac:dyDescent="0.25">
      <c r="A3285" s="20">
        <v>43692.624999992047</v>
      </c>
      <c r="B3285" s="22">
        <v>2.6555716991424561</v>
      </c>
      <c r="C3285" s="21">
        <v>347632.4591567851</v>
      </c>
      <c r="D3285">
        <f t="shared" si="51"/>
        <v>15</v>
      </c>
    </row>
    <row r="3286" spans="1:4" x14ac:dyDescent="0.25">
      <c r="A3286" s="20">
        <v>43692.666666658712</v>
      </c>
      <c r="B3286" s="22">
        <v>2.790194034576416</v>
      </c>
      <c r="C3286" s="21">
        <v>365255.44163526595</v>
      </c>
      <c r="D3286">
        <f t="shared" si="51"/>
        <v>16</v>
      </c>
    </row>
    <row r="3287" spans="1:4" x14ac:dyDescent="0.25">
      <c r="A3287" s="20">
        <v>43692.708333325376</v>
      </c>
      <c r="B3287" s="22">
        <v>2.8725383281707764</v>
      </c>
      <c r="C3287" s="21">
        <v>376034.8716498951</v>
      </c>
      <c r="D3287">
        <f t="shared" si="51"/>
        <v>17</v>
      </c>
    </row>
    <row r="3288" spans="1:4" x14ac:dyDescent="0.25">
      <c r="A3288" s="20">
        <v>43692.74999999204</v>
      </c>
      <c r="B3288" s="22">
        <v>2.7018020153045654</v>
      </c>
      <c r="C3288" s="21">
        <v>353684.32305495045</v>
      </c>
      <c r="D3288">
        <f t="shared" si="51"/>
        <v>18</v>
      </c>
    </row>
    <row r="3289" spans="1:4" x14ac:dyDescent="0.25">
      <c r="A3289" s="20">
        <v>43692.791666658704</v>
      </c>
      <c r="B3289" s="22">
        <v>2.5215091705322266</v>
      </c>
      <c r="C3289" s="21">
        <v>330082.75921209878</v>
      </c>
      <c r="D3289">
        <f t="shared" si="51"/>
        <v>19</v>
      </c>
    </row>
    <row r="3290" spans="1:4" x14ac:dyDescent="0.25">
      <c r="A3290" s="20">
        <v>43692.833333325369</v>
      </c>
      <c r="B3290" s="22">
        <v>2.4655799865722656</v>
      </c>
      <c r="C3290" s="21">
        <v>322761.24732638622</v>
      </c>
      <c r="D3290">
        <f t="shared" si="51"/>
        <v>20</v>
      </c>
    </row>
    <row r="3291" spans="1:4" x14ac:dyDescent="0.25">
      <c r="A3291" s="20">
        <v>43692.874999992033</v>
      </c>
      <c r="B3291" s="22">
        <v>2.1289987564086914</v>
      </c>
      <c r="C3291" s="21">
        <v>278700.46719924326</v>
      </c>
      <c r="D3291">
        <f t="shared" si="51"/>
        <v>21</v>
      </c>
    </row>
    <row r="3292" spans="1:4" x14ac:dyDescent="0.25">
      <c r="A3292" s="20">
        <v>43692.916666658697</v>
      </c>
      <c r="B3292" s="22">
        <v>1.7915394306182861</v>
      </c>
      <c r="C3292" s="21">
        <v>234524.73836172326</v>
      </c>
      <c r="D3292">
        <f t="shared" si="51"/>
        <v>22</v>
      </c>
    </row>
    <row r="3293" spans="1:4" x14ac:dyDescent="0.25">
      <c r="A3293" s="20">
        <v>43692.958333325361</v>
      </c>
      <c r="B3293" s="22">
        <v>1.5374805927276611</v>
      </c>
      <c r="C3293" s="21">
        <v>201266.70258172412</v>
      </c>
      <c r="D3293">
        <f t="shared" si="51"/>
        <v>23</v>
      </c>
    </row>
    <row r="3294" spans="1:4" x14ac:dyDescent="0.25">
      <c r="A3294" s="20">
        <v>43692.999999992026</v>
      </c>
      <c r="B3294" s="22">
        <v>1.1807962656021118</v>
      </c>
      <c r="C3294" s="21">
        <v>154574.28986269314</v>
      </c>
      <c r="D3294">
        <f t="shared" si="51"/>
        <v>0</v>
      </c>
    </row>
    <row r="3295" spans="1:4" x14ac:dyDescent="0.25">
      <c r="A3295" s="20">
        <v>43693.04166665869</v>
      </c>
      <c r="B3295" s="22">
        <v>1.0233315229415894</v>
      </c>
      <c r="C3295" s="21">
        <v>133961.080383452</v>
      </c>
      <c r="D3295">
        <f t="shared" si="51"/>
        <v>1</v>
      </c>
    </row>
    <row r="3296" spans="1:4" x14ac:dyDescent="0.25">
      <c r="A3296" s="20">
        <v>43693.083333325354</v>
      </c>
      <c r="B3296" s="22">
        <v>0.90000247955322266</v>
      </c>
      <c r="C3296" s="21">
        <v>117816.46690817039</v>
      </c>
      <c r="D3296">
        <f t="shared" si="51"/>
        <v>2</v>
      </c>
    </row>
    <row r="3297" spans="1:4" x14ac:dyDescent="0.25">
      <c r="A3297" s="20">
        <v>43693.124999992018</v>
      </c>
      <c r="B3297" s="22">
        <v>0.86959570646286011</v>
      </c>
      <c r="C3297" s="21">
        <v>113836.0127905736</v>
      </c>
      <c r="D3297">
        <f t="shared" si="51"/>
        <v>3</v>
      </c>
    </row>
    <row r="3298" spans="1:4" x14ac:dyDescent="0.25">
      <c r="A3298" s="20">
        <v>43693.166666658683</v>
      </c>
      <c r="B3298" s="22">
        <v>0.90492969751358032</v>
      </c>
      <c r="C3298" s="21">
        <v>118461.47336644593</v>
      </c>
      <c r="D3298">
        <f t="shared" si="51"/>
        <v>4</v>
      </c>
    </row>
    <row r="3299" spans="1:4" x14ac:dyDescent="0.25">
      <c r="A3299" s="20">
        <v>43693.208333325347</v>
      </c>
      <c r="B3299" s="22">
        <v>0.8553430438041687</v>
      </c>
      <c r="C3299" s="21">
        <v>111970.24197701472</v>
      </c>
      <c r="D3299">
        <f t="shared" si="51"/>
        <v>5</v>
      </c>
    </row>
    <row r="3300" spans="1:4" x14ac:dyDescent="0.25">
      <c r="A3300" s="20">
        <v>43693.249999992011</v>
      </c>
      <c r="B3300" s="22">
        <v>1.0493698120117188</v>
      </c>
      <c r="C3300" s="21">
        <v>137369.67012878155</v>
      </c>
      <c r="D3300">
        <f t="shared" si="51"/>
        <v>6</v>
      </c>
    </row>
    <row r="3301" spans="1:4" x14ac:dyDescent="0.25">
      <c r="A3301" s="20">
        <v>43693.291666658675</v>
      </c>
      <c r="B3301" s="22">
        <v>1.0942234992980957</v>
      </c>
      <c r="C3301" s="21">
        <v>143241.3239119002</v>
      </c>
      <c r="D3301">
        <f t="shared" si="51"/>
        <v>7</v>
      </c>
    </row>
    <row r="3302" spans="1:4" x14ac:dyDescent="0.25">
      <c r="A3302" s="20">
        <v>43693.333333325339</v>
      </c>
      <c r="B3302" s="22">
        <v>1.1209549903869629</v>
      </c>
      <c r="C3302" s="21">
        <v>146740.6585324459</v>
      </c>
      <c r="D3302">
        <f t="shared" si="51"/>
        <v>8</v>
      </c>
    </row>
    <row r="3303" spans="1:4" x14ac:dyDescent="0.25">
      <c r="A3303" s="20">
        <v>43693.374999992004</v>
      </c>
      <c r="B3303" s="22">
        <v>1.2175267934799194</v>
      </c>
      <c r="C3303" s="21">
        <v>159382.5666403122</v>
      </c>
      <c r="D3303">
        <f t="shared" si="51"/>
        <v>9</v>
      </c>
    </row>
    <row r="3304" spans="1:4" x14ac:dyDescent="0.25">
      <c r="A3304" s="20">
        <v>43693.416666658668</v>
      </c>
      <c r="B3304" s="22">
        <v>1.4569597244262695</v>
      </c>
      <c r="C3304" s="21">
        <v>190725.97138245296</v>
      </c>
      <c r="D3304">
        <f t="shared" si="51"/>
        <v>10</v>
      </c>
    </row>
    <row r="3305" spans="1:4" x14ac:dyDescent="0.25">
      <c r="A3305" s="20">
        <v>43693.458333325332</v>
      </c>
      <c r="B3305" s="22">
        <v>1.5865452289581299</v>
      </c>
      <c r="C3305" s="21">
        <v>207689.59832049813</v>
      </c>
      <c r="D3305">
        <f t="shared" si="51"/>
        <v>11</v>
      </c>
    </row>
    <row r="3306" spans="1:4" x14ac:dyDescent="0.25">
      <c r="A3306" s="20">
        <v>43693.499999991996</v>
      </c>
      <c r="B3306" s="22">
        <v>1.8327019214630127</v>
      </c>
      <c r="C3306" s="21">
        <v>239913.1893389617</v>
      </c>
      <c r="D3306">
        <f t="shared" si="51"/>
        <v>12</v>
      </c>
    </row>
    <row r="3307" spans="1:4" x14ac:dyDescent="0.25">
      <c r="A3307" s="20">
        <v>43693.541666658661</v>
      </c>
      <c r="B3307" s="22">
        <v>2.11672043800354</v>
      </c>
      <c r="C3307" s="21">
        <v>277093.15152297245</v>
      </c>
      <c r="D3307">
        <f t="shared" si="51"/>
        <v>13</v>
      </c>
    </row>
    <row r="3308" spans="1:4" x14ac:dyDescent="0.25">
      <c r="A3308" s="20">
        <v>43693.583333325325</v>
      </c>
      <c r="B3308" s="22">
        <v>2.3960318565368652</v>
      </c>
      <c r="C3308" s="21">
        <v>313656.92245284974</v>
      </c>
      <c r="D3308">
        <f t="shared" si="51"/>
        <v>14</v>
      </c>
    </row>
    <row r="3309" spans="1:4" x14ac:dyDescent="0.25">
      <c r="A3309" s="20">
        <v>43693.624999991989</v>
      </c>
      <c r="B3309" s="22">
        <v>2.6214401721954346</v>
      </c>
      <c r="C3309" s="21">
        <v>343164.40933866095</v>
      </c>
      <c r="D3309">
        <f t="shared" si="51"/>
        <v>15</v>
      </c>
    </row>
    <row r="3310" spans="1:4" x14ac:dyDescent="0.25">
      <c r="A3310" s="20">
        <v>43693.666666658653</v>
      </c>
      <c r="B3310" s="22">
        <v>2.6907913684844971</v>
      </c>
      <c r="C3310" s="21">
        <v>352242.95424076886</v>
      </c>
      <c r="D3310">
        <f t="shared" si="51"/>
        <v>16</v>
      </c>
    </row>
    <row r="3311" spans="1:4" x14ac:dyDescent="0.25">
      <c r="A3311" s="20">
        <v>43693.708333325318</v>
      </c>
      <c r="B3311" s="22">
        <v>2.7303106784820557</v>
      </c>
      <c r="C3311" s="21">
        <v>357416.30163073645</v>
      </c>
      <c r="D3311">
        <f t="shared" si="51"/>
        <v>17</v>
      </c>
    </row>
    <row r="3312" spans="1:4" x14ac:dyDescent="0.25">
      <c r="A3312" s="20">
        <v>43693.749999991982</v>
      </c>
      <c r="B3312" s="22">
        <v>2.4162299633026123</v>
      </c>
      <c r="C3312" s="21">
        <v>316300.9924764742</v>
      </c>
      <c r="D3312">
        <f t="shared" si="51"/>
        <v>18</v>
      </c>
    </row>
    <row r="3313" spans="1:4" x14ac:dyDescent="0.25">
      <c r="A3313" s="20">
        <v>43693.791666658646</v>
      </c>
      <c r="B3313" s="22">
        <v>2.3065688610076904</v>
      </c>
      <c r="C3313" s="21">
        <v>301945.60577125446</v>
      </c>
      <c r="D3313">
        <f t="shared" si="51"/>
        <v>19</v>
      </c>
    </row>
    <row r="3314" spans="1:4" x14ac:dyDescent="0.25">
      <c r="A3314" s="20">
        <v>43693.83333332531</v>
      </c>
      <c r="B3314" s="22">
        <v>2.25315260887146</v>
      </c>
      <c r="C3314" s="21">
        <v>294953.05381151894</v>
      </c>
      <c r="D3314">
        <f t="shared" si="51"/>
        <v>20</v>
      </c>
    </row>
    <row r="3315" spans="1:4" x14ac:dyDescent="0.25">
      <c r="A3315" s="20">
        <v>43693.874999991975</v>
      </c>
      <c r="B3315" s="22">
        <v>2.2334694862365723</v>
      </c>
      <c r="C3315" s="21">
        <v>292376.39872528642</v>
      </c>
      <c r="D3315">
        <f t="shared" si="51"/>
        <v>21</v>
      </c>
    </row>
    <row r="3316" spans="1:4" x14ac:dyDescent="0.25">
      <c r="A3316" s="20">
        <v>43693.916666658639</v>
      </c>
      <c r="B3316" s="22">
        <v>1.8722786903381348</v>
      </c>
      <c r="C3316" s="21">
        <v>245094.05848814765</v>
      </c>
      <c r="D3316">
        <f t="shared" si="51"/>
        <v>22</v>
      </c>
    </row>
    <row r="3317" spans="1:4" x14ac:dyDescent="0.25">
      <c r="A3317" s="20">
        <v>43693.958333325303</v>
      </c>
      <c r="B3317" s="22">
        <v>1.7107747793197632</v>
      </c>
      <c r="C3317" s="21">
        <v>223952.09430435806</v>
      </c>
      <c r="D3317">
        <f t="shared" si="51"/>
        <v>23</v>
      </c>
    </row>
    <row r="3318" spans="1:4" x14ac:dyDescent="0.25">
      <c r="A3318" s="20">
        <v>43693.999999991967</v>
      </c>
      <c r="B3318" s="22">
        <v>1.4030619859695435</v>
      </c>
      <c r="C3318" s="21">
        <v>183670.38957731798</v>
      </c>
      <c r="D3318">
        <f t="shared" si="51"/>
        <v>0</v>
      </c>
    </row>
    <row r="3319" spans="1:4" x14ac:dyDescent="0.25">
      <c r="A3319" s="20">
        <v>43694.041666658632</v>
      </c>
      <c r="B3319" s="22">
        <v>1.1347095966339111</v>
      </c>
      <c r="C3319" s="21">
        <v>148541.23036257346</v>
      </c>
      <c r="D3319">
        <f t="shared" si="51"/>
        <v>1</v>
      </c>
    </row>
    <row r="3320" spans="1:4" x14ac:dyDescent="0.25">
      <c r="A3320" s="20">
        <v>43694.083333325296</v>
      </c>
      <c r="B3320" s="22">
        <v>0.98637175559997559</v>
      </c>
      <c r="C3320" s="21">
        <v>129122.79459550779</v>
      </c>
      <c r="D3320">
        <f t="shared" si="51"/>
        <v>2</v>
      </c>
    </row>
    <row r="3321" spans="1:4" x14ac:dyDescent="0.25">
      <c r="A3321" s="20">
        <v>43694.12499999196</v>
      </c>
      <c r="B3321" s="22">
        <v>0.96262919902801514</v>
      </c>
      <c r="C3321" s="21">
        <v>126014.73190209792</v>
      </c>
      <c r="D3321">
        <f t="shared" si="51"/>
        <v>3</v>
      </c>
    </row>
    <row r="3322" spans="1:4" x14ac:dyDescent="0.25">
      <c r="A3322" s="20">
        <v>43694.166666658624</v>
      </c>
      <c r="B3322" s="22">
        <v>0.86641925573348999</v>
      </c>
      <c r="C3322" s="21">
        <v>113420.19371146613</v>
      </c>
      <c r="D3322">
        <f t="shared" si="51"/>
        <v>4</v>
      </c>
    </row>
    <row r="3323" spans="1:4" x14ac:dyDescent="0.25">
      <c r="A3323" s="20">
        <v>43694.208333325289</v>
      </c>
      <c r="B3323" s="22">
        <v>0.81771272420883179</v>
      </c>
      <c r="C3323" s="21">
        <v>107044.17632267482</v>
      </c>
      <c r="D3323">
        <f t="shared" si="51"/>
        <v>5</v>
      </c>
    </row>
    <row r="3324" spans="1:4" x14ac:dyDescent="0.25">
      <c r="A3324" s="20">
        <v>43694.249999991953</v>
      </c>
      <c r="B3324" s="22">
        <v>0.8814961314201355</v>
      </c>
      <c r="C3324" s="21">
        <v>115393.85963547119</v>
      </c>
      <c r="D3324">
        <f t="shared" si="51"/>
        <v>6</v>
      </c>
    </row>
    <row r="3325" spans="1:4" x14ac:dyDescent="0.25">
      <c r="A3325" s="20">
        <v>43694.291666658617</v>
      </c>
      <c r="B3325" s="22">
        <v>0.89795172214508057</v>
      </c>
      <c r="C3325" s="21">
        <v>117548.00876744061</v>
      </c>
      <c r="D3325">
        <f t="shared" si="51"/>
        <v>7</v>
      </c>
    </row>
    <row r="3326" spans="1:4" x14ac:dyDescent="0.25">
      <c r="A3326" s="20">
        <v>43694.333333325281</v>
      </c>
      <c r="B3326" s="22">
        <v>1.1709967851638794</v>
      </c>
      <c r="C3326" s="21">
        <v>153291.47099385911</v>
      </c>
      <c r="D3326">
        <f t="shared" si="51"/>
        <v>8</v>
      </c>
    </row>
    <row r="3327" spans="1:4" x14ac:dyDescent="0.25">
      <c r="A3327" s="20">
        <v>43694.374999991946</v>
      </c>
      <c r="B3327" s="22">
        <v>1.4382164478302002</v>
      </c>
      <c r="C3327" s="21">
        <v>188272.34855696061</v>
      </c>
      <c r="D3327">
        <f t="shared" si="51"/>
        <v>9</v>
      </c>
    </row>
    <row r="3328" spans="1:4" x14ac:dyDescent="0.25">
      <c r="A3328" s="20">
        <v>43694.41666665861</v>
      </c>
      <c r="B3328" s="22">
        <v>1.6913769245147705</v>
      </c>
      <c r="C3328" s="21">
        <v>221412.78272395395</v>
      </c>
      <c r="D3328">
        <f t="shared" si="51"/>
        <v>10</v>
      </c>
    </row>
    <row r="3329" spans="1:4" x14ac:dyDescent="0.25">
      <c r="A3329" s="20">
        <v>43694.458333325274</v>
      </c>
      <c r="B3329" s="22">
        <v>2.132756233215332</v>
      </c>
      <c r="C3329" s="21">
        <v>279192.34655725077</v>
      </c>
      <c r="D3329">
        <f t="shared" si="51"/>
        <v>11</v>
      </c>
    </row>
    <row r="3330" spans="1:4" x14ac:dyDescent="0.25">
      <c r="A3330" s="20">
        <v>43694.499999991938</v>
      </c>
      <c r="B3330" s="22">
        <v>2.3564045429229736</v>
      </c>
      <c r="C3330" s="21">
        <v>308469.43665240135</v>
      </c>
      <c r="D3330">
        <f t="shared" si="51"/>
        <v>12</v>
      </c>
    </row>
    <row r="3331" spans="1:4" x14ac:dyDescent="0.25">
      <c r="A3331" s="20">
        <v>43694.541666658602</v>
      </c>
      <c r="B3331" s="22">
        <v>2.647752046585083</v>
      </c>
      <c r="C3331" s="21">
        <v>346608.81326947996</v>
      </c>
      <c r="D3331">
        <f t="shared" si="51"/>
        <v>13</v>
      </c>
    </row>
    <row r="3332" spans="1:4" x14ac:dyDescent="0.25">
      <c r="A3332" s="20">
        <v>43694.583333325267</v>
      </c>
      <c r="B3332" s="22">
        <v>2.8358824253082275</v>
      </c>
      <c r="C3332" s="21">
        <v>371236.36379607394</v>
      </c>
      <c r="D3332">
        <f t="shared" si="51"/>
        <v>14</v>
      </c>
    </row>
    <row r="3333" spans="1:4" x14ac:dyDescent="0.25">
      <c r="A3333" s="20">
        <v>43694.624999991931</v>
      </c>
      <c r="B3333" s="22">
        <v>2.9120018482208252</v>
      </c>
      <c r="C3333" s="21">
        <v>381200.9157549786</v>
      </c>
      <c r="D3333">
        <f t="shared" si="51"/>
        <v>15</v>
      </c>
    </row>
    <row r="3334" spans="1:4" x14ac:dyDescent="0.25">
      <c r="A3334" s="20">
        <v>43694.666666658595</v>
      </c>
      <c r="B3334" s="22">
        <v>3.0411112308502197</v>
      </c>
      <c r="C3334" s="21">
        <v>398102.21508655546</v>
      </c>
      <c r="D3334">
        <f t="shared" si="51"/>
        <v>16</v>
      </c>
    </row>
    <row r="3335" spans="1:4" x14ac:dyDescent="0.25">
      <c r="A3335" s="20">
        <v>43694.708333325259</v>
      </c>
      <c r="B3335" s="22">
        <v>2.8522119522094727</v>
      </c>
      <c r="C3335" s="21">
        <v>373374.01031316101</v>
      </c>
      <c r="D3335">
        <f t="shared" ref="D3335:D3398" si="52">HOUR(A3335)</f>
        <v>17</v>
      </c>
    </row>
    <row r="3336" spans="1:4" x14ac:dyDescent="0.25">
      <c r="A3336" s="20">
        <v>43694.749999991924</v>
      </c>
      <c r="B3336" s="22">
        <v>2.6531140804290771</v>
      </c>
      <c r="C3336" s="21">
        <v>347310.74009445385</v>
      </c>
      <c r="D3336">
        <f t="shared" si="52"/>
        <v>18</v>
      </c>
    </row>
    <row r="3337" spans="1:4" x14ac:dyDescent="0.25">
      <c r="A3337" s="20">
        <v>43694.791666658588</v>
      </c>
      <c r="B3337" s="22">
        <v>2.4536614418029785</v>
      </c>
      <c r="C3337" s="21">
        <v>321201.02847443224</v>
      </c>
      <c r="D3337">
        <f t="shared" si="52"/>
        <v>19</v>
      </c>
    </row>
    <row r="3338" spans="1:4" x14ac:dyDescent="0.25">
      <c r="A3338" s="20">
        <v>43694.833333325252</v>
      </c>
      <c r="B3338" s="22">
        <v>2.3712711334228516</v>
      </c>
      <c r="C3338" s="21">
        <v>310415.57481030468</v>
      </c>
      <c r="D3338">
        <f t="shared" si="52"/>
        <v>20</v>
      </c>
    </row>
    <row r="3339" spans="1:4" x14ac:dyDescent="0.25">
      <c r="A3339" s="20">
        <v>43694.874999991916</v>
      </c>
      <c r="B3339" s="22">
        <v>2.5173161029815674</v>
      </c>
      <c r="C3339" s="21">
        <v>329533.85805288068</v>
      </c>
      <c r="D3339">
        <f t="shared" si="52"/>
        <v>21</v>
      </c>
    </row>
    <row r="3340" spans="1:4" x14ac:dyDescent="0.25">
      <c r="A3340" s="20">
        <v>43694.916666658581</v>
      </c>
      <c r="B3340" s="22">
        <v>2.2541069984436035</v>
      </c>
      <c r="C3340" s="21">
        <v>295077.98992002808</v>
      </c>
      <c r="D3340">
        <f t="shared" si="52"/>
        <v>22</v>
      </c>
    </row>
    <row r="3341" spans="1:4" x14ac:dyDescent="0.25">
      <c r="A3341" s="20">
        <v>43694.958333325245</v>
      </c>
      <c r="B3341" s="22">
        <v>1.8658009767532349</v>
      </c>
      <c r="C3341" s="21">
        <v>244246.08157080089</v>
      </c>
      <c r="D3341">
        <f t="shared" si="52"/>
        <v>23</v>
      </c>
    </row>
    <row r="3342" spans="1:4" x14ac:dyDescent="0.25">
      <c r="A3342" s="20">
        <v>43694.999999991909</v>
      </c>
      <c r="B3342" s="22">
        <v>1.5394318103790283</v>
      </c>
      <c r="C3342" s="21">
        <v>201522.1302889534</v>
      </c>
      <c r="D3342">
        <f t="shared" si="52"/>
        <v>0</v>
      </c>
    </row>
    <row r="3343" spans="1:4" x14ac:dyDescent="0.25">
      <c r="A3343" s="20">
        <v>43695.041666658573</v>
      </c>
      <c r="B3343" s="22">
        <v>1.2850172519683838</v>
      </c>
      <c r="C3343" s="21">
        <v>168217.52826516316</v>
      </c>
      <c r="D3343">
        <f t="shared" si="52"/>
        <v>1</v>
      </c>
    </row>
    <row r="3344" spans="1:4" x14ac:dyDescent="0.25">
      <c r="A3344" s="20">
        <v>43695.083333325238</v>
      </c>
      <c r="B3344" s="22">
        <v>1.1633510589599609</v>
      </c>
      <c r="C3344" s="21">
        <v>152290.5932532333</v>
      </c>
      <c r="D3344">
        <f t="shared" si="52"/>
        <v>2</v>
      </c>
    </row>
    <row r="3345" spans="1:4" x14ac:dyDescent="0.25">
      <c r="A3345" s="20">
        <v>43695.124999991902</v>
      </c>
      <c r="B3345" s="22">
        <v>1.0559072494506836</v>
      </c>
      <c r="C3345" s="21">
        <v>138225.46530622861</v>
      </c>
      <c r="D3345">
        <f t="shared" si="52"/>
        <v>3</v>
      </c>
    </row>
    <row r="3346" spans="1:4" x14ac:dyDescent="0.25">
      <c r="A3346" s="20">
        <v>43695.166666658566</v>
      </c>
      <c r="B3346" s="22">
        <v>0.98719978332519531</v>
      </c>
      <c r="C3346" s="21">
        <v>129231.18907586057</v>
      </c>
      <c r="D3346">
        <f t="shared" si="52"/>
        <v>4</v>
      </c>
    </row>
    <row r="3347" spans="1:4" x14ac:dyDescent="0.25">
      <c r="A3347" s="20">
        <v>43695.20833332523</v>
      </c>
      <c r="B3347" s="22">
        <v>0.88462024927139282</v>
      </c>
      <c r="C3347" s="21">
        <v>115802.82798367243</v>
      </c>
      <c r="D3347">
        <f t="shared" si="52"/>
        <v>5</v>
      </c>
    </row>
    <row r="3348" spans="1:4" x14ac:dyDescent="0.25">
      <c r="A3348" s="20">
        <v>43695.249999991895</v>
      </c>
      <c r="B3348" s="22">
        <v>0.95099401473999023</v>
      </c>
      <c r="C3348" s="21">
        <v>124491.60687101907</v>
      </c>
      <c r="D3348">
        <f t="shared" si="52"/>
        <v>6</v>
      </c>
    </row>
    <row r="3349" spans="1:4" x14ac:dyDescent="0.25">
      <c r="A3349" s="20">
        <v>43695.291666658559</v>
      </c>
      <c r="B3349" s="22">
        <v>1.0333322286605835</v>
      </c>
      <c r="C3349" s="21">
        <v>135270.24101485952</v>
      </c>
      <c r="D3349">
        <f t="shared" si="52"/>
        <v>7</v>
      </c>
    </row>
    <row r="3350" spans="1:4" x14ac:dyDescent="0.25">
      <c r="A3350" s="20">
        <v>43695.333333325223</v>
      </c>
      <c r="B3350" s="22">
        <v>1.2999197244644165</v>
      </c>
      <c r="C3350" s="21">
        <v>170168.36362125055</v>
      </c>
      <c r="D3350">
        <f t="shared" si="52"/>
        <v>8</v>
      </c>
    </row>
    <row r="3351" spans="1:4" x14ac:dyDescent="0.25">
      <c r="A3351" s="20">
        <v>43695.374999991887</v>
      </c>
      <c r="B3351" s="22">
        <v>1.5787776708602905</v>
      </c>
      <c r="C3351" s="21">
        <v>206672.77195348003</v>
      </c>
      <c r="D3351">
        <f t="shared" si="52"/>
        <v>9</v>
      </c>
    </row>
    <row r="3352" spans="1:4" x14ac:dyDescent="0.25">
      <c r="A3352" s="20">
        <v>43695.416666658552</v>
      </c>
      <c r="B3352" s="22">
        <v>1.7745993137359619</v>
      </c>
      <c r="C3352" s="21">
        <v>232307.16144896005</v>
      </c>
      <c r="D3352">
        <f t="shared" si="52"/>
        <v>10</v>
      </c>
    </row>
    <row r="3353" spans="1:4" x14ac:dyDescent="0.25">
      <c r="A3353" s="20">
        <v>43695.458333325216</v>
      </c>
      <c r="B3353" s="22">
        <v>2.1235044002532959</v>
      </c>
      <c r="C3353" s="21">
        <v>277981.21848063392</v>
      </c>
      <c r="D3353">
        <f t="shared" si="52"/>
        <v>11</v>
      </c>
    </row>
    <row r="3354" spans="1:4" x14ac:dyDescent="0.25">
      <c r="A3354" s="20">
        <v>43695.49999999188</v>
      </c>
      <c r="B3354" s="22">
        <v>2.5535473823547363</v>
      </c>
      <c r="C3354" s="21">
        <v>334276.77979397262</v>
      </c>
      <c r="D3354">
        <f t="shared" si="52"/>
        <v>12</v>
      </c>
    </row>
    <row r="3355" spans="1:4" x14ac:dyDescent="0.25">
      <c r="A3355" s="20">
        <v>43695.541666658544</v>
      </c>
      <c r="B3355" s="22">
        <v>2.7638504505157471</v>
      </c>
      <c r="C3355" s="21">
        <v>361806.88669209834</v>
      </c>
      <c r="D3355">
        <f t="shared" si="52"/>
        <v>13</v>
      </c>
    </row>
    <row r="3356" spans="1:4" x14ac:dyDescent="0.25">
      <c r="A3356" s="20">
        <v>43695.583333325209</v>
      </c>
      <c r="B3356" s="22">
        <v>3.0137093067169189</v>
      </c>
      <c r="C3356" s="21">
        <v>394515.1162049236</v>
      </c>
      <c r="D3356">
        <f t="shared" si="52"/>
        <v>14</v>
      </c>
    </row>
    <row r="3357" spans="1:4" x14ac:dyDescent="0.25">
      <c r="A3357" s="20">
        <v>43695.624999991873</v>
      </c>
      <c r="B3357" s="22">
        <v>3.2162363529205322</v>
      </c>
      <c r="C3357" s="21">
        <v>421027.28875905095</v>
      </c>
      <c r="D3357">
        <f t="shared" si="52"/>
        <v>15</v>
      </c>
    </row>
    <row r="3358" spans="1:4" x14ac:dyDescent="0.25">
      <c r="A3358" s="20">
        <v>43695.666666658537</v>
      </c>
      <c r="B3358" s="22">
        <v>3.1333949565887451</v>
      </c>
      <c r="C3358" s="21">
        <v>410182.78460346721</v>
      </c>
      <c r="D3358">
        <f t="shared" si="52"/>
        <v>16</v>
      </c>
    </row>
    <row r="3359" spans="1:4" x14ac:dyDescent="0.25">
      <c r="A3359" s="20">
        <v>43695.708333325201</v>
      </c>
      <c r="B3359" s="22">
        <v>3.1395320892333984</v>
      </c>
      <c r="C3359" s="21">
        <v>410986.17715133965</v>
      </c>
      <c r="D3359">
        <f t="shared" si="52"/>
        <v>17</v>
      </c>
    </row>
    <row r="3360" spans="1:4" x14ac:dyDescent="0.25">
      <c r="A3360" s="20">
        <v>43695.749999991865</v>
      </c>
      <c r="B3360" s="22">
        <v>3.0257470607757568</v>
      </c>
      <c r="C3360" s="21">
        <v>396090.94036645908</v>
      </c>
      <c r="D3360">
        <f t="shared" si="52"/>
        <v>18</v>
      </c>
    </row>
    <row r="3361" spans="1:4" x14ac:dyDescent="0.25">
      <c r="A3361" s="20">
        <v>43695.79166665853</v>
      </c>
      <c r="B3361" s="22">
        <v>2.7160670757293701</v>
      </c>
      <c r="C3361" s="21">
        <v>355551.71682070574</v>
      </c>
      <c r="D3361">
        <f t="shared" si="52"/>
        <v>19</v>
      </c>
    </row>
    <row r="3362" spans="1:4" x14ac:dyDescent="0.25">
      <c r="A3362" s="20">
        <v>43695.833333325194</v>
      </c>
      <c r="B3362" s="22">
        <v>2.6706681251525879</v>
      </c>
      <c r="C3362" s="21">
        <v>349608.68435156153</v>
      </c>
      <c r="D3362">
        <f t="shared" si="52"/>
        <v>20</v>
      </c>
    </row>
    <row r="3363" spans="1:4" x14ac:dyDescent="0.25">
      <c r="A3363" s="20">
        <v>43695.874999991858</v>
      </c>
      <c r="B3363" s="22">
        <v>2.5434236526489258</v>
      </c>
      <c r="C3363" s="21">
        <v>332951.51448307704</v>
      </c>
      <c r="D3363">
        <f t="shared" si="52"/>
        <v>21</v>
      </c>
    </row>
    <row r="3364" spans="1:4" x14ac:dyDescent="0.25">
      <c r="A3364" s="20">
        <v>43695.916666658522</v>
      </c>
      <c r="B3364" s="22">
        <v>2.1708331108093262</v>
      </c>
      <c r="C3364" s="21">
        <v>284176.86970128276</v>
      </c>
      <c r="D3364">
        <f t="shared" si="52"/>
        <v>22</v>
      </c>
    </row>
    <row r="3365" spans="1:4" x14ac:dyDescent="0.25">
      <c r="A3365" s="20">
        <v>43695.958333325187</v>
      </c>
      <c r="B3365" s="22">
        <v>1.8036262989044189</v>
      </c>
      <c r="C3365" s="21">
        <v>236106.99191080627</v>
      </c>
      <c r="D3365">
        <f t="shared" si="52"/>
        <v>23</v>
      </c>
    </row>
    <row r="3366" spans="1:4" x14ac:dyDescent="0.25">
      <c r="A3366" s="20">
        <v>43695.999999991851</v>
      </c>
      <c r="B3366" s="22">
        <v>1.5839375257492065</v>
      </c>
      <c r="C3366" s="21">
        <v>207348.23217340378</v>
      </c>
      <c r="D3366">
        <f t="shared" si="52"/>
        <v>0</v>
      </c>
    </row>
    <row r="3367" spans="1:4" x14ac:dyDescent="0.25">
      <c r="A3367" s="20">
        <v>43696.041666658515</v>
      </c>
      <c r="B3367" s="22">
        <v>1.4988422393798828</v>
      </c>
      <c r="C3367" s="21">
        <v>196208.67842956341</v>
      </c>
      <c r="D3367">
        <f t="shared" si="52"/>
        <v>1</v>
      </c>
    </row>
    <row r="3368" spans="1:4" x14ac:dyDescent="0.25">
      <c r="A3368" s="20">
        <v>43696.083333325179</v>
      </c>
      <c r="B3368" s="22">
        <v>1.3303574323654175</v>
      </c>
      <c r="C3368" s="21">
        <v>174152.86731668373</v>
      </c>
      <c r="D3368">
        <f t="shared" si="52"/>
        <v>2</v>
      </c>
    </row>
    <row r="3369" spans="1:4" x14ac:dyDescent="0.25">
      <c r="A3369" s="20">
        <v>43696.124999991844</v>
      </c>
      <c r="B3369" s="22">
        <v>1.2112118005752563</v>
      </c>
      <c r="C3369" s="21">
        <v>158555.89097054416</v>
      </c>
      <c r="D3369">
        <f t="shared" si="52"/>
        <v>3</v>
      </c>
    </row>
    <row r="3370" spans="1:4" x14ac:dyDescent="0.25">
      <c r="A3370" s="20">
        <v>43696.166666658508</v>
      </c>
      <c r="B3370" s="22">
        <v>1.1081701517105103</v>
      </c>
      <c r="C3370" s="21">
        <v>145067.03589576349</v>
      </c>
      <c r="D3370">
        <f t="shared" si="52"/>
        <v>4</v>
      </c>
    </row>
    <row r="3371" spans="1:4" x14ac:dyDescent="0.25">
      <c r="A3371" s="20">
        <v>43696.208333325172</v>
      </c>
      <c r="B3371" s="22">
        <v>1.1274110078811646</v>
      </c>
      <c r="C3371" s="21">
        <v>147585.79528344882</v>
      </c>
      <c r="D3371">
        <f t="shared" si="52"/>
        <v>5</v>
      </c>
    </row>
    <row r="3372" spans="1:4" x14ac:dyDescent="0.25">
      <c r="A3372" s="20">
        <v>43696.249999991836</v>
      </c>
      <c r="B3372" s="22">
        <v>1.3238022327423096</v>
      </c>
      <c r="C3372" s="21">
        <v>173294.74694810904</v>
      </c>
      <c r="D3372">
        <f t="shared" si="52"/>
        <v>6</v>
      </c>
    </row>
    <row r="3373" spans="1:4" x14ac:dyDescent="0.25">
      <c r="A3373" s="20">
        <v>43696.291666658501</v>
      </c>
      <c r="B3373" s="22">
        <v>1.2198373079299927</v>
      </c>
      <c r="C3373" s="21">
        <v>159685.02875062</v>
      </c>
      <c r="D3373">
        <f t="shared" si="52"/>
        <v>7</v>
      </c>
    </row>
    <row r="3374" spans="1:4" x14ac:dyDescent="0.25">
      <c r="A3374" s="20">
        <v>43696.333333325165</v>
      </c>
      <c r="B3374" s="22">
        <v>1.1925780773162842</v>
      </c>
      <c r="C3374" s="21">
        <v>156116.60942455719</v>
      </c>
      <c r="D3374">
        <f t="shared" si="52"/>
        <v>8</v>
      </c>
    </row>
    <row r="3375" spans="1:4" x14ac:dyDescent="0.25">
      <c r="A3375" s="20">
        <v>43696.374999991829</v>
      </c>
      <c r="B3375" s="22">
        <v>1.3504358530044556</v>
      </c>
      <c r="C3375" s="21">
        <v>176781.26960948837</v>
      </c>
      <c r="D3375">
        <f t="shared" si="52"/>
        <v>9</v>
      </c>
    </row>
    <row r="3376" spans="1:4" x14ac:dyDescent="0.25">
      <c r="A3376" s="20">
        <v>43696.416666658493</v>
      </c>
      <c r="B3376" s="22">
        <v>1.6767874956130981</v>
      </c>
      <c r="C3376" s="21">
        <v>219502.92691082743</v>
      </c>
      <c r="D3376">
        <f t="shared" si="52"/>
        <v>10</v>
      </c>
    </row>
    <row r="3377" spans="1:4" x14ac:dyDescent="0.25">
      <c r="A3377" s="20">
        <v>43696.458333325158</v>
      </c>
      <c r="B3377" s="22">
        <v>1.9560269117355347</v>
      </c>
      <c r="C3377" s="21">
        <v>256057.27223371755</v>
      </c>
      <c r="D3377">
        <f t="shared" si="52"/>
        <v>11</v>
      </c>
    </row>
    <row r="3378" spans="1:4" x14ac:dyDescent="0.25">
      <c r="A3378" s="20">
        <v>43696.499999991822</v>
      </c>
      <c r="B3378" s="22">
        <v>2.340029239654541</v>
      </c>
      <c r="C3378" s="21">
        <v>306325.79769643501</v>
      </c>
      <c r="D3378">
        <f t="shared" si="52"/>
        <v>12</v>
      </c>
    </row>
    <row r="3379" spans="1:4" x14ac:dyDescent="0.25">
      <c r="A3379" s="20">
        <v>43696.541666658486</v>
      </c>
      <c r="B3379" s="22">
        <v>2.4867596626281738</v>
      </c>
      <c r="C3379" s="21">
        <v>325533.81146910432</v>
      </c>
      <c r="D3379">
        <f t="shared" si="52"/>
        <v>13</v>
      </c>
    </row>
    <row r="3380" spans="1:4" x14ac:dyDescent="0.25">
      <c r="A3380" s="20">
        <v>43696.58333332515</v>
      </c>
      <c r="B3380" s="22">
        <v>2.8154783248901367</v>
      </c>
      <c r="C3380" s="21">
        <v>368565.32779749279</v>
      </c>
      <c r="D3380">
        <f t="shared" si="52"/>
        <v>14</v>
      </c>
    </row>
    <row r="3381" spans="1:4" x14ac:dyDescent="0.25">
      <c r="A3381" s="20">
        <v>43696.624999991815</v>
      </c>
      <c r="B3381" s="22">
        <v>2.9477052688598633</v>
      </c>
      <c r="C3381" s="21">
        <v>385874.73718524387</v>
      </c>
      <c r="D3381">
        <f t="shared" si="52"/>
        <v>15</v>
      </c>
    </row>
    <row r="3382" spans="1:4" x14ac:dyDescent="0.25">
      <c r="A3382" s="20">
        <v>43696.666666658479</v>
      </c>
      <c r="B3382" s="22">
        <v>3.0312440395355225</v>
      </c>
      <c r="C3382" s="21">
        <v>396810.5324018792</v>
      </c>
      <c r="D3382">
        <f t="shared" si="52"/>
        <v>16</v>
      </c>
    </row>
    <row r="3383" spans="1:4" x14ac:dyDescent="0.25">
      <c r="A3383" s="20">
        <v>43696.708333325143</v>
      </c>
      <c r="B3383" s="22">
        <v>3.0343027114868164</v>
      </c>
      <c r="C3383" s="21">
        <v>397210.93343512021</v>
      </c>
      <c r="D3383">
        <f t="shared" si="52"/>
        <v>17</v>
      </c>
    </row>
    <row r="3384" spans="1:4" x14ac:dyDescent="0.25">
      <c r="A3384" s="20">
        <v>43696.749999991807</v>
      </c>
      <c r="B3384" s="22">
        <v>2.8829867839813232</v>
      </c>
      <c r="C3384" s="21">
        <v>377402.64582409058</v>
      </c>
      <c r="D3384">
        <f t="shared" si="52"/>
        <v>18</v>
      </c>
    </row>
    <row r="3385" spans="1:4" x14ac:dyDescent="0.25">
      <c r="A3385" s="20">
        <v>43696.791666658472</v>
      </c>
      <c r="B3385" s="22">
        <v>2.7658431529998779</v>
      </c>
      <c r="C3385" s="21">
        <v>362067.74504706194</v>
      </c>
      <c r="D3385">
        <f t="shared" si="52"/>
        <v>19</v>
      </c>
    </row>
    <row r="3386" spans="1:4" x14ac:dyDescent="0.25">
      <c r="A3386" s="20">
        <v>43696.833333325136</v>
      </c>
      <c r="B3386" s="22">
        <v>2.7586641311645508</v>
      </c>
      <c r="C3386" s="21">
        <v>361127.96209344751</v>
      </c>
      <c r="D3386">
        <f t="shared" si="52"/>
        <v>20</v>
      </c>
    </row>
    <row r="3387" spans="1:4" x14ac:dyDescent="0.25">
      <c r="A3387" s="20">
        <v>43696.8749999918</v>
      </c>
      <c r="B3387" s="22">
        <v>2.568964958190918</v>
      </c>
      <c r="C3387" s="21">
        <v>336295.04569276149</v>
      </c>
      <c r="D3387">
        <f t="shared" si="52"/>
        <v>21</v>
      </c>
    </row>
    <row r="3388" spans="1:4" x14ac:dyDescent="0.25">
      <c r="A3388" s="20">
        <v>43696.916666658464</v>
      </c>
      <c r="B3388" s="22">
        <v>2.1784207820892334</v>
      </c>
      <c r="C3388" s="21">
        <v>285170.14765614248</v>
      </c>
      <c r="D3388">
        <f t="shared" si="52"/>
        <v>22</v>
      </c>
    </row>
    <row r="3389" spans="1:4" x14ac:dyDescent="0.25">
      <c r="A3389" s="20">
        <v>43696.958333325128</v>
      </c>
      <c r="B3389" s="22">
        <v>1.8494695425033569</v>
      </c>
      <c r="C3389" s="21">
        <v>242108.18536876061</v>
      </c>
      <c r="D3389">
        <f t="shared" si="52"/>
        <v>23</v>
      </c>
    </row>
    <row r="3390" spans="1:4" x14ac:dyDescent="0.25">
      <c r="A3390" s="20">
        <v>43696.999999991793</v>
      </c>
      <c r="B3390" s="22">
        <v>1.6419904232025146</v>
      </c>
      <c r="C3390" s="21">
        <v>214947.75264930999</v>
      </c>
      <c r="D3390">
        <f t="shared" si="52"/>
        <v>0</v>
      </c>
    </row>
    <row r="3391" spans="1:4" x14ac:dyDescent="0.25">
      <c r="A3391" s="20">
        <v>43697.041666658457</v>
      </c>
      <c r="B3391" s="22">
        <v>1.4648749828338623</v>
      </c>
      <c r="C3391" s="21">
        <v>191762.13272804249</v>
      </c>
      <c r="D3391">
        <f t="shared" si="52"/>
        <v>1</v>
      </c>
    </row>
    <row r="3392" spans="1:4" x14ac:dyDescent="0.25">
      <c r="A3392" s="20">
        <v>43697.083333325121</v>
      </c>
      <c r="B3392" s="22">
        <v>1.3393296003341675</v>
      </c>
      <c r="C3392" s="21">
        <v>175327.38533702242</v>
      </c>
      <c r="D3392">
        <f t="shared" si="52"/>
        <v>2</v>
      </c>
    </row>
    <row r="3393" spans="1:4" x14ac:dyDescent="0.25">
      <c r="A3393" s="20">
        <v>43697.124999991785</v>
      </c>
      <c r="B3393" s="22">
        <v>1.2529662847518921</v>
      </c>
      <c r="C3393" s="21">
        <v>164021.83791516413</v>
      </c>
      <c r="D3393">
        <f t="shared" si="52"/>
        <v>3</v>
      </c>
    </row>
    <row r="3394" spans="1:4" x14ac:dyDescent="0.25">
      <c r="A3394" s="20">
        <v>43697.16666665845</v>
      </c>
      <c r="B3394" s="22">
        <v>1.1719971895217896</v>
      </c>
      <c r="C3394" s="21">
        <v>153422.43075186669</v>
      </c>
      <c r="D3394">
        <f t="shared" si="52"/>
        <v>4</v>
      </c>
    </row>
    <row r="3395" spans="1:4" x14ac:dyDescent="0.25">
      <c r="A3395" s="20">
        <v>43697.208333325114</v>
      </c>
      <c r="B3395" s="22">
        <v>1.2023224830627441</v>
      </c>
      <c r="C3395" s="21">
        <v>157392.21864036456</v>
      </c>
      <c r="D3395">
        <f t="shared" si="52"/>
        <v>5</v>
      </c>
    </row>
    <row r="3396" spans="1:4" x14ac:dyDescent="0.25">
      <c r="A3396" s="20">
        <v>43697.249999991778</v>
      </c>
      <c r="B3396" s="22">
        <v>1.3556486368179321</v>
      </c>
      <c r="C3396" s="21">
        <v>177463.65858686628</v>
      </c>
      <c r="D3396">
        <f t="shared" si="52"/>
        <v>6</v>
      </c>
    </row>
    <row r="3397" spans="1:4" x14ac:dyDescent="0.25">
      <c r="A3397" s="20">
        <v>43697.291666658442</v>
      </c>
      <c r="B3397" s="22">
        <v>1.2208548784255981</v>
      </c>
      <c r="C3397" s="21">
        <v>159818.23567320732</v>
      </c>
      <c r="D3397">
        <f t="shared" si="52"/>
        <v>7</v>
      </c>
    </row>
    <row r="3398" spans="1:4" x14ac:dyDescent="0.25">
      <c r="A3398" s="20">
        <v>43697.333333325107</v>
      </c>
      <c r="B3398" s="22">
        <v>1.2695269584655762</v>
      </c>
      <c r="C3398" s="21">
        <v>166189.7431275296</v>
      </c>
      <c r="D3398">
        <f t="shared" si="52"/>
        <v>8</v>
      </c>
    </row>
    <row r="3399" spans="1:4" x14ac:dyDescent="0.25">
      <c r="A3399" s="20">
        <v>43697.374999991771</v>
      </c>
      <c r="B3399" s="22">
        <v>1.6406394243240356</v>
      </c>
      <c r="C3399" s="21">
        <v>214770.89767582336</v>
      </c>
      <c r="D3399">
        <f t="shared" ref="D3399:D3462" si="53">HOUR(A3399)</f>
        <v>9</v>
      </c>
    </row>
    <row r="3400" spans="1:4" x14ac:dyDescent="0.25">
      <c r="A3400" s="20">
        <v>43697.416666658435</v>
      </c>
      <c r="B3400" s="22">
        <v>2.086899995803833</v>
      </c>
      <c r="C3400" s="21">
        <v>273189.45212055201</v>
      </c>
      <c r="D3400">
        <f t="shared" si="53"/>
        <v>10</v>
      </c>
    </row>
    <row r="3401" spans="1:4" x14ac:dyDescent="0.25">
      <c r="A3401" s="20">
        <v>43697.458333325099</v>
      </c>
      <c r="B3401" s="22">
        <v>2.3230609893798828</v>
      </c>
      <c r="C3401" s="21">
        <v>304104.53793061053</v>
      </c>
      <c r="D3401">
        <f t="shared" si="53"/>
        <v>11</v>
      </c>
    </row>
    <row r="3402" spans="1:4" x14ac:dyDescent="0.25">
      <c r="A3402" s="20">
        <v>43697.499999991764</v>
      </c>
      <c r="B3402" s="22">
        <v>2.5043265819549561</v>
      </c>
      <c r="C3402" s="21">
        <v>327833.44109964685</v>
      </c>
      <c r="D3402">
        <f t="shared" si="53"/>
        <v>12</v>
      </c>
    </row>
    <row r="3403" spans="1:4" x14ac:dyDescent="0.25">
      <c r="A3403" s="20">
        <v>43697.541666658428</v>
      </c>
      <c r="B3403" s="22">
        <v>2.7611243724822998</v>
      </c>
      <c r="C3403" s="21">
        <v>361450.02447258955</v>
      </c>
      <c r="D3403">
        <f t="shared" si="53"/>
        <v>13</v>
      </c>
    </row>
    <row r="3404" spans="1:4" x14ac:dyDescent="0.25">
      <c r="A3404" s="20">
        <v>43697.583333325092</v>
      </c>
      <c r="B3404" s="22">
        <v>2.9236114025115967</v>
      </c>
      <c r="C3404" s="21">
        <v>382720.68564449745</v>
      </c>
      <c r="D3404">
        <f t="shared" si="53"/>
        <v>14</v>
      </c>
    </row>
    <row r="3405" spans="1:4" x14ac:dyDescent="0.25">
      <c r="A3405" s="20">
        <v>43697.624999991756</v>
      </c>
      <c r="B3405" s="22">
        <v>3.1538748741149902</v>
      </c>
      <c r="C3405" s="21">
        <v>412863.74557894218</v>
      </c>
      <c r="D3405">
        <f t="shared" si="53"/>
        <v>15</v>
      </c>
    </row>
    <row r="3406" spans="1:4" x14ac:dyDescent="0.25">
      <c r="A3406" s="20">
        <v>43697.666666658421</v>
      </c>
      <c r="B3406" s="22">
        <v>3.0044243335723877</v>
      </c>
      <c r="C3406" s="21">
        <v>393299.64985224319</v>
      </c>
      <c r="D3406">
        <f t="shared" si="53"/>
        <v>16</v>
      </c>
    </row>
    <row r="3407" spans="1:4" x14ac:dyDescent="0.25">
      <c r="A3407" s="20">
        <v>43697.708333325085</v>
      </c>
      <c r="B3407" s="22">
        <v>2.8940553665161133</v>
      </c>
      <c r="C3407" s="21">
        <v>378851.5988187287</v>
      </c>
      <c r="D3407">
        <f t="shared" si="53"/>
        <v>17</v>
      </c>
    </row>
    <row r="3408" spans="1:4" x14ac:dyDescent="0.25">
      <c r="A3408" s="20">
        <v>43697.749999991749</v>
      </c>
      <c r="B3408" s="22">
        <v>2.7661573886871338</v>
      </c>
      <c r="C3408" s="21">
        <v>362108.8806431187</v>
      </c>
      <c r="D3408">
        <f t="shared" si="53"/>
        <v>18</v>
      </c>
    </row>
    <row r="3409" spans="1:4" x14ac:dyDescent="0.25">
      <c r="A3409" s="20">
        <v>43697.791666658413</v>
      </c>
      <c r="B3409" s="22">
        <v>2.5586087703704834</v>
      </c>
      <c r="C3409" s="21">
        <v>334939.35002818209</v>
      </c>
      <c r="D3409">
        <f t="shared" si="53"/>
        <v>19</v>
      </c>
    </row>
    <row r="3410" spans="1:4" x14ac:dyDescent="0.25">
      <c r="A3410" s="20">
        <v>43697.833333325078</v>
      </c>
      <c r="B3410" s="22">
        <v>2.4640452861785889</v>
      </c>
      <c r="C3410" s="21">
        <v>322560.3445708346</v>
      </c>
      <c r="D3410">
        <f t="shared" si="53"/>
        <v>20</v>
      </c>
    </row>
    <row r="3411" spans="1:4" x14ac:dyDescent="0.25">
      <c r="A3411" s="20">
        <v>43697.874999991742</v>
      </c>
      <c r="B3411" s="22">
        <v>2.39805006980896</v>
      </c>
      <c r="C3411" s="21">
        <v>313921.12034406385</v>
      </c>
      <c r="D3411">
        <f t="shared" si="53"/>
        <v>21</v>
      </c>
    </row>
    <row r="3412" spans="1:4" x14ac:dyDescent="0.25">
      <c r="A3412" s="20">
        <v>43697.916666658406</v>
      </c>
      <c r="B3412" s="22">
        <v>2.030613899230957</v>
      </c>
      <c r="C3412" s="21">
        <v>265821.21793795261</v>
      </c>
      <c r="D3412">
        <f t="shared" si="53"/>
        <v>22</v>
      </c>
    </row>
    <row r="3413" spans="1:4" x14ac:dyDescent="0.25">
      <c r="A3413" s="20">
        <v>43697.95833332507</v>
      </c>
      <c r="B3413" s="22">
        <v>1.7128738164901733</v>
      </c>
      <c r="C3413" s="21">
        <v>224226.8725954683</v>
      </c>
      <c r="D3413">
        <f t="shared" si="53"/>
        <v>23</v>
      </c>
    </row>
    <row r="3414" spans="1:4" x14ac:dyDescent="0.25">
      <c r="A3414" s="20">
        <v>43697.999999991735</v>
      </c>
      <c r="B3414" s="22">
        <v>1.436445951461792</v>
      </c>
      <c r="C3414" s="21">
        <v>188040.57849905681</v>
      </c>
      <c r="D3414">
        <f t="shared" si="53"/>
        <v>0</v>
      </c>
    </row>
    <row r="3415" spans="1:4" x14ac:dyDescent="0.25">
      <c r="A3415" s="20">
        <v>43698.041666658399</v>
      </c>
      <c r="B3415" s="22">
        <v>1.2245123386383057</v>
      </c>
      <c r="C3415" s="21">
        <v>160297.02217647596</v>
      </c>
      <c r="D3415">
        <f t="shared" si="53"/>
        <v>1</v>
      </c>
    </row>
    <row r="3416" spans="1:4" x14ac:dyDescent="0.25">
      <c r="A3416" s="20">
        <v>43698.083333325063</v>
      </c>
      <c r="B3416" s="22">
        <v>1.1165527105331421</v>
      </c>
      <c r="C3416" s="21">
        <v>146164.37005491232</v>
      </c>
      <c r="D3416">
        <f t="shared" si="53"/>
        <v>2</v>
      </c>
    </row>
    <row r="3417" spans="1:4" x14ac:dyDescent="0.25">
      <c r="A3417" s="20">
        <v>43698.124999991727</v>
      </c>
      <c r="B3417" s="22">
        <v>1.1100289821624756</v>
      </c>
      <c r="C3417" s="21">
        <v>145310.36948806714</v>
      </c>
      <c r="D3417">
        <f t="shared" si="53"/>
        <v>3</v>
      </c>
    </row>
    <row r="3418" spans="1:4" x14ac:dyDescent="0.25">
      <c r="A3418" s="20">
        <v>43698.166666658391</v>
      </c>
      <c r="B3418" s="22">
        <v>0.99607318639755249</v>
      </c>
      <c r="C3418" s="21">
        <v>130392.77809721105</v>
      </c>
      <c r="D3418">
        <f t="shared" si="53"/>
        <v>4</v>
      </c>
    </row>
    <row r="3419" spans="1:4" x14ac:dyDescent="0.25">
      <c r="A3419" s="20">
        <v>43698.208333325056</v>
      </c>
      <c r="B3419" s="22">
        <v>1.0196059942245483</v>
      </c>
      <c r="C3419" s="21">
        <v>133473.38324841234</v>
      </c>
      <c r="D3419">
        <f t="shared" si="53"/>
        <v>5</v>
      </c>
    </row>
    <row r="3420" spans="1:4" x14ac:dyDescent="0.25">
      <c r="A3420" s="20">
        <v>43698.24999999172</v>
      </c>
      <c r="B3420" s="22">
        <v>1.2943210601806641</v>
      </c>
      <c r="C3420" s="21">
        <v>169435.46025675745</v>
      </c>
      <c r="D3420">
        <f t="shared" si="53"/>
        <v>6</v>
      </c>
    </row>
    <row r="3421" spans="1:4" x14ac:dyDescent="0.25">
      <c r="A3421" s="20">
        <v>43698.291666658384</v>
      </c>
      <c r="B3421" s="22">
        <v>1.2152945995330811</v>
      </c>
      <c r="C3421" s="21">
        <v>159090.35721839947</v>
      </c>
      <c r="D3421">
        <f t="shared" si="53"/>
        <v>7</v>
      </c>
    </row>
    <row r="3422" spans="1:4" x14ac:dyDescent="0.25">
      <c r="A3422" s="20">
        <v>43698.333333325048</v>
      </c>
      <c r="B3422" s="22">
        <v>1.266021728515625</v>
      </c>
      <c r="C3422" s="21">
        <v>165730.88460459645</v>
      </c>
      <c r="D3422">
        <f t="shared" si="53"/>
        <v>8</v>
      </c>
    </row>
    <row r="3423" spans="1:4" x14ac:dyDescent="0.25">
      <c r="A3423" s="20">
        <v>43698.374999991713</v>
      </c>
      <c r="B3423" s="22">
        <v>1.52799391746521</v>
      </c>
      <c r="C3423" s="21">
        <v>200024.83204523183</v>
      </c>
      <c r="D3423">
        <f t="shared" si="53"/>
        <v>9</v>
      </c>
    </row>
    <row r="3424" spans="1:4" x14ac:dyDescent="0.25">
      <c r="A3424" s="20">
        <v>43698.416666658377</v>
      </c>
      <c r="B3424" s="22">
        <v>1.8585027456283569</v>
      </c>
      <c r="C3424" s="21">
        <v>243290.69330760502</v>
      </c>
      <c r="D3424">
        <f t="shared" si="53"/>
        <v>10</v>
      </c>
    </row>
    <row r="3425" spans="1:4" x14ac:dyDescent="0.25">
      <c r="A3425" s="20">
        <v>43698.458333325041</v>
      </c>
      <c r="B3425" s="22">
        <v>2.0924608707427979</v>
      </c>
      <c r="C3425" s="21">
        <v>273917.40860190778</v>
      </c>
      <c r="D3425">
        <f t="shared" si="53"/>
        <v>11</v>
      </c>
    </row>
    <row r="3426" spans="1:4" x14ac:dyDescent="0.25">
      <c r="A3426" s="20">
        <v>43698.499999991705</v>
      </c>
      <c r="B3426" s="22">
        <v>2.1952710151672363</v>
      </c>
      <c r="C3426" s="21">
        <v>287375.95816548128</v>
      </c>
      <c r="D3426">
        <f t="shared" si="53"/>
        <v>12</v>
      </c>
    </row>
    <row r="3427" spans="1:4" x14ac:dyDescent="0.25">
      <c r="A3427" s="20">
        <v>43698.54166665837</v>
      </c>
      <c r="B3427" s="22">
        <v>2.2661545276641846</v>
      </c>
      <c r="C3427" s="21">
        <v>296655.09371694917</v>
      </c>
      <c r="D3427">
        <f t="shared" si="53"/>
        <v>13</v>
      </c>
    </row>
    <row r="3428" spans="1:4" x14ac:dyDescent="0.25">
      <c r="A3428" s="20">
        <v>43698.583333325034</v>
      </c>
      <c r="B3428" s="22">
        <v>2.6030409336090088</v>
      </c>
      <c r="C3428" s="21">
        <v>340755.8234366207</v>
      </c>
      <c r="D3428">
        <f t="shared" si="53"/>
        <v>14</v>
      </c>
    </row>
    <row r="3429" spans="1:4" x14ac:dyDescent="0.25">
      <c r="A3429" s="20">
        <v>43698.624999991698</v>
      </c>
      <c r="B3429" s="22">
        <v>2.8781909942626953</v>
      </c>
      <c r="C3429" s="21">
        <v>376774.84421962855</v>
      </c>
      <c r="D3429">
        <f t="shared" si="53"/>
        <v>15</v>
      </c>
    </row>
    <row r="3430" spans="1:4" x14ac:dyDescent="0.25">
      <c r="A3430" s="20">
        <v>43698.666666658362</v>
      </c>
      <c r="B3430" s="22">
        <v>2.9530885219573975</v>
      </c>
      <c r="C3430" s="21">
        <v>386579.44175532326</v>
      </c>
      <c r="D3430">
        <f t="shared" si="53"/>
        <v>16</v>
      </c>
    </row>
    <row r="3431" spans="1:4" x14ac:dyDescent="0.25">
      <c r="A3431" s="20">
        <v>43698.708333325027</v>
      </c>
      <c r="B3431" s="22">
        <v>2.9720449447631836</v>
      </c>
      <c r="C3431" s="21">
        <v>389060.96687434724</v>
      </c>
      <c r="D3431">
        <f t="shared" si="53"/>
        <v>17</v>
      </c>
    </row>
    <row r="3432" spans="1:4" x14ac:dyDescent="0.25">
      <c r="A3432" s="20">
        <v>43698.749999991691</v>
      </c>
      <c r="B3432" s="22">
        <v>3.060734748840332</v>
      </c>
      <c r="C3432" s="21">
        <v>400671.06751799723</v>
      </c>
      <c r="D3432">
        <f t="shared" si="53"/>
        <v>18</v>
      </c>
    </row>
    <row r="3433" spans="1:4" x14ac:dyDescent="0.25">
      <c r="A3433" s="20">
        <v>43698.791666658355</v>
      </c>
      <c r="B3433" s="22">
        <v>2.6995868682861328</v>
      </c>
      <c r="C3433" s="21">
        <v>353394.34519230778</v>
      </c>
      <c r="D3433">
        <f t="shared" si="53"/>
        <v>19</v>
      </c>
    </row>
    <row r="3434" spans="1:4" x14ac:dyDescent="0.25">
      <c r="A3434" s="20">
        <v>43698.833333325019</v>
      </c>
      <c r="B3434" s="22">
        <v>2.3843960762023926</v>
      </c>
      <c r="C3434" s="21">
        <v>312133.71939522302</v>
      </c>
      <c r="D3434">
        <f t="shared" si="53"/>
        <v>20</v>
      </c>
    </row>
    <row r="3435" spans="1:4" x14ac:dyDescent="0.25">
      <c r="A3435" s="20">
        <v>43698.874999991684</v>
      </c>
      <c r="B3435" s="22">
        <v>2.3659012317657471</v>
      </c>
      <c r="C3435" s="21">
        <v>309712.61803489842</v>
      </c>
      <c r="D3435">
        <f t="shared" si="53"/>
        <v>21</v>
      </c>
    </row>
    <row r="3436" spans="1:4" x14ac:dyDescent="0.25">
      <c r="A3436" s="20">
        <v>43698.916666658348</v>
      </c>
      <c r="B3436" s="22">
        <v>2.0718009471893311</v>
      </c>
      <c r="C3436" s="21">
        <v>271212.8836089648</v>
      </c>
      <c r="D3436">
        <f t="shared" si="53"/>
        <v>22</v>
      </c>
    </row>
    <row r="3437" spans="1:4" x14ac:dyDescent="0.25">
      <c r="A3437" s="20">
        <v>43698.958333325012</v>
      </c>
      <c r="B3437" s="22">
        <v>1.779326319694519</v>
      </c>
      <c r="C3437" s="21">
        <v>232925.95878979354</v>
      </c>
      <c r="D3437">
        <f t="shared" si="53"/>
        <v>23</v>
      </c>
    </row>
    <row r="3438" spans="1:4" x14ac:dyDescent="0.25">
      <c r="A3438" s="20">
        <v>43698.999999991676</v>
      </c>
      <c r="B3438" s="22">
        <v>1.5737968683242798</v>
      </c>
      <c r="C3438" s="21">
        <v>206020.75090854763</v>
      </c>
      <c r="D3438">
        <f t="shared" si="53"/>
        <v>0</v>
      </c>
    </row>
    <row r="3439" spans="1:4" x14ac:dyDescent="0.25">
      <c r="A3439" s="20">
        <v>43699.041666658341</v>
      </c>
      <c r="B3439" s="22">
        <v>1.4384562969207764</v>
      </c>
      <c r="C3439" s="21">
        <v>188303.74643983852</v>
      </c>
      <c r="D3439">
        <f t="shared" si="53"/>
        <v>1</v>
      </c>
    </row>
    <row r="3440" spans="1:4" x14ac:dyDescent="0.25">
      <c r="A3440" s="20">
        <v>43699.083333325005</v>
      </c>
      <c r="B3440" s="22">
        <v>1.3607312440872192</v>
      </c>
      <c r="C3440" s="21">
        <v>178129.00656618123</v>
      </c>
      <c r="D3440">
        <f t="shared" si="53"/>
        <v>2</v>
      </c>
    </row>
    <row r="3441" spans="1:4" x14ac:dyDescent="0.25">
      <c r="A3441" s="20">
        <v>43699.124999991669</v>
      </c>
      <c r="B3441" s="22">
        <v>1.1764075756072998</v>
      </c>
      <c r="C3441" s="21">
        <v>153999.78039045184</v>
      </c>
      <c r="D3441">
        <f t="shared" si="53"/>
        <v>3</v>
      </c>
    </row>
    <row r="3442" spans="1:4" x14ac:dyDescent="0.25">
      <c r="A3442" s="20">
        <v>43699.166666658333</v>
      </c>
      <c r="B3442" s="22">
        <v>1.0657817125320435</v>
      </c>
      <c r="C3442" s="21">
        <v>139518.09991478935</v>
      </c>
      <c r="D3442">
        <f t="shared" si="53"/>
        <v>4</v>
      </c>
    </row>
    <row r="3443" spans="1:4" x14ac:dyDescent="0.25">
      <c r="A3443" s="20">
        <v>43699.208333324998</v>
      </c>
      <c r="B3443" s="22">
        <v>1.0337843894958496</v>
      </c>
      <c r="C3443" s="21">
        <v>135329.43195410198</v>
      </c>
      <c r="D3443">
        <f t="shared" si="53"/>
        <v>5</v>
      </c>
    </row>
    <row r="3444" spans="1:4" x14ac:dyDescent="0.25">
      <c r="A3444" s="20">
        <v>43699.249999991662</v>
      </c>
      <c r="B3444" s="22">
        <v>1.2219843864440918</v>
      </c>
      <c r="C3444" s="21">
        <v>159966.09598149161</v>
      </c>
      <c r="D3444">
        <f t="shared" si="53"/>
        <v>6</v>
      </c>
    </row>
    <row r="3445" spans="1:4" x14ac:dyDescent="0.25">
      <c r="A3445" s="20">
        <v>43699.291666658326</v>
      </c>
      <c r="B3445" s="22">
        <v>1.1565808057785034</v>
      </c>
      <c r="C3445" s="21">
        <v>151404.32090617364</v>
      </c>
      <c r="D3445">
        <f t="shared" si="53"/>
        <v>7</v>
      </c>
    </row>
    <row r="3446" spans="1:4" x14ac:dyDescent="0.25">
      <c r="A3446" s="20">
        <v>43699.33333332499</v>
      </c>
      <c r="B3446" s="22">
        <v>1.2937459945678711</v>
      </c>
      <c r="C3446" s="21">
        <v>169360.18024333654</v>
      </c>
      <c r="D3446">
        <f t="shared" si="53"/>
        <v>8</v>
      </c>
    </row>
    <row r="3447" spans="1:4" x14ac:dyDescent="0.25">
      <c r="A3447" s="20">
        <v>43699.374999991654</v>
      </c>
      <c r="B3447" s="22">
        <v>1.340288519859314</v>
      </c>
      <c r="C3447" s="21">
        <v>175452.91444729568</v>
      </c>
      <c r="D3447">
        <f t="shared" si="53"/>
        <v>9</v>
      </c>
    </row>
    <row r="3448" spans="1:4" x14ac:dyDescent="0.25">
      <c r="A3448" s="20">
        <v>43699.416666658319</v>
      </c>
      <c r="B3448" s="22">
        <v>1.6182489395141602</v>
      </c>
      <c r="C3448" s="21">
        <v>211839.83040368638</v>
      </c>
      <c r="D3448">
        <f t="shared" si="53"/>
        <v>10</v>
      </c>
    </row>
    <row r="3449" spans="1:4" x14ac:dyDescent="0.25">
      <c r="A3449" s="20">
        <v>43699.458333324983</v>
      </c>
      <c r="B3449" s="22">
        <v>1.6841846704483032</v>
      </c>
      <c r="C3449" s="21">
        <v>220471.26758097595</v>
      </c>
      <c r="D3449">
        <f t="shared" si="53"/>
        <v>11</v>
      </c>
    </row>
    <row r="3450" spans="1:4" x14ac:dyDescent="0.25">
      <c r="A3450" s="20">
        <v>43699.499999991647</v>
      </c>
      <c r="B3450" s="22">
        <v>1.991856575012207</v>
      </c>
      <c r="C3450" s="21">
        <v>260747.6196868296</v>
      </c>
      <c r="D3450">
        <f t="shared" si="53"/>
        <v>12</v>
      </c>
    </row>
    <row r="3451" spans="1:4" x14ac:dyDescent="0.25">
      <c r="A3451" s="20">
        <v>43699.541666658311</v>
      </c>
      <c r="B3451" s="22">
        <v>2.2925333976745605</v>
      </c>
      <c r="C3451" s="21">
        <v>300108.26783175295</v>
      </c>
      <c r="D3451">
        <f t="shared" si="53"/>
        <v>13</v>
      </c>
    </row>
    <row r="3452" spans="1:4" x14ac:dyDescent="0.25">
      <c r="A3452" s="20">
        <v>43699.583333324976</v>
      </c>
      <c r="B3452" s="22">
        <v>2.3116810321807861</v>
      </c>
      <c r="C3452" s="21">
        <v>302614.82386734558</v>
      </c>
      <c r="D3452">
        <f t="shared" si="53"/>
        <v>14</v>
      </c>
    </row>
    <row r="3453" spans="1:4" x14ac:dyDescent="0.25">
      <c r="A3453" s="20">
        <v>43699.62499999164</v>
      </c>
      <c r="B3453" s="22">
        <v>2.2747871875762939</v>
      </c>
      <c r="C3453" s="21">
        <v>297785.16781559994</v>
      </c>
      <c r="D3453">
        <f t="shared" si="53"/>
        <v>15</v>
      </c>
    </row>
    <row r="3454" spans="1:4" x14ac:dyDescent="0.25">
      <c r="A3454" s="20">
        <v>43699.666666658304</v>
      </c>
      <c r="B3454" s="22">
        <v>2.56125807762146</v>
      </c>
      <c r="C3454" s="21">
        <v>335286.16242832039</v>
      </c>
      <c r="D3454">
        <f t="shared" si="53"/>
        <v>16</v>
      </c>
    </row>
    <row r="3455" spans="1:4" x14ac:dyDescent="0.25">
      <c r="A3455" s="20">
        <v>43699.708333324968</v>
      </c>
      <c r="B3455" s="22">
        <v>2.6166479587554932</v>
      </c>
      <c r="C3455" s="21">
        <v>342537.07589348644</v>
      </c>
      <c r="D3455">
        <f t="shared" si="53"/>
        <v>17</v>
      </c>
    </row>
    <row r="3456" spans="1:4" x14ac:dyDescent="0.25">
      <c r="A3456" s="20">
        <v>43699.749999991633</v>
      </c>
      <c r="B3456" s="22">
        <v>2.369438648223877</v>
      </c>
      <c r="C3456" s="21">
        <v>310175.68999141851</v>
      </c>
      <c r="D3456">
        <f t="shared" si="53"/>
        <v>18</v>
      </c>
    </row>
    <row r="3457" spans="1:4" x14ac:dyDescent="0.25">
      <c r="A3457" s="20">
        <v>43699.791666658297</v>
      </c>
      <c r="B3457" s="22">
        <v>2.4432172775268555</v>
      </c>
      <c r="C3457" s="21">
        <v>319833.81609138171</v>
      </c>
      <c r="D3457">
        <f t="shared" si="53"/>
        <v>19</v>
      </c>
    </row>
    <row r="3458" spans="1:4" x14ac:dyDescent="0.25">
      <c r="A3458" s="20">
        <v>43699.833333324961</v>
      </c>
      <c r="B3458" s="22">
        <v>2.2976312637329102</v>
      </c>
      <c r="C3458" s="21">
        <v>300775.61329069437</v>
      </c>
      <c r="D3458">
        <f t="shared" si="53"/>
        <v>20</v>
      </c>
    </row>
    <row r="3459" spans="1:4" x14ac:dyDescent="0.25">
      <c r="A3459" s="20">
        <v>43699.874999991625</v>
      </c>
      <c r="B3459" s="22">
        <v>2.2743980884552002</v>
      </c>
      <c r="C3459" s="21">
        <v>297734.23208512604</v>
      </c>
      <c r="D3459">
        <f t="shared" si="53"/>
        <v>21</v>
      </c>
    </row>
    <row r="3460" spans="1:4" x14ac:dyDescent="0.25">
      <c r="A3460" s="20">
        <v>43699.91666665829</v>
      </c>
      <c r="B3460" s="22">
        <v>1.8513826131820679</v>
      </c>
      <c r="C3460" s="21">
        <v>242358.61937692383</v>
      </c>
      <c r="D3460">
        <f t="shared" si="53"/>
        <v>22</v>
      </c>
    </row>
    <row r="3461" spans="1:4" x14ac:dyDescent="0.25">
      <c r="A3461" s="20">
        <v>43699.958333324954</v>
      </c>
      <c r="B3461" s="22">
        <v>1.5967243909835815</v>
      </c>
      <c r="C3461" s="21">
        <v>209022.12010034907</v>
      </c>
      <c r="D3461">
        <f t="shared" si="53"/>
        <v>23</v>
      </c>
    </row>
    <row r="3462" spans="1:4" x14ac:dyDescent="0.25">
      <c r="A3462" s="20">
        <v>43699.999999991618</v>
      </c>
      <c r="B3462" s="22">
        <v>1.3103758096694946</v>
      </c>
      <c r="C3462" s="21">
        <v>171537.13653525923</v>
      </c>
      <c r="D3462">
        <f t="shared" si="53"/>
        <v>0</v>
      </c>
    </row>
    <row r="3463" spans="1:4" x14ac:dyDescent="0.25">
      <c r="A3463" s="20">
        <v>43700.041666658282</v>
      </c>
      <c r="B3463" s="22">
        <v>1.1699244976043701</v>
      </c>
      <c r="C3463" s="21">
        <v>153151.10123417393</v>
      </c>
      <c r="D3463">
        <f t="shared" ref="D3463:D3526" si="54">HOUR(A3463)</f>
        <v>1</v>
      </c>
    </row>
    <row r="3464" spans="1:4" x14ac:dyDescent="0.25">
      <c r="A3464" s="20">
        <v>43700.083333324947</v>
      </c>
      <c r="B3464" s="22">
        <v>1.081290602684021</v>
      </c>
      <c r="C3464" s="21">
        <v>141548.31948071762</v>
      </c>
      <c r="D3464">
        <f t="shared" si="54"/>
        <v>2</v>
      </c>
    </row>
    <row r="3465" spans="1:4" x14ac:dyDescent="0.25">
      <c r="A3465" s="20">
        <v>43700.124999991611</v>
      </c>
      <c r="B3465" s="22">
        <v>1.0727351903915405</v>
      </c>
      <c r="C3465" s="21">
        <v>140428.35762267568</v>
      </c>
      <c r="D3465">
        <f t="shared" si="54"/>
        <v>3</v>
      </c>
    </row>
    <row r="3466" spans="1:4" x14ac:dyDescent="0.25">
      <c r="A3466" s="20">
        <v>43700.166666658275</v>
      </c>
      <c r="B3466" s="22">
        <v>1.0405658483505249</v>
      </c>
      <c r="C3466" s="21">
        <v>136217.17120026227</v>
      </c>
      <c r="D3466">
        <f t="shared" si="54"/>
        <v>4</v>
      </c>
    </row>
    <row r="3467" spans="1:4" x14ac:dyDescent="0.25">
      <c r="A3467" s="20">
        <v>43700.208333324939</v>
      </c>
      <c r="B3467" s="22">
        <v>1.0867469310760498</v>
      </c>
      <c r="C3467" s="21">
        <v>142262.59010557045</v>
      </c>
      <c r="D3467">
        <f t="shared" si="54"/>
        <v>5</v>
      </c>
    </row>
    <row r="3468" spans="1:4" x14ac:dyDescent="0.25">
      <c r="A3468" s="20">
        <v>43700.249999991604</v>
      </c>
      <c r="B3468" s="22">
        <v>1.2281004190444946</v>
      </c>
      <c r="C3468" s="21">
        <v>160766.72638956821</v>
      </c>
      <c r="D3468">
        <f t="shared" si="54"/>
        <v>6</v>
      </c>
    </row>
    <row r="3469" spans="1:4" x14ac:dyDescent="0.25">
      <c r="A3469" s="20">
        <v>43700.291666658268</v>
      </c>
      <c r="B3469" s="22">
        <v>1.2852219343185425</v>
      </c>
      <c r="C3469" s="21">
        <v>168244.32258171451</v>
      </c>
      <c r="D3469">
        <f t="shared" si="54"/>
        <v>7</v>
      </c>
    </row>
    <row r="3470" spans="1:4" x14ac:dyDescent="0.25">
      <c r="A3470" s="20">
        <v>43700.333333324932</v>
      </c>
      <c r="B3470" s="22">
        <v>1.0893944501876831</v>
      </c>
      <c r="C3470" s="21">
        <v>142609.16842606501</v>
      </c>
      <c r="D3470">
        <f t="shared" si="54"/>
        <v>8</v>
      </c>
    </row>
    <row r="3471" spans="1:4" x14ac:dyDescent="0.25">
      <c r="A3471" s="20">
        <v>43700.374999991596</v>
      </c>
      <c r="B3471" s="22">
        <v>1.3505218029022217</v>
      </c>
      <c r="C3471" s="21">
        <v>176792.5210376966</v>
      </c>
      <c r="D3471">
        <f t="shared" si="54"/>
        <v>9</v>
      </c>
    </row>
    <row r="3472" spans="1:4" x14ac:dyDescent="0.25">
      <c r="A3472" s="20">
        <v>43700.416666658261</v>
      </c>
      <c r="B3472" s="22">
        <v>1.323400616645813</v>
      </c>
      <c r="C3472" s="21">
        <v>173242.17266012914</v>
      </c>
      <c r="D3472">
        <f t="shared" si="54"/>
        <v>10</v>
      </c>
    </row>
    <row r="3473" spans="1:4" x14ac:dyDescent="0.25">
      <c r="A3473" s="20">
        <v>43700.458333324925</v>
      </c>
      <c r="B3473" s="22">
        <v>1.4251532554626465</v>
      </c>
      <c r="C3473" s="21">
        <v>186562.2875224055</v>
      </c>
      <c r="D3473">
        <f t="shared" si="54"/>
        <v>11</v>
      </c>
    </row>
    <row r="3474" spans="1:4" x14ac:dyDescent="0.25">
      <c r="A3474" s="20">
        <v>43700.499999991589</v>
      </c>
      <c r="B3474" s="22">
        <v>1.4013652801513672</v>
      </c>
      <c r="C3474" s="21">
        <v>183448.27920604512</v>
      </c>
      <c r="D3474">
        <f t="shared" si="54"/>
        <v>12</v>
      </c>
    </row>
    <row r="3475" spans="1:4" x14ac:dyDescent="0.25">
      <c r="A3475" s="20">
        <v>43700.541666658253</v>
      </c>
      <c r="B3475" s="22">
        <v>1.4624816179275513</v>
      </c>
      <c r="C3475" s="21">
        <v>191448.82492757557</v>
      </c>
      <c r="D3475">
        <f t="shared" si="54"/>
        <v>13</v>
      </c>
    </row>
    <row r="3476" spans="1:4" x14ac:dyDescent="0.25">
      <c r="A3476" s="20">
        <v>43700.583333324917</v>
      </c>
      <c r="B3476" s="22">
        <v>1.6309893131256104</v>
      </c>
      <c r="C3476" s="21">
        <v>213507.63225989492</v>
      </c>
      <c r="D3476">
        <f t="shared" si="54"/>
        <v>14</v>
      </c>
    </row>
    <row r="3477" spans="1:4" x14ac:dyDescent="0.25">
      <c r="A3477" s="20">
        <v>43700.624999991582</v>
      </c>
      <c r="B3477" s="22">
        <v>1.7232885360717773</v>
      </c>
      <c r="C3477" s="21">
        <v>225590.23046705226</v>
      </c>
      <c r="D3477">
        <f t="shared" si="54"/>
        <v>15</v>
      </c>
    </row>
    <row r="3478" spans="1:4" x14ac:dyDescent="0.25">
      <c r="A3478" s="20">
        <v>43700.666666658246</v>
      </c>
      <c r="B3478" s="22">
        <v>1.6018297672271729</v>
      </c>
      <c r="C3478" s="21">
        <v>209690.44869379408</v>
      </c>
      <c r="D3478">
        <f t="shared" si="54"/>
        <v>16</v>
      </c>
    </row>
    <row r="3479" spans="1:4" x14ac:dyDescent="0.25">
      <c r="A3479" s="20">
        <v>43700.70833332491</v>
      </c>
      <c r="B3479" s="22">
        <v>1.5420411825180054</v>
      </c>
      <c r="C3479" s="21">
        <v>201863.71491038188</v>
      </c>
      <c r="D3479">
        <f t="shared" si="54"/>
        <v>17</v>
      </c>
    </row>
    <row r="3480" spans="1:4" x14ac:dyDescent="0.25">
      <c r="A3480" s="20">
        <v>43700.749999991574</v>
      </c>
      <c r="B3480" s="22">
        <v>1.6633374691009521</v>
      </c>
      <c r="C3480" s="21">
        <v>217742.2266466805</v>
      </c>
      <c r="D3480">
        <f t="shared" si="54"/>
        <v>18</v>
      </c>
    </row>
    <row r="3481" spans="1:4" x14ac:dyDescent="0.25">
      <c r="A3481" s="20">
        <v>43700.791666658239</v>
      </c>
      <c r="B3481" s="22">
        <v>1.5468288660049438</v>
      </c>
      <c r="C3481" s="21">
        <v>202490.45535379232</v>
      </c>
      <c r="D3481">
        <f t="shared" si="54"/>
        <v>19</v>
      </c>
    </row>
    <row r="3482" spans="1:4" x14ac:dyDescent="0.25">
      <c r="A3482" s="20">
        <v>43700.833333324903</v>
      </c>
      <c r="B3482" s="22">
        <v>1.4578968286514282</v>
      </c>
      <c r="C3482" s="21">
        <v>190848.64472107278</v>
      </c>
      <c r="D3482">
        <f t="shared" si="54"/>
        <v>20</v>
      </c>
    </row>
    <row r="3483" spans="1:4" x14ac:dyDescent="0.25">
      <c r="A3483" s="20">
        <v>43700.874999991567</v>
      </c>
      <c r="B3483" s="22">
        <v>1.4239232540130615</v>
      </c>
      <c r="C3483" s="21">
        <v>186401.27193814405</v>
      </c>
      <c r="D3483">
        <f t="shared" si="54"/>
        <v>21</v>
      </c>
    </row>
    <row r="3484" spans="1:4" x14ac:dyDescent="0.25">
      <c r="A3484" s="20">
        <v>43700.916666658231</v>
      </c>
      <c r="B3484" s="22">
        <v>1.1481171846389771</v>
      </c>
      <c r="C3484" s="21">
        <v>150296.37513650942</v>
      </c>
      <c r="D3484">
        <f t="shared" si="54"/>
        <v>22</v>
      </c>
    </row>
    <row r="3485" spans="1:4" x14ac:dyDescent="0.25">
      <c r="A3485" s="20">
        <v>43700.958333324896</v>
      </c>
      <c r="B3485" s="22">
        <v>1.0544600486755371</v>
      </c>
      <c r="C3485" s="21">
        <v>138036.01684790972</v>
      </c>
      <c r="D3485">
        <f t="shared" si="54"/>
        <v>23</v>
      </c>
    </row>
    <row r="3486" spans="1:4" x14ac:dyDescent="0.25">
      <c r="A3486" s="20">
        <v>43700.99999999156</v>
      </c>
      <c r="B3486" s="22">
        <v>0.94868791103363037</v>
      </c>
      <c r="C3486" s="21">
        <v>124189.72215716579</v>
      </c>
      <c r="D3486">
        <f t="shared" si="54"/>
        <v>0</v>
      </c>
    </row>
    <row r="3487" spans="1:4" x14ac:dyDescent="0.25">
      <c r="A3487" s="20">
        <v>43701.041666658224</v>
      </c>
      <c r="B3487" s="22">
        <v>0.81430900096893311</v>
      </c>
      <c r="C3487" s="21">
        <v>106598.60572085029</v>
      </c>
      <c r="D3487">
        <f t="shared" si="54"/>
        <v>1</v>
      </c>
    </row>
    <row r="3488" spans="1:4" x14ac:dyDescent="0.25">
      <c r="A3488" s="20">
        <v>43701.083333324888</v>
      </c>
      <c r="B3488" s="22">
        <v>0.76040202379226685</v>
      </c>
      <c r="C3488" s="21">
        <v>99541.814504222741</v>
      </c>
      <c r="D3488">
        <f t="shared" si="54"/>
        <v>2</v>
      </c>
    </row>
    <row r="3489" spans="1:4" x14ac:dyDescent="0.25">
      <c r="A3489" s="20">
        <v>43701.124999991553</v>
      </c>
      <c r="B3489" s="22">
        <v>0.77270251512527466</v>
      </c>
      <c r="C3489" s="21">
        <v>101152.0327680757</v>
      </c>
      <c r="D3489">
        <f t="shared" si="54"/>
        <v>3</v>
      </c>
    </row>
    <row r="3490" spans="1:4" x14ac:dyDescent="0.25">
      <c r="A3490" s="20">
        <v>43701.166666658217</v>
      </c>
      <c r="B3490" s="22">
        <v>0.71014517545700073</v>
      </c>
      <c r="C3490" s="21">
        <v>92962.850064324593</v>
      </c>
      <c r="D3490">
        <f t="shared" si="54"/>
        <v>4</v>
      </c>
    </row>
    <row r="3491" spans="1:4" x14ac:dyDescent="0.25">
      <c r="A3491" s="20">
        <v>43701.208333324881</v>
      </c>
      <c r="B3491" s="22">
        <v>0.66607666015625</v>
      </c>
      <c r="C3491" s="21">
        <v>87193.980652764178</v>
      </c>
      <c r="D3491">
        <f t="shared" si="54"/>
        <v>5</v>
      </c>
    </row>
    <row r="3492" spans="1:4" x14ac:dyDescent="0.25">
      <c r="A3492" s="20">
        <v>43701.249999991545</v>
      </c>
      <c r="B3492" s="22">
        <v>0.74900078773498535</v>
      </c>
      <c r="C3492" s="21">
        <v>98049.314893197487</v>
      </c>
      <c r="D3492">
        <f t="shared" si="54"/>
        <v>6</v>
      </c>
    </row>
    <row r="3493" spans="1:4" x14ac:dyDescent="0.25">
      <c r="A3493" s="20">
        <v>43701.29166665821</v>
      </c>
      <c r="B3493" s="22">
        <v>0.77651029825210571</v>
      </c>
      <c r="C3493" s="21">
        <v>101650.49756672657</v>
      </c>
      <c r="D3493">
        <f t="shared" si="54"/>
        <v>7</v>
      </c>
    </row>
    <row r="3494" spans="1:4" x14ac:dyDescent="0.25">
      <c r="A3494" s="20">
        <v>43701.333333324874</v>
      </c>
      <c r="B3494" s="22">
        <v>0.89711666107177734</v>
      </c>
      <c r="C3494" s="21">
        <v>117438.6935738225</v>
      </c>
      <c r="D3494">
        <f t="shared" si="54"/>
        <v>8</v>
      </c>
    </row>
    <row r="3495" spans="1:4" x14ac:dyDescent="0.25">
      <c r="A3495" s="20">
        <v>43701.374999991538</v>
      </c>
      <c r="B3495" s="22">
        <v>1.1187642812728882</v>
      </c>
      <c r="C3495" s="21">
        <v>146453.87975826749</v>
      </c>
      <c r="D3495">
        <f t="shared" si="54"/>
        <v>9</v>
      </c>
    </row>
    <row r="3496" spans="1:4" x14ac:dyDescent="0.25">
      <c r="A3496" s="20">
        <v>43701.416666658202</v>
      </c>
      <c r="B3496" s="22">
        <v>1.2369400262832642</v>
      </c>
      <c r="C3496" s="21">
        <v>161923.89130565236</v>
      </c>
      <c r="D3496">
        <f t="shared" si="54"/>
        <v>10</v>
      </c>
    </row>
    <row r="3497" spans="1:4" x14ac:dyDescent="0.25">
      <c r="A3497" s="20">
        <v>43701.458333324867</v>
      </c>
      <c r="B3497" s="22">
        <v>1.4337897300720215</v>
      </c>
      <c r="C3497" s="21">
        <v>187692.86099096283</v>
      </c>
      <c r="D3497">
        <f t="shared" si="54"/>
        <v>11</v>
      </c>
    </row>
    <row r="3498" spans="1:4" x14ac:dyDescent="0.25">
      <c r="A3498" s="20">
        <v>43701.499999991531</v>
      </c>
      <c r="B3498" s="22">
        <v>1.6589591503143311</v>
      </c>
      <c r="C3498" s="21">
        <v>217169.07483637278</v>
      </c>
      <c r="D3498">
        <f t="shared" si="54"/>
        <v>12</v>
      </c>
    </row>
    <row r="3499" spans="1:4" x14ac:dyDescent="0.25">
      <c r="A3499" s="20">
        <v>43701.541666658195</v>
      </c>
      <c r="B3499" s="22">
        <v>1.7203383445739746</v>
      </c>
      <c r="C3499" s="21">
        <v>225204.03026553034</v>
      </c>
      <c r="D3499">
        <f t="shared" si="54"/>
        <v>13</v>
      </c>
    </row>
    <row r="3500" spans="1:4" x14ac:dyDescent="0.25">
      <c r="A3500" s="20">
        <v>43701.583333324859</v>
      </c>
      <c r="B3500" s="22">
        <v>1.8460651636123657</v>
      </c>
      <c r="C3500" s="21">
        <v>241662.52893773338</v>
      </c>
      <c r="D3500">
        <f t="shared" si="54"/>
        <v>14</v>
      </c>
    </row>
    <row r="3501" spans="1:4" x14ac:dyDescent="0.25">
      <c r="A3501" s="20">
        <v>43701.624999991524</v>
      </c>
      <c r="B3501" s="22">
        <v>1.9078593254089355</v>
      </c>
      <c r="C3501" s="21">
        <v>249751.806449544</v>
      </c>
      <c r="D3501">
        <f t="shared" si="54"/>
        <v>15</v>
      </c>
    </row>
    <row r="3502" spans="1:4" x14ac:dyDescent="0.25">
      <c r="A3502" s="20">
        <v>43701.666666658188</v>
      </c>
      <c r="B3502" s="22">
        <v>2.2977838516235352</v>
      </c>
      <c r="C3502" s="21">
        <v>300795.58808695863</v>
      </c>
      <c r="D3502">
        <f t="shared" si="54"/>
        <v>16</v>
      </c>
    </row>
    <row r="3503" spans="1:4" x14ac:dyDescent="0.25">
      <c r="A3503" s="20">
        <v>43701.708333324852</v>
      </c>
      <c r="B3503" s="22">
        <v>2.171889066696167</v>
      </c>
      <c r="C3503" s="21">
        <v>284315.10153355537</v>
      </c>
      <c r="D3503">
        <f t="shared" si="54"/>
        <v>17</v>
      </c>
    </row>
    <row r="3504" spans="1:4" x14ac:dyDescent="0.25">
      <c r="A3504" s="20">
        <v>43701.749999991516</v>
      </c>
      <c r="B3504" s="22">
        <v>1.9537618160247803</v>
      </c>
      <c r="C3504" s="21">
        <v>255760.75574636034</v>
      </c>
      <c r="D3504">
        <f t="shared" si="54"/>
        <v>18</v>
      </c>
    </row>
    <row r="3505" spans="1:4" x14ac:dyDescent="0.25">
      <c r="A3505" s="20">
        <v>43701.79166665818</v>
      </c>
      <c r="B3505" s="22">
        <v>1.7542251348495483</v>
      </c>
      <c r="C3505" s="21">
        <v>229640.04238308381</v>
      </c>
      <c r="D3505">
        <f t="shared" si="54"/>
        <v>19</v>
      </c>
    </row>
    <row r="3506" spans="1:4" x14ac:dyDescent="0.25">
      <c r="A3506" s="20">
        <v>43701.833333324845</v>
      </c>
      <c r="B3506" s="22">
        <v>1.6302826404571533</v>
      </c>
      <c r="C3506" s="21">
        <v>213415.12398469602</v>
      </c>
      <c r="D3506">
        <f t="shared" si="54"/>
        <v>20</v>
      </c>
    </row>
    <row r="3507" spans="1:4" x14ac:dyDescent="0.25">
      <c r="A3507" s="20">
        <v>43701.874999991509</v>
      </c>
      <c r="B3507" s="22">
        <v>1.5323978662490845</v>
      </c>
      <c r="C3507" s="21">
        <v>200601.33899709955</v>
      </c>
      <c r="D3507">
        <f t="shared" si="54"/>
        <v>21</v>
      </c>
    </row>
    <row r="3508" spans="1:4" x14ac:dyDescent="0.25">
      <c r="A3508" s="20">
        <v>43701.916666658173</v>
      </c>
      <c r="B3508" s="22">
        <v>1.3492504358291626</v>
      </c>
      <c r="C3508" s="21">
        <v>176626.09041101037</v>
      </c>
      <c r="D3508">
        <f t="shared" si="54"/>
        <v>22</v>
      </c>
    </row>
    <row r="3509" spans="1:4" x14ac:dyDescent="0.25">
      <c r="A3509" s="20">
        <v>43701.958333324837</v>
      </c>
      <c r="B3509" s="22">
        <v>1.1722676753997803</v>
      </c>
      <c r="C3509" s="21">
        <v>153457.83919930703</v>
      </c>
      <c r="D3509">
        <f t="shared" si="54"/>
        <v>23</v>
      </c>
    </row>
    <row r="3510" spans="1:4" x14ac:dyDescent="0.25">
      <c r="A3510" s="20">
        <v>43701.999999991502</v>
      </c>
      <c r="B3510" s="22">
        <v>0.91085362434387207</v>
      </c>
      <c r="C3510" s="21">
        <v>119236.95581813202</v>
      </c>
      <c r="D3510">
        <f t="shared" si="54"/>
        <v>0</v>
      </c>
    </row>
    <row r="3511" spans="1:4" x14ac:dyDescent="0.25">
      <c r="A3511" s="20">
        <v>43702.041666658166</v>
      </c>
      <c r="B3511" s="22">
        <v>0.82725834846496582</v>
      </c>
      <c r="C3511" s="21">
        <v>108293.76368475512</v>
      </c>
      <c r="D3511">
        <f t="shared" si="54"/>
        <v>1</v>
      </c>
    </row>
    <row r="3512" spans="1:4" x14ac:dyDescent="0.25">
      <c r="A3512" s="20">
        <v>43702.08333332483</v>
      </c>
      <c r="B3512" s="22">
        <v>0.72831428050994873</v>
      </c>
      <c r="C3512" s="21">
        <v>95341.309916217841</v>
      </c>
      <c r="D3512">
        <f t="shared" si="54"/>
        <v>2</v>
      </c>
    </row>
    <row r="3513" spans="1:4" x14ac:dyDescent="0.25">
      <c r="A3513" s="20">
        <v>43702.124999991494</v>
      </c>
      <c r="B3513" s="22">
        <v>0.66214537620544434</v>
      </c>
      <c r="C3513" s="21">
        <v>86679.348753386919</v>
      </c>
      <c r="D3513">
        <f t="shared" si="54"/>
        <v>3</v>
      </c>
    </row>
    <row r="3514" spans="1:4" x14ac:dyDescent="0.25">
      <c r="A3514" s="20">
        <v>43702.166666658159</v>
      </c>
      <c r="B3514" s="22">
        <v>0.61542457342147827</v>
      </c>
      <c r="C3514" s="21">
        <v>80563.276808948722</v>
      </c>
      <c r="D3514">
        <f t="shared" si="54"/>
        <v>4</v>
      </c>
    </row>
    <row r="3515" spans="1:4" x14ac:dyDescent="0.25">
      <c r="A3515" s="20">
        <v>43702.208333324823</v>
      </c>
      <c r="B3515" s="22">
        <v>0.6245235800743103</v>
      </c>
      <c r="C3515" s="21">
        <v>81754.398878682099</v>
      </c>
      <c r="D3515">
        <f t="shared" si="54"/>
        <v>5</v>
      </c>
    </row>
    <row r="3516" spans="1:4" x14ac:dyDescent="0.25">
      <c r="A3516" s="20">
        <v>43702.249999991487</v>
      </c>
      <c r="B3516" s="22">
        <v>0.65568238496780396</v>
      </c>
      <c r="C3516" s="21">
        <v>85833.299091773486</v>
      </c>
      <c r="D3516">
        <f t="shared" si="54"/>
        <v>6</v>
      </c>
    </row>
    <row r="3517" spans="1:4" x14ac:dyDescent="0.25">
      <c r="A3517" s="20">
        <v>43702.291666658151</v>
      </c>
      <c r="B3517" s="22">
        <v>0.77191072702407837</v>
      </c>
      <c r="C3517" s="21">
        <v>101048.38230183568</v>
      </c>
      <c r="D3517">
        <f t="shared" si="54"/>
        <v>7</v>
      </c>
    </row>
    <row r="3518" spans="1:4" x14ac:dyDescent="0.25">
      <c r="A3518" s="20">
        <v>43702.333333324816</v>
      </c>
      <c r="B3518" s="22">
        <v>0.86838072538375854</v>
      </c>
      <c r="C3518" s="21">
        <v>113676.9634753194</v>
      </c>
      <c r="D3518">
        <f t="shared" si="54"/>
        <v>8</v>
      </c>
    </row>
    <row r="3519" spans="1:4" x14ac:dyDescent="0.25">
      <c r="A3519" s="20">
        <v>43702.37499999148</v>
      </c>
      <c r="B3519" s="22">
        <v>1.2194944620132446</v>
      </c>
      <c r="C3519" s="21">
        <v>159640.14788026371</v>
      </c>
      <c r="D3519">
        <f t="shared" si="54"/>
        <v>9</v>
      </c>
    </row>
    <row r="3520" spans="1:4" x14ac:dyDescent="0.25">
      <c r="A3520" s="20">
        <v>43702.416666658144</v>
      </c>
      <c r="B3520" s="22">
        <v>1.3537905216217041</v>
      </c>
      <c r="C3520" s="21">
        <v>177220.41862642014</v>
      </c>
      <c r="D3520">
        <f t="shared" si="54"/>
        <v>10</v>
      </c>
    </row>
    <row r="3521" spans="1:4" x14ac:dyDescent="0.25">
      <c r="A3521" s="20">
        <v>43702.458333324808</v>
      </c>
      <c r="B3521" s="22">
        <v>1.5406877994537354</v>
      </c>
      <c r="C3521" s="21">
        <v>201686.54783070361</v>
      </c>
      <c r="D3521">
        <f t="shared" si="54"/>
        <v>11</v>
      </c>
    </row>
    <row r="3522" spans="1:4" x14ac:dyDescent="0.25">
      <c r="A3522" s="20">
        <v>43702.499999991473</v>
      </c>
      <c r="B3522" s="22">
        <v>1.7388551235198975</v>
      </c>
      <c r="C3522" s="21">
        <v>227628.00300281795</v>
      </c>
      <c r="D3522">
        <f t="shared" si="54"/>
        <v>12</v>
      </c>
    </row>
    <row r="3523" spans="1:4" x14ac:dyDescent="0.25">
      <c r="A3523" s="20">
        <v>43702.541666658137</v>
      </c>
      <c r="B3523" s="22">
        <v>1.9577755928039551</v>
      </c>
      <c r="C3523" s="21">
        <v>256286.18651996795</v>
      </c>
      <c r="D3523">
        <f t="shared" si="54"/>
        <v>13</v>
      </c>
    </row>
    <row r="3524" spans="1:4" x14ac:dyDescent="0.25">
      <c r="A3524" s="20">
        <v>43702.583333324801</v>
      </c>
      <c r="B3524" s="22">
        <v>1.953945517539978</v>
      </c>
      <c r="C3524" s="21">
        <v>255784.80352842534</v>
      </c>
      <c r="D3524">
        <f t="shared" si="54"/>
        <v>14</v>
      </c>
    </row>
    <row r="3525" spans="1:4" x14ac:dyDescent="0.25">
      <c r="A3525" s="20">
        <v>43702.624999991465</v>
      </c>
      <c r="B3525" s="22">
        <v>2.1908218860626221</v>
      </c>
      <c r="C3525" s="21">
        <v>286793.5368012822</v>
      </c>
      <c r="D3525">
        <f t="shared" si="54"/>
        <v>15</v>
      </c>
    </row>
    <row r="3526" spans="1:4" x14ac:dyDescent="0.25">
      <c r="A3526" s="20">
        <v>43702.66666665813</v>
      </c>
      <c r="B3526" s="22">
        <v>2.3728551864624023</v>
      </c>
      <c r="C3526" s="21">
        <v>310622.9381640231</v>
      </c>
      <c r="D3526">
        <f t="shared" si="54"/>
        <v>16</v>
      </c>
    </row>
    <row r="3527" spans="1:4" x14ac:dyDescent="0.25">
      <c r="A3527" s="20">
        <v>43702.708333324794</v>
      </c>
      <c r="B3527" s="22">
        <v>2.3327422142028809</v>
      </c>
      <c r="C3527" s="21">
        <v>305371.87633233977</v>
      </c>
      <c r="D3527">
        <f t="shared" ref="D3527:D3590" si="55">HOUR(A3527)</f>
        <v>17</v>
      </c>
    </row>
    <row r="3528" spans="1:4" x14ac:dyDescent="0.25">
      <c r="A3528" s="20">
        <v>43702.749999991458</v>
      </c>
      <c r="B3528" s="22">
        <v>2.0936064720153809</v>
      </c>
      <c r="C3528" s="21">
        <v>274067.37562698562</v>
      </c>
      <c r="D3528">
        <f t="shared" si="55"/>
        <v>18</v>
      </c>
    </row>
    <row r="3529" spans="1:4" x14ac:dyDescent="0.25">
      <c r="A3529" s="20">
        <v>43702.791666658122</v>
      </c>
      <c r="B3529" s="22">
        <v>2.0951578617095947</v>
      </c>
      <c r="C3529" s="21">
        <v>274270.46312587865</v>
      </c>
      <c r="D3529">
        <f t="shared" si="55"/>
        <v>19</v>
      </c>
    </row>
    <row r="3530" spans="1:4" x14ac:dyDescent="0.25">
      <c r="A3530" s="20">
        <v>43702.833333324787</v>
      </c>
      <c r="B3530" s="22">
        <v>1.9853389263153076</v>
      </c>
      <c r="C3530" s="21">
        <v>259894.41499077305</v>
      </c>
      <c r="D3530">
        <f t="shared" si="55"/>
        <v>20</v>
      </c>
    </row>
    <row r="3531" spans="1:4" x14ac:dyDescent="0.25">
      <c r="A3531" s="20">
        <v>43702.874999991451</v>
      </c>
      <c r="B3531" s="22">
        <v>1.7589467763900757</v>
      </c>
      <c r="C3531" s="21">
        <v>230258.1374849861</v>
      </c>
      <c r="D3531">
        <f t="shared" si="55"/>
        <v>21</v>
      </c>
    </row>
    <row r="3532" spans="1:4" x14ac:dyDescent="0.25">
      <c r="A3532" s="20">
        <v>43702.916666658115</v>
      </c>
      <c r="B3532" s="22">
        <v>1.3983240127563477</v>
      </c>
      <c r="C3532" s="21">
        <v>183050.156548003</v>
      </c>
      <c r="D3532">
        <f t="shared" si="55"/>
        <v>22</v>
      </c>
    </row>
    <row r="3533" spans="1:4" x14ac:dyDescent="0.25">
      <c r="A3533" s="20">
        <v>43702.958333324779</v>
      </c>
      <c r="B3533" s="22">
        <v>1.1919347047805786</v>
      </c>
      <c r="C3533" s="21">
        <v>156032.38756874605</v>
      </c>
      <c r="D3533">
        <f t="shared" si="55"/>
        <v>23</v>
      </c>
    </row>
    <row r="3534" spans="1:4" x14ac:dyDescent="0.25">
      <c r="A3534" s="20">
        <v>43702.999999991443</v>
      </c>
      <c r="B3534" s="22">
        <v>1.0170478820800781</v>
      </c>
      <c r="C3534" s="21">
        <v>133138.50891010388</v>
      </c>
      <c r="D3534">
        <f t="shared" si="55"/>
        <v>0</v>
      </c>
    </row>
    <row r="3535" spans="1:4" x14ac:dyDescent="0.25">
      <c r="A3535" s="20">
        <v>43703.041666658108</v>
      </c>
      <c r="B3535" s="22">
        <v>0.8933950662612915</v>
      </c>
      <c r="C3535" s="21">
        <v>116951.51141399903</v>
      </c>
      <c r="D3535">
        <f t="shared" si="55"/>
        <v>1</v>
      </c>
    </row>
    <row r="3536" spans="1:4" x14ac:dyDescent="0.25">
      <c r="A3536" s="20">
        <v>43703.083333324772</v>
      </c>
      <c r="B3536" s="22">
        <v>0.7640765905380249</v>
      </c>
      <c r="C3536" s="21">
        <v>100022.84036941633</v>
      </c>
      <c r="D3536">
        <f t="shared" si="55"/>
        <v>2</v>
      </c>
    </row>
    <row r="3537" spans="1:4" x14ac:dyDescent="0.25">
      <c r="A3537" s="20">
        <v>43703.124999991436</v>
      </c>
      <c r="B3537" s="22">
        <v>0.79445880651473999</v>
      </c>
      <c r="C3537" s="21">
        <v>104000.07979323935</v>
      </c>
      <c r="D3537">
        <f t="shared" si="55"/>
        <v>3</v>
      </c>
    </row>
    <row r="3538" spans="1:4" x14ac:dyDescent="0.25">
      <c r="A3538" s="20">
        <v>43703.1666666581</v>
      </c>
      <c r="B3538" s="22">
        <v>0.76761478185653687</v>
      </c>
      <c r="C3538" s="21">
        <v>100486.01376044874</v>
      </c>
      <c r="D3538">
        <f t="shared" si="55"/>
        <v>4</v>
      </c>
    </row>
    <row r="3539" spans="1:4" x14ac:dyDescent="0.25">
      <c r="A3539" s="20">
        <v>43703.208333324765</v>
      </c>
      <c r="B3539" s="22">
        <v>0.77361345291137695</v>
      </c>
      <c r="C3539" s="21">
        <v>101271.28074124239</v>
      </c>
      <c r="D3539">
        <f t="shared" si="55"/>
        <v>5</v>
      </c>
    </row>
    <row r="3540" spans="1:4" x14ac:dyDescent="0.25">
      <c r="A3540" s="20">
        <v>43703.249999991429</v>
      </c>
      <c r="B3540" s="22">
        <v>1.03523850440979</v>
      </c>
      <c r="C3540" s="21">
        <v>135519.78552037658</v>
      </c>
      <c r="D3540">
        <f t="shared" si="55"/>
        <v>6</v>
      </c>
    </row>
    <row r="3541" spans="1:4" x14ac:dyDescent="0.25">
      <c r="A3541" s="20">
        <v>43703.291666658093</v>
      </c>
      <c r="B3541" s="22">
        <v>0.99675345420837402</v>
      </c>
      <c r="C3541" s="21">
        <v>130481.82979633764</v>
      </c>
      <c r="D3541">
        <f t="shared" si="55"/>
        <v>7</v>
      </c>
    </row>
    <row r="3542" spans="1:4" x14ac:dyDescent="0.25">
      <c r="A3542" s="20">
        <v>43703.333333324757</v>
      </c>
      <c r="B3542" s="22">
        <v>0.90521359443664551</v>
      </c>
      <c r="C3542" s="21">
        <v>118498.63741121416</v>
      </c>
      <c r="D3542">
        <f t="shared" si="55"/>
        <v>8</v>
      </c>
    </row>
    <row r="3543" spans="1:4" x14ac:dyDescent="0.25">
      <c r="A3543" s="20">
        <v>43703.374999991422</v>
      </c>
      <c r="B3543" s="22">
        <v>1.131422758102417</v>
      </c>
      <c r="C3543" s="21">
        <v>148110.96076679355</v>
      </c>
      <c r="D3543">
        <f t="shared" si="55"/>
        <v>9</v>
      </c>
    </row>
    <row r="3544" spans="1:4" x14ac:dyDescent="0.25">
      <c r="A3544" s="20">
        <v>43703.416666658086</v>
      </c>
      <c r="B3544" s="22">
        <v>1.1534824371337891</v>
      </c>
      <c r="C3544" s="21">
        <v>150998.72330484202</v>
      </c>
      <c r="D3544">
        <f t="shared" si="55"/>
        <v>10</v>
      </c>
    </row>
    <row r="3545" spans="1:4" x14ac:dyDescent="0.25">
      <c r="A3545" s="20">
        <v>43703.45833332475</v>
      </c>
      <c r="B3545" s="22">
        <v>1.154332160949707</v>
      </c>
      <c r="C3545" s="21">
        <v>151109.95795153864</v>
      </c>
      <c r="D3545">
        <f t="shared" si="55"/>
        <v>11</v>
      </c>
    </row>
    <row r="3546" spans="1:4" x14ac:dyDescent="0.25">
      <c r="A3546" s="20">
        <v>43703.499999991414</v>
      </c>
      <c r="B3546" s="22">
        <v>1.2793056964874268</v>
      </c>
      <c r="C3546" s="21">
        <v>167469.84667249644</v>
      </c>
      <c r="D3546">
        <f t="shared" si="55"/>
        <v>12</v>
      </c>
    </row>
    <row r="3547" spans="1:4" x14ac:dyDescent="0.25">
      <c r="A3547" s="20">
        <v>43703.541666658079</v>
      </c>
      <c r="B3547" s="22">
        <v>1.2924642562866211</v>
      </c>
      <c r="C3547" s="21">
        <v>169192.3919547167</v>
      </c>
      <c r="D3547">
        <f t="shared" si="55"/>
        <v>13</v>
      </c>
    </row>
    <row r="3548" spans="1:4" x14ac:dyDescent="0.25">
      <c r="A3548" s="20">
        <v>43703.583333324743</v>
      </c>
      <c r="B3548" s="22">
        <v>1.2624111175537109</v>
      </c>
      <c r="C3548" s="21">
        <v>165258.2309879933</v>
      </c>
      <c r="D3548">
        <f t="shared" si="55"/>
        <v>14</v>
      </c>
    </row>
    <row r="3549" spans="1:4" x14ac:dyDescent="0.25">
      <c r="A3549" s="20">
        <v>43703.624999991407</v>
      </c>
      <c r="B3549" s="22">
        <v>1.2960010766983032</v>
      </c>
      <c r="C3549" s="21">
        <v>169655.38588468893</v>
      </c>
      <c r="D3549">
        <f t="shared" si="55"/>
        <v>15</v>
      </c>
    </row>
    <row r="3550" spans="1:4" x14ac:dyDescent="0.25">
      <c r="A3550" s="20">
        <v>43703.666666658071</v>
      </c>
      <c r="B3550" s="22">
        <v>1.6079925298690796</v>
      </c>
      <c r="C3550" s="21">
        <v>210497.19638322663</v>
      </c>
      <c r="D3550">
        <f t="shared" si="55"/>
        <v>16</v>
      </c>
    </row>
    <row r="3551" spans="1:4" x14ac:dyDescent="0.25">
      <c r="A3551" s="20">
        <v>43703.708333324736</v>
      </c>
      <c r="B3551" s="22">
        <v>1.6452916860580444</v>
      </c>
      <c r="C3551" s="21">
        <v>215379.91048754923</v>
      </c>
      <c r="D3551">
        <f t="shared" si="55"/>
        <v>17</v>
      </c>
    </row>
    <row r="3552" spans="1:4" x14ac:dyDescent="0.25">
      <c r="A3552" s="20">
        <v>43703.7499999914</v>
      </c>
      <c r="B3552" s="22">
        <v>1.5413708686828613</v>
      </c>
      <c r="C3552" s="21">
        <v>201775.96625460536</v>
      </c>
      <c r="D3552">
        <f t="shared" si="55"/>
        <v>18</v>
      </c>
    </row>
    <row r="3553" spans="1:4" x14ac:dyDescent="0.25">
      <c r="A3553" s="20">
        <v>43703.791666658064</v>
      </c>
      <c r="B3553" s="22">
        <v>1.5416549444198608</v>
      </c>
      <c r="C3553" s="21">
        <v>201813.15370733794</v>
      </c>
      <c r="D3553">
        <f t="shared" si="55"/>
        <v>19</v>
      </c>
    </row>
    <row r="3554" spans="1:4" x14ac:dyDescent="0.25">
      <c r="A3554" s="20">
        <v>43703.833333324728</v>
      </c>
      <c r="B3554" s="22">
        <v>1.6218720674514771</v>
      </c>
      <c r="C3554" s="21">
        <v>212314.12257779558</v>
      </c>
      <c r="D3554">
        <f t="shared" si="55"/>
        <v>20</v>
      </c>
    </row>
    <row r="3555" spans="1:4" x14ac:dyDescent="0.25">
      <c r="A3555" s="20">
        <v>43703.874999991393</v>
      </c>
      <c r="B3555" s="22">
        <v>1.4832959175109863</v>
      </c>
      <c r="C3555" s="21">
        <v>194173.55879642657</v>
      </c>
      <c r="D3555">
        <f t="shared" si="55"/>
        <v>21</v>
      </c>
    </row>
    <row r="3556" spans="1:4" x14ac:dyDescent="0.25">
      <c r="A3556" s="20">
        <v>43703.916666658057</v>
      </c>
      <c r="B3556" s="22">
        <v>1.2310308218002319</v>
      </c>
      <c r="C3556" s="21">
        <v>161150.33610969956</v>
      </c>
      <c r="D3556">
        <f t="shared" si="55"/>
        <v>22</v>
      </c>
    </row>
    <row r="3557" spans="1:4" x14ac:dyDescent="0.25">
      <c r="A3557" s="20">
        <v>43703.958333324721</v>
      </c>
      <c r="B3557" s="22">
        <v>0.96485358476638794</v>
      </c>
      <c r="C3557" s="21">
        <v>126305.9191762331</v>
      </c>
      <c r="D3557">
        <f t="shared" si="55"/>
        <v>23</v>
      </c>
    </row>
    <row r="3558" spans="1:4" x14ac:dyDescent="0.25">
      <c r="A3558" s="20">
        <v>43703.999999991385</v>
      </c>
      <c r="B3558" s="22">
        <v>0.94864785671234131</v>
      </c>
      <c r="C3558" s="21">
        <v>124184.47877314643</v>
      </c>
      <c r="D3558">
        <f t="shared" si="55"/>
        <v>0</v>
      </c>
    </row>
    <row r="3559" spans="1:4" x14ac:dyDescent="0.25">
      <c r="A3559" s="20">
        <v>43704.04166665805</v>
      </c>
      <c r="B3559" s="22">
        <v>0.81623798608779907</v>
      </c>
      <c r="C3559" s="21">
        <v>106851.12303784263</v>
      </c>
      <c r="D3559">
        <f t="shared" si="55"/>
        <v>1</v>
      </c>
    </row>
    <row r="3560" spans="1:4" x14ac:dyDescent="0.25">
      <c r="A3560" s="20">
        <v>43704.083333324714</v>
      </c>
      <c r="B3560" s="22">
        <v>0.75444227457046509</v>
      </c>
      <c r="C3560" s="21">
        <v>98761.642657007411</v>
      </c>
      <c r="D3560">
        <f t="shared" si="55"/>
        <v>2</v>
      </c>
    </row>
    <row r="3561" spans="1:4" x14ac:dyDescent="0.25">
      <c r="A3561" s="20">
        <v>43704.124999991378</v>
      </c>
      <c r="B3561" s="22">
        <v>0.7505071759223938</v>
      </c>
      <c r="C3561" s="21">
        <v>98246.511387723556</v>
      </c>
      <c r="D3561">
        <f t="shared" si="55"/>
        <v>3</v>
      </c>
    </row>
    <row r="3562" spans="1:4" x14ac:dyDescent="0.25">
      <c r="A3562" s="20">
        <v>43704.166666658042</v>
      </c>
      <c r="B3562" s="22">
        <v>0.75700259208679199</v>
      </c>
      <c r="C3562" s="21">
        <v>99096.805693543152</v>
      </c>
      <c r="D3562">
        <f t="shared" si="55"/>
        <v>4</v>
      </c>
    </row>
    <row r="3563" spans="1:4" x14ac:dyDescent="0.25">
      <c r="A3563" s="20">
        <v>43704.208333324706</v>
      </c>
      <c r="B3563" s="22">
        <v>0.80243760347366333</v>
      </c>
      <c r="C3563" s="21">
        <v>105044.55876883578</v>
      </c>
      <c r="D3563">
        <f t="shared" si="55"/>
        <v>5</v>
      </c>
    </row>
    <row r="3564" spans="1:4" x14ac:dyDescent="0.25">
      <c r="A3564" s="20">
        <v>43704.249999991371</v>
      </c>
      <c r="B3564" s="22">
        <v>1.0661981105804443</v>
      </c>
      <c r="C3564" s="21">
        <v>139572.60926115737</v>
      </c>
      <c r="D3564">
        <f t="shared" si="55"/>
        <v>6</v>
      </c>
    </row>
    <row r="3565" spans="1:4" x14ac:dyDescent="0.25">
      <c r="A3565" s="20">
        <v>43704.291666658035</v>
      </c>
      <c r="B3565" s="22">
        <v>0.97788906097412109</v>
      </c>
      <c r="C3565" s="21">
        <v>128012.35197631053</v>
      </c>
      <c r="D3565">
        <f t="shared" si="55"/>
        <v>7</v>
      </c>
    </row>
    <row r="3566" spans="1:4" x14ac:dyDescent="0.25">
      <c r="A3566" s="20">
        <v>43704.333333324699</v>
      </c>
      <c r="B3566" s="22">
        <v>1.0080181360244751</v>
      </c>
      <c r="C3566" s="21">
        <v>131956.4535252373</v>
      </c>
      <c r="D3566">
        <f t="shared" si="55"/>
        <v>8</v>
      </c>
    </row>
    <row r="3567" spans="1:4" x14ac:dyDescent="0.25">
      <c r="A3567" s="20">
        <v>43704.374999991363</v>
      </c>
      <c r="B3567" s="22">
        <v>1.0391591787338257</v>
      </c>
      <c r="C3567" s="21">
        <v>136033.02854720107</v>
      </c>
      <c r="D3567">
        <f t="shared" si="55"/>
        <v>9</v>
      </c>
    </row>
    <row r="3568" spans="1:4" x14ac:dyDescent="0.25">
      <c r="A3568" s="20">
        <v>43704.416666658028</v>
      </c>
      <c r="B3568" s="22">
        <v>1.1632469892501831</v>
      </c>
      <c r="C3568" s="21">
        <v>152276.96981796867</v>
      </c>
      <c r="D3568">
        <f t="shared" si="55"/>
        <v>10</v>
      </c>
    </row>
    <row r="3569" spans="1:4" x14ac:dyDescent="0.25">
      <c r="A3569" s="20">
        <v>43704.458333324692</v>
      </c>
      <c r="B3569" s="22">
        <v>1.1674404144287109</v>
      </c>
      <c r="C3569" s="21">
        <v>152825.91779311554</v>
      </c>
      <c r="D3569">
        <f t="shared" si="55"/>
        <v>11</v>
      </c>
    </row>
    <row r="3570" spans="1:4" x14ac:dyDescent="0.25">
      <c r="A3570" s="20">
        <v>43704.499999991356</v>
      </c>
      <c r="B3570" s="22">
        <v>1.3498691320419312</v>
      </c>
      <c r="C3570" s="21">
        <v>176707.08196773814</v>
      </c>
      <c r="D3570">
        <f t="shared" si="55"/>
        <v>12</v>
      </c>
    </row>
    <row r="3571" spans="1:4" x14ac:dyDescent="0.25">
      <c r="A3571" s="20">
        <v>43704.54166665802</v>
      </c>
      <c r="B3571" s="22">
        <v>1.4893180131912231</v>
      </c>
      <c r="C3571" s="21">
        <v>194961.89222055298</v>
      </c>
      <c r="D3571">
        <f t="shared" si="55"/>
        <v>13</v>
      </c>
    </row>
    <row r="3572" spans="1:4" x14ac:dyDescent="0.25">
      <c r="A3572" s="20">
        <v>43704.583333324685</v>
      </c>
      <c r="B3572" s="22">
        <v>1.5892775058746338</v>
      </c>
      <c r="C3572" s="21">
        <v>208047.2720161051</v>
      </c>
      <c r="D3572">
        <f t="shared" si="55"/>
        <v>14</v>
      </c>
    </row>
    <row r="3573" spans="1:4" x14ac:dyDescent="0.25">
      <c r="A3573" s="20">
        <v>43704.624999991349</v>
      </c>
      <c r="B3573" s="22">
        <v>1.6694866418838501</v>
      </c>
      <c r="C3573" s="21">
        <v>218547.19533082074</v>
      </c>
      <c r="D3573">
        <f t="shared" si="55"/>
        <v>15</v>
      </c>
    </row>
    <row r="3574" spans="1:4" x14ac:dyDescent="0.25">
      <c r="A3574" s="20">
        <v>43704.666666658013</v>
      </c>
      <c r="B3574" s="22">
        <v>2.030303955078125</v>
      </c>
      <c r="C3574" s="21">
        <v>265780.6441330408</v>
      </c>
      <c r="D3574">
        <f t="shared" si="55"/>
        <v>16</v>
      </c>
    </row>
    <row r="3575" spans="1:4" x14ac:dyDescent="0.25">
      <c r="A3575" s="20">
        <v>43704.708333324677</v>
      </c>
      <c r="B3575" s="22">
        <v>2.2048571109771729</v>
      </c>
      <c r="C3575" s="21">
        <v>288630.84353016451</v>
      </c>
      <c r="D3575">
        <f t="shared" si="55"/>
        <v>17</v>
      </c>
    </row>
    <row r="3576" spans="1:4" x14ac:dyDescent="0.25">
      <c r="A3576" s="20">
        <v>43704.749999991342</v>
      </c>
      <c r="B3576" s="22">
        <v>2.2387216091156006</v>
      </c>
      <c r="C3576" s="21">
        <v>293063.9374548262</v>
      </c>
      <c r="D3576">
        <f t="shared" si="55"/>
        <v>18</v>
      </c>
    </row>
    <row r="3577" spans="1:4" x14ac:dyDescent="0.25">
      <c r="A3577" s="20">
        <v>43704.791666658006</v>
      </c>
      <c r="B3577" s="22">
        <v>2.1822612285614014</v>
      </c>
      <c r="C3577" s="21">
        <v>285672.88830961863</v>
      </c>
      <c r="D3577">
        <f t="shared" si="55"/>
        <v>19</v>
      </c>
    </row>
    <row r="3578" spans="1:4" x14ac:dyDescent="0.25">
      <c r="A3578" s="20">
        <v>43704.83333332467</v>
      </c>
      <c r="B3578" s="22">
        <v>2.1590747833251953</v>
      </c>
      <c r="C3578" s="21">
        <v>282637.62438540626</v>
      </c>
      <c r="D3578">
        <f t="shared" si="55"/>
        <v>20</v>
      </c>
    </row>
    <row r="3579" spans="1:4" x14ac:dyDescent="0.25">
      <c r="A3579" s="20">
        <v>43704.874999991334</v>
      </c>
      <c r="B3579" s="22">
        <v>1.980525016784668</v>
      </c>
      <c r="C3579" s="21">
        <v>259264.2413792547</v>
      </c>
      <c r="D3579">
        <f t="shared" si="55"/>
        <v>21</v>
      </c>
    </row>
    <row r="3580" spans="1:4" x14ac:dyDescent="0.25">
      <c r="A3580" s="20">
        <v>43704.916666657999</v>
      </c>
      <c r="B3580" s="22">
        <v>1.6460797786712646</v>
      </c>
      <c r="C3580" s="21">
        <v>215483.07718919226</v>
      </c>
      <c r="D3580">
        <f t="shared" si="55"/>
        <v>22</v>
      </c>
    </row>
    <row r="3581" spans="1:4" x14ac:dyDescent="0.25">
      <c r="A3581" s="20">
        <v>43704.958333324663</v>
      </c>
      <c r="B3581" s="22">
        <v>1.4121840000152588</v>
      </c>
      <c r="C3581" s="21">
        <v>184864.52347180058</v>
      </c>
      <c r="D3581">
        <f t="shared" si="55"/>
        <v>23</v>
      </c>
    </row>
    <row r="3582" spans="1:4" x14ac:dyDescent="0.25">
      <c r="A3582" s="20">
        <v>43704.999999991327</v>
      </c>
      <c r="B3582" s="22">
        <v>1.1697653532028198</v>
      </c>
      <c r="C3582" s="21">
        <v>153130.26814588267</v>
      </c>
      <c r="D3582">
        <f t="shared" si="55"/>
        <v>0</v>
      </c>
    </row>
    <row r="3583" spans="1:4" x14ac:dyDescent="0.25">
      <c r="A3583" s="20">
        <v>43705.041666657991</v>
      </c>
      <c r="B3583" s="22">
        <v>1.0123969316482544</v>
      </c>
      <c r="C3583" s="21">
        <v>132529.66775678337</v>
      </c>
      <c r="D3583">
        <f t="shared" si="55"/>
        <v>1</v>
      </c>
    </row>
    <row r="3584" spans="1:4" x14ac:dyDescent="0.25">
      <c r="A3584" s="20">
        <v>43705.083333324656</v>
      </c>
      <c r="B3584" s="22">
        <v>0.95046651363372803</v>
      </c>
      <c r="C3584" s="21">
        <v>124422.55337612113</v>
      </c>
      <c r="D3584">
        <f t="shared" si="55"/>
        <v>2</v>
      </c>
    </row>
    <row r="3585" spans="1:4" x14ac:dyDescent="0.25">
      <c r="A3585" s="20">
        <v>43705.12499999132</v>
      </c>
      <c r="B3585" s="22">
        <v>0.9765322208404541</v>
      </c>
      <c r="C3585" s="21">
        <v>127834.73234265439</v>
      </c>
      <c r="D3585">
        <f t="shared" si="55"/>
        <v>3</v>
      </c>
    </row>
    <row r="3586" spans="1:4" x14ac:dyDescent="0.25">
      <c r="A3586" s="20">
        <v>43705.166666657984</v>
      </c>
      <c r="B3586" s="22">
        <v>0.88302546739578247</v>
      </c>
      <c r="C3586" s="21">
        <v>115594.0601520917</v>
      </c>
      <c r="D3586">
        <f t="shared" si="55"/>
        <v>4</v>
      </c>
    </row>
    <row r="3587" spans="1:4" x14ac:dyDescent="0.25">
      <c r="A3587" s="20">
        <v>43705.208333324648</v>
      </c>
      <c r="B3587" s="22">
        <v>1.0102585554122925</v>
      </c>
      <c r="C3587" s="21">
        <v>132249.7397135112</v>
      </c>
      <c r="D3587">
        <f t="shared" si="55"/>
        <v>5</v>
      </c>
    </row>
    <row r="3588" spans="1:4" x14ac:dyDescent="0.25">
      <c r="A3588" s="20">
        <v>43705.249999991313</v>
      </c>
      <c r="B3588" s="22">
        <v>1.1909357309341431</v>
      </c>
      <c r="C3588" s="21">
        <v>155901.61507445347</v>
      </c>
      <c r="D3588">
        <f t="shared" si="55"/>
        <v>6</v>
      </c>
    </row>
    <row r="3589" spans="1:4" x14ac:dyDescent="0.25">
      <c r="A3589" s="20">
        <v>43705.291666657977</v>
      </c>
      <c r="B3589" s="22">
        <v>1.1344038248062134</v>
      </c>
      <c r="C3589" s="21">
        <v>148501.20274349704</v>
      </c>
      <c r="D3589">
        <f t="shared" si="55"/>
        <v>7</v>
      </c>
    </row>
    <row r="3590" spans="1:4" x14ac:dyDescent="0.25">
      <c r="A3590" s="20">
        <v>43705.333333324641</v>
      </c>
      <c r="B3590" s="22">
        <v>1.0203129053115845</v>
      </c>
      <c r="C3590" s="21">
        <v>133565.92273423038</v>
      </c>
      <c r="D3590">
        <f t="shared" si="55"/>
        <v>8</v>
      </c>
    </row>
    <row r="3591" spans="1:4" x14ac:dyDescent="0.25">
      <c r="A3591" s="20">
        <v>43705.374999991305</v>
      </c>
      <c r="B3591" s="22">
        <v>1.3245929479598999</v>
      </c>
      <c r="C3591" s="21">
        <v>173398.25696656283</v>
      </c>
      <c r="D3591">
        <f t="shared" ref="D3591:D3654" si="56">HOUR(A3591)</f>
        <v>9</v>
      </c>
    </row>
    <row r="3592" spans="1:4" x14ac:dyDescent="0.25">
      <c r="A3592" s="20">
        <v>43705.416666657969</v>
      </c>
      <c r="B3592" s="22">
        <v>1.3278063535690308</v>
      </c>
      <c r="C3592" s="21">
        <v>173818.91369164057</v>
      </c>
      <c r="D3592">
        <f t="shared" si="56"/>
        <v>10</v>
      </c>
    </row>
    <row r="3593" spans="1:4" x14ac:dyDescent="0.25">
      <c r="A3593" s="20">
        <v>43705.458333324634</v>
      </c>
      <c r="B3593" s="22">
        <v>1.5349612236022949</v>
      </c>
      <c r="C3593" s="21">
        <v>200936.89996902962</v>
      </c>
      <c r="D3593">
        <f t="shared" si="56"/>
        <v>11</v>
      </c>
    </row>
    <row r="3594" spans="1:4" x14ac:dyDescent="0.25">
      <c r="A3594" s="20">
        <v>43705.499999991298</v>
      </c>
      <c r="B3594" s="22">
        <v>1.7552490234375</v>
      </c>
      <c r="C3594" s="21">
        <v>229774.07638707891</v>
      </c>
      <c r="D3594">
        <f t="shared" si="56"/>
        <v>12</v>
      </c>
    </row>
    <row r="3595" spans="1:4" x14ac:dyDescent="0.25">
      <c r="A3595" s="20">
        <v>43705.541666657962</v>
      </c>
      <c r="B3595" s="22">
        <v>1.8235902786254883</v>
      </c>
      <c r="C3595" s="21">
        <v>238720.41310641274</v>
      </c>
      <c r="D3595">
        <f t="shared" si="56"/>
        <v>13</v>
      </c>
    </row>
    <row r="3596" spans="1:4" x14ac:dyDescent="0.25">
      <c r="A3596" s="20">
        <v>43705.583333324626</v>
      </c>
      <c r="B3596" s="22">
        <v>2.002948522567749</v>
      </c>
      <c r="C3596" s="21">
        <v>262199.63132214575</v>
      </c>
      <c r="D3596">
        <f t="shared" si="56"/>
        <v>14</v>
      </c>
    </row>
    <row r="3597" spans="1:4" x14ac:dyDescent="0.25">
      <c r="A3597" s="20">
        <v>43705.624999991291</v>
      </c>
      <c r="B3597" s="22">
        <v>2.1590282917022705</v>
      </c>
      <c r="C3597" s="21">
        <v>282631.53831466951</v>
      </c>
      <c r="D3597">
        <f t="shared" si="56"/>
        <v>15</v>
      </c>
    </row>
    <row r="3598" spans="1:4" x14ac:dyDescent="0.25">
      <c r="A3598" s="20">
        <v>43705.666666657955</v>
      </c>
      <c r="B3598" s="22">
        <v>2.3010587692260742</v>
      </c>
      <c r="C3598" s="21">
        <v>301224.29715178034</v>
      </c>
      <c r="D3598">
        <f t="shared" si="56"/>
        <v>16</v>
      </c>
    </row>
    <row r="3599" spans="1:4" x14ac:dyDescent="0.25">
      <c r="A3599" s="20">
        <v>43705.708333324619</v>
      </c>
      <c r="B3599" s="22">
        <v>2.3981878757476807</v>
      </c>
      <c r="C3599" s="21">
        <v>313939.16008194</v>
      </c>
      <c r="D3599">
        <f t="shared" si="56"/>
        <v>17</v>
      </c>
    </row>
    <row r="3600" spans="1:4" x14ac:dyDescent="0.25">
      <c r="A3600" s="20">
        <v>43705.749999991283</v>
      </c>
      <c r="B3600" s="22">
        <v>2.213409423828125</v>
      </c>
      <c r="C3600" s="21">
        <v>289750.39965015731</v>
      </c>
      <c r="D3600">
        <f t="shared" si="56"/>
        <v>18</v>
      </c>
    </row>
    <row r="3601" spans="1:4" x14ac:dyDescent="0.25">
      <c r="A3601" s="20">
        <v>43705.791666657948</v>
      </c>
      <c r="B3601" s="22">
        <v>1.9487680196762085</v>
      </c>
      <c r="C3601" s="21">
        <v>255107.03372268355</v>
      </c>
      <c r="D3601">
        <f t="shared" si="56"/>
        <v>19</v>
      </c>
    </row>
    <row r="3602" spans="1:4" x14ac:dyDescent="0.25">
      <c r="A3602" s="20">
        <v>43705.833333324612</v>
      </c>
      <c r="B3602" s="22">
        <v>1.8677998781204224</v>
      </c>
      <c r="C3602" s="21">
        <v>244507.75140186277</v>
      </c>
      <c r="D3602">
        <f t="shared" si="56"/>
        <v>20</v>
      </c>
    </row>
    <row r="3603" spans="1:4" x14ac:dyDescent="0.25">
      <c r="A3603" s="20">
        <v>43705.874999991276</v>
      </c>
      <c r="B3603" s="22">
        <v>1.7364131212234497</v>
      </c>
      <c r="C3603" s="21">
        <v>227308.32823604182</v>
      </c>
      <c r="D3603">
        <f t="shared" si="56"/>
        <v>21</v>
      </c>
    </row>
    <row r="3604" spans="1:4" x14ac:dyDescent="0.25">
      <c r="A3604" s="20">
        <v>43705.91666665794</v>
      </c>
      <c r="B3604" s="22">
        <v>1.5387512445449829</v>
      </c>
      <c r="C3604" s="21">
        <v>201433.03957655284</v>
      </c>
      <c r="D3604">
        <f t="shared" si="56"/>
        <v>22</v>
      </c>
    </row>
    <row r="3605" spans="1:4" x14ac:dyDescent="0.25">
      <c r="A3605" s="20">
        <v>43705.958333324605</v>
      </c>
      <c r="B3605" s="22">
        <v>1.0759434700012207</v>
      </c>
      <c r="C3605" s="21">
        <v>140848.3433194414</v>
      </c>
      <c r="D3605">
        <f t="shared" si="56"/>
        <v>23</v>
      </c>
    </row>
    <row r="3606" spans="1:4" x14ac:dyDescent="0.25">
      <c r="A3606" s="20">
        <v>43705.999999991269</v>
      </c>
      <c r="B3606" s="22">
        <v>0.88300973176956177</v>
      </c>
      <c r="C3606" s="21">
        <v>115592.00025122696</v>
      </c>
      <c r="D3606">
        <f t="shared" si="56"/>
        <v>0</v>
      </c>
    </row>
    <row r="3607" spans="1:4" x14ac:dyDescent="0.25">
      <c r="A3607" s="20">
        <v>43706.041666657933</v>
      </c>
      <c r="B3607" s="22">
        <v>0.73711812496185303</v>
      </c>
      <c r="C3607" s="21">
        <v>96493.793239427541</v>
      </c>
      <c r="D3607">
        <f t="shared" si="56"/>
        <v>1</v>
      </c>
    </row>
    <row r="3608" spans="1:4" x14ac:dyDescent="0.25">
      <c r="A3608" s="20">
        <v>43706.083333324597</v>
      </c>
      <c r="B3608" s="22">
        <v>0.69139659404754639</v>
      </c>
      <c r="C3608" s="21">
        <v>90508.53280255587</v>
      </c>
      <c r="D3608">
        <f t="shared" si="56"/>
        <v>2</v>
      </c>
    </row>
    <row r="3609" spans="1:4" x14ac:dyDescent="0.25">
      <c r="A3609" s="20">
        <v>43706.124999991262</v>
      </c>
      <c r="B3609" s="22">
        <v>0.66394460201263428</v>
      </c>
      <c r="C3609" s="21">
        <v>86914.879690899834</v>
      </c>
      <c r="D3609">
        <f t="shared" si="56"/>
        <v>3</v>
      </c>
    </row>
    <row r="3610" spans="1:4" x14ac:dyDescent="0.25">
      <c r="A3610" s="20">
        <v>43706.166666657926</v>
      </c>
      <c r="B3610" s="22">
        <v>0.63192027807235718</v>
      </c>
      <c r="C3610" s="21">
        <v>82722.677127592266</v>
      </c>
      <c r="D3610">
        <f t="shared" si="56"/>
        <v>4</v>
      </c>
    </row>
    <row r="3611" spans="1:4" x14ac:dyDescent="0.25">
      <c r="A3611" s="20">
        <v>43706.20833332459</v>
      </c>
      <c r="B3611" s="22">
        <v>0.7462959885597229</v>
      </c>
      <c r="C3611" s="21">
        <v>97695.238221449035</v>
      </c>
      <c r="D3611">
        <f t="shared" si="56"/>
        <v>5</v>
      </c>
    </row>
    <row r="3612" spans="1:4" x14ac:dyDescent="0.25">
      <c r="A3612" s="20">
        <v>43706.249999991254</v>
      </c>
      <c r="B3612" s="22">
        <v>0.99183881282806396</v>
      </c>
      <c r="C3612" s="21">
        <v>129838.46969822294</v>
      </c>
      <c r="D3612">
        <f t="shared" si="56"/>
        <v>6</v>
      </c>
    </row>
    <row r="3613" spans="1:4" x14ac:dyDescent="0.25">
      <c r="A3613" s="20">
        <v>43706.291666657919</v>
      </c>
      <c r="B3613" s="22">
        <v>0.86345088481903076</v>
      </c>
      <c r="C3613" s="21">
        <v>113031.61370023309</v>
      </c>
      <c r="D3613">
        <f t="shared" si="56"/>
        <v>7</v>
      </c>
    </row>
    <row r="3614" spans="1:4" x14ac:dyDescent="0.25">
      <c r="A3614" s="20">
        <v>43706.333333324583</v>
      </c>
      <c r="B3614" s="22">
        <v>0.83077627420425415</v>
      </c>
      <c r="C3614" s="21">
        <v>108754.28417315867</v>
      </c>
      <c r="D3614">
        <f t="shared" si="56"/>
        <v>8</v>
      </c>
    </row>
    <row r="3615" spans="1:4" x14ac:dyDescent="0.25">
      <c r="A3615" s="20">
        <v>43706.374999991247</v>
      </c>
      <c r="B3615" s="22">
        <v>0.97487163543701172</v>
      </c>
      <c r="C3615" s="21">
        <v>127617.35038018473</v>
      </c>
      <c r="D3615">
        <f t="shared" si="56"/>
        <v>9</v>
      </c>
    </row>
    <row r="3616" spans="1:4" x14ac:dyDescent="0.25">
      <c r="A3616" s="20">
        <v>43706.416666657911</v>
      </c>
      <c r="B3616" s="22">
        <v>1.0491966009140015</v>
      </c>
      <c r="C3616" s="21">
        <v>137346.99561395968</v>
      </c>
      <c r="D3616">
        <f t="shared" si="56"/>
        <v>10</v>
      </c>
    </row>
    <row r="3617" spans="1:4" x14ac:dyDescent="0.25">
      <c r="A3617" s="20">
        <v>43706.458333324576</v>
      </c>
      <c r="B3617" s="22">
        <v>1.1784615516662598</v>
      </c>
      <c r="C3617" s="21">
        <v>154268.65987454032</v>
      </c>
      <c r="D3617">
        <f t="shared" si="56"/>
        <v>11</v>
      </c>
    </row>
    <row r="3618" spans="1:4" x14ac:dyDescent="0.25">
      <c r="A3618" s="20">
        <v>43706.49999999124</v>
      </c>
      <c r="B3618" s="22">
        <v>1.4092566967010498</v>
      </c>
      <c r="C3618" s="21">
        <v>184481.31948971833</v>
      </c>
      <c r="D3618">
        <f t="shared" si="56"/>
        <v>12</v>
      </c>
    </row>
    <row r="3619" spans="1:4" x14ac:dyDescent="0.25">
      <c r="A3619" s="20">
        <v>43706.541666657904</v>
      </c>
      <c r="B3619" s="22">
        <v>1.5507687330245972</v>
      </c>
      <c r="C3619" s="21">
        <v>203006.21083545944</v>
      </c>
      <c r="D3619">
        <f t="shared" si="56"/>
        <v>13</v>
      </c>
    </row>
    <row r="3620" spans="1:4" x14ac:dyDescent="0.25">
      <c r="A3620" s="20">
        <v>43706.583333324568</v>
      </c>
      <c r="B3620" s="22">
        <v>1.5677117109298706</v>
      </c>
      <c r="C3620" s="21">
        <v>205224.16227565263</v>
      </c>
      <c r="D3620">
        <f t="shared" si="56"/>
        <v>14</v>
      </c>
    </row>
    <row r="3621" spans="1:4" x14ac:dyDescent="0.25">
      <c r="A3621" s="20">
        <v>43706.624999991232</v>
      </c>
      <c r="B3621" s="22">
        <v>1.7907334566116333</v>
      </c>
      <c r="C3621" s="21">
        <v>234419.23086364305</v>
      </c>
      <c r="D3621">
        <f t="shared" si="56"/>
        <v>15</v>
      </c>
    </row>
    <row r="3622" spans="1:4" x14ac:dyDescent="0.25">
      <c r="A3622" s="20">
        <v>43706.666666657897</v>
      </c>
      <c r="B3622" s="22">
        <v>1.8747133016586304</v>
      </c>
      <c r="C3622" s="21">
        <v>245412.76572572973</v>
      </c>
      <c r="D3622">
        <f t="shared" si="56"/>
        <v>16</v>
      </c>
    </row>
    <row r="3623" spans="1:4" x14ac:dyDescent="0.25">
      <c r="A3623" s="20">
        <v>43706.708333324561</v>
      </c>
      <c r="B3623" s="22">
        <v>1.8774973154067993</v>
      </c>
      <c r="C3623" s="21">
        <v>245777.21212569508</v>
      </c>
      <c r="D3623">
        <f t="shared" si="56"/>
        <v>17</v>
      </c>
    </row>
    <row r="3624" spans="1:4" x14ac:dyDescent="0.25">
      <c r="A3624" s="20">
        <v>43706.749999991225</v>
      </c>
      <c r="B3624" s="22">
        <v>1.9845812320709229</v>
      </c>
      <c r="C3624" s="21">
        <v>259795.22764307333</v>
      </c>
      <c r="D3624">
        <f t="shared" si="56"/>
        <v>18</v>
      </c>
    </row>
    <row r="3625" spans="1:4" x14ac:dyDescent="0.25">
      <c r="A3625" s="20">
        <v>43706.791666657889</v>
      </c>
      <c r="B3625" s="22">
        <v>1.7511595487594604</v>
      </c>
      <c r="C3625" s="21">
        <v>229238.73624188709</v>
      </c>
      <c r="D3625">
        <f t="shared" si="56"/>
        <v>19</v>
      </c>
    </row>
    <row r="3626" spans="1:4" x14ac:dyDescent="0.25">
      <c r="A3626" s="20">
        <v>43706.833333324554</v>
      </c>
      <c r="B3626" s="22">
        <v>1.8308223485946655</v>
      </c>
      <c r="C3626" s="21">
        <v>239667.14042279092</v>
      </c>
      <c r="D3626">
        <f t="shared" si="56"/>
        <v>20</v>
      </c>
    </row>
    <row r="3627" spans="1:4" x14ac:dyDescent="0.25">
      <c r="A3627" s="20">
        <v>43706.874999991218</v>
      </c>
      <c r="B3627" s="22">
        <v>1.6373313665390015</v>
      </c>
      <c r="C3627" s="21">
        <v>214337.85033493795</v>
      </c>
      <c r="D3627">
        <f t="shared" si="56"/>
        <v>21</v>
      </c>
    </row>
    <row r="3628" spans="1:4" x14ac:dyDescent="0.25">
      <c r="A3628" s="20">
        <v>43706.916666657882</v>
      </c>
      <c r="B3628" s="22">
        <v>1.3984215259552002</v>
      </c>
      <c r="C3628" s="21">
        <v>183062.92169124063</v>
      </c>
      <c r="D3628">
        <f t="shared" si="56"/>
        <v>22</v>
      </c>
    </row>
    <row r="3629" spans="1:4" x14ac:dyDescent="0.25">
      <c r="A3629" s="20">
        <v>43706.958333324546</v>
      </c>
      <c r="B3629" s="22">
        <v>1.13585364818573</v>
      </c>
      <c r="C3629" s="21">
        <v>148690.99451862671</v>
      </c>
      <c r="D3629">
        <f t="shared" si="56"/>
        <v>23</v>
      </c>
    </row>
    <row r="3630" spans="1:4" x14ac:dyDescent="0.25">
      <c r="A3630" s="20">
        <v>43706.999999991211</v>
      </c>
      <c r="B3630" s="22">
        <v>0.83553004264831543</v>
      </c>
      <c r="C3630" s="21">
        <v>109376.58490599319</v>
      </c>
      <c r="D3630">
        <f t="shared" si="56"/>
        <v>0</v>
      </c>
    </row>
    <row r="3631" spans="1:4" x14ac:dyDescent="0.25">
      <c r="A3631" s="20">
        <v>43707.041666657875</v>
      </c>
      <c r="B3631" s="22">
        <v>0.80136191844940186</v>
      </c>
      <c r="C3631" s="21">
        <v>104903.74425782751</v>
      </c>
      <c r="D3631">
        <f t="shared" si="56"/>
        <v>1</v>
      </c>
    </row>
    <row r="3632" spans="1:4" x14ac:dyDescent="0.25">
      <c r="A3632" s="20">
        <v>43707.083333324539</v>
      </c>
      <c r="B3632" s="22">
        <v>0.72060227394104004</v>
      </c>
      <c r="C3632" s="21">
        <v>94331.755623464691</v>
      </c>
      <c r="D3632">
        <f t="shared" si="56"/>
        <v>2</v>
      </c>
    </row>
    <row r="3633" spans="1:4" x14ac:dyDescent="0.25">
      <c r="A3633" s="20">
        <v>43707.124999991203</v>
      </c>
      <c r="B3633" s="22">
        <v>0.67510771751403809</v>
      </c>
      <c r="C3633" s="21">
        <v>88376.20769603613</v>
      </c>
      <c r="D3633">
        <f t="shared" si="56"/>
        <v>3</v>
      </c>
    </row>
    <row r="3634" spans="1:4" x14ac:dyDescent="0.25">
      <c r="A3634" s="20">
        <v>43707.166666657868</v>
      </c>
      <c r="B3634" s="22">
        <v>0.67817980051040649</v>
      </c>
      <c r="C3634" s="21">
        <v>88778.364326605049</v>
      </c>
      <c r="D3634">
        <f t="shared" si="56"/>
        <v>4</v>
      </c>
    </row>
    <row r="3635" spans="1:4" x14ac:dyDescent="0.25">
      <c r="A3635" s="20">
        <v>43707.208333324532</v>
      </c>
      <c r="B3635" s="22">
        <v>0.76839166879653931</v>
      </c>
      <c r="C3635" s="21">
        <v>100587.71356299109</v>
      </c>
      <c r="D3635">
        <f t="shared" si="56"/>
        <v>5</v>
      </c>
    </row>
    <row r="3636" spans="1:4" x14ac:dyDescent="0.25">
      <c r="A3636" s="20">
        <v>43707.249999991196</v>
      </c>
      <c r="B3636" s="22">
        <v>0.84125977754592896</v>
      </c>
      <c r="C3636" s="21">
        <v>110126.6463083711</v>
      </c>
      <c r="D3636">
        <f t="shared" si="56"/>
        <v>6</v>
      </c>
    </row>
    <row r="3637" spans="1:4" x14ac:dyDescent="0.25">
      <c r="A3637" s="20">
        <v>43707.29166665786</v>
      </c>
      <c r="B3637" s="22">
        <v>0.92034256458282471</v>
      </c>
      <c r="C3637" s="21">
        <v>120479.12285550634</v>
      </c>
      <c r="D3637">
        <f t="shared" si="56"/>
        <v>7</v>
      </c>
    </row>
    <row r="3638" spans="1:4" x14ac:dyDescent="0.25">
      <c r="A3638" s="20">
        <v>43707.333333324525</v>
      </c>
      <c r="B3638" s="22">
        <v>0.87736022472381592</v>
      </c>
      <c r="C3638" s="21">
        <v>114852.44122219738</v>
      </c>
      <c r="D3638">
        <f t="shared" si="56"/>
        <v>8</v>
      </c>
    </row>
    <row r="3639" spans="1:4" x14ac:dyDescent="0.25">
      <c r="A3639" s="20">
        <v>43707.374999991189</v>
      </c>
      <c r="B3639" s="22">
        <v>0.9852721095085144</v>
      </c>
      <c r="C3639" s="21">
        <v>128978.84341727365</v>
      </c>
      <c r="D3639">
        <f t="shared" si="56"/>
        <v>9</v>
      </c>
    </row>
    <row r="3640" spans="1:4" x14ac:dyDescent="0.25">
      <c r="A3640" s="20">
        <v>43707.416666657853</v>
      </c>
      <c r="B3640" s="22">
        <v>1.0827754735946655</v>
      </c>
      <c r="C3640" s="21">
        <v>141742.69921686425</v>
      </c>
      <c r="D3640">
        <f t="shared" si="56"/>
        <v>10</v>
      </c>
    </row>
    <row r="3641" spans="1:4" x14ac:dyDescent="0.25">
      <c r="A3641" s="20">
        <v>43707.458333324517</v>
      </c>
      <c r="B3641" s="22">
        <v>1.3283323049545288</v>
      </c>
      <c r="C3641" s="21">
        <v>173887.76431751397</v>
      </c>
      <c r="D3641">
        <f t="shared" si="56"/>
        <v>11</v>
      </c>
    </row>
    <row r="3642" spans="1:4" x14ac:dyDescent="0.25">
      <c r="A3642" s="20">
        <v>43707.499999991182</v>
      </c>
      <c r="B3642" s="22">
        <v>1.5391052961349487</v>
      </c>
      <c r="C3642" s="21">
        <v>201479.38734600978</v>
      </c>
      <c r="D3642">
        <f t="shared" si="56"/>
        <v>12</v>
      </c>
    </row>
    <row r="3643" spans="1:4" x14ac:dyDescent="0.25">
      <c r="A3643" s="20">
        <v>43707.541666657846</v>
      </c>
      <c r="B3643" s="22">
        <v>1.7952537536621094</v>
      </c>
      <c r="C3643" s="21">
        <v>235010.96859766229</v>
      </c>
      <c r="D3643">
        <f t="shared" si="56"/>
        <v>13</v>
      </c>
    </row>
    <row r="3644" spans="1:4" x14ac:dyDescent="0.25">
      <c r="A3644" s="20">
        <v>43707.58333332451</v>
      </c>
      <c r="B3644" s="22">
        <v>1.9527795314788818</v>
      </c>
      <c r="C3644" s="21">
        <v>255632.16799540914</v>
      </c>
      <c r="D3644">
        <f t="shared" si="56"/>
        <v>14</v>
      </c>
    </row>
    <row r="3645" spans="1:4" x14ac:dyDescent="0.25">
      <c r="A3645" s="20">
        <v>43707.624999991174</v>
      </c>
      <c r="B3645" s="22">
        <v>2.2053177356719971</v>
      </c>
      <c r="C3645" s="21">
        <v>288691.14244638721</v>
      </c>
      <c r="D3645">
        <f t="shared" si="56"/>
        <v>15</v>
      </c>
    </row>
    <row r="3646" spans="1:4" x14ac:dyDescent="0.25">
      <c r="A3646" s="20">
        <v>43707.666666657839</v>
      </c>
      <c r="B3646" s="22">
        <v>2.3414328098297119</v>
      </c>
      <c r="C3646" s="21">
        <v>306509.53461144707</v>
      </c>
      <c r="D3646">
        <f t="shared" si="56"/>
        <v>16</v>
      </c>
    </row>
    <row r="3647" spans="1:4" x14ac:dyDescent="0.25">
      <c r="A3647" s="20">
        <v>43707.708333324503</v>
      </c>
      <c r="B3647" s="22">
        <v>2.470555305480957</v>
      </c>
      <c r="C3647" s="21">
        <v>323412.55052707787</v>
      </c>
      <c r="D3647">
        <f t="shared" si="56"/>
        <v>17</v>
      </c>
    </row>
    <row r="3648" spans="1:4" x14ac:dyDescent="0.25">
      <c r="A3648" s="20">
        <v>43707.749999991167</v>
      </c>
      <c r="B3648" s="22">
        <v>2.3641657829284668</v>
      </c>
      <c r="C3648" s="21">
        <v>309485.43593801156</v>
      </c>
      <c r="D3648">
        <f t="shared" si="56"/>
        <v>18</v>
      </c>
    </row>
    <row r="3649" spans="1:4" x14ac:dyDescent="0.25">
      <c r="A3649" s="20">
        <v>43707.791666657831</v>
      </c>
      <c r="B3649" s="22">
        <v>2.2832698822021484</v>
      </c>
      <c r="C3649" s="21">
        <v>298895.61043479719</v>
      </c>
      <c r="D3649">
        <f t="shared" si="56"/>
        <v>19</v>
      </c>
    </row>
    <row r="3650" spans="1:4" x14ac:dyDescent="0.25">
      <c r="A3650" s="20">
        <v>43707.833333324495</v>
      </c>
      <c r="B3650" s="22">
        <v>2.0740363597869873</v>
      </c>
      <c r="C3650" s="21">
        <v>271505.51437423629</v>
      </c>
      <c r="D3650">
        <f t="shared" si="56"/>
        <v>20</v>
      </c>
    </row>
    <row r="3651" spans="1:4" x14ac:dyDescent="0.25">
      <c r="A3651" s="20">
        <v>43707.87499999116</v>
      </c>
      <c r="B3651" s="22">
        <v>1.8076562881469727</v>
      </c>
      <c r="C3651" s="21">
        <v>236634.54500651697</v>
      </c>
      <c r="D3651">
        <f t="shared" si="56"/>
        <v>21</v>
      </c>
    </row>
    <row r="3652" spans="1:4" x14ac:dyDescent="0.25">
      <c r="A3652" s="20">
        <v>43707.916666657824</v>
      </c>
      <c r="B3652" s="22">
        <v>1.6946702003479004</v>
      </c>
      <c r="C3652" s="21">
        <v>221843.89500645123</v>
      </c>
      <c r="D3652">
        <f t="shared" si="56"/>
        <v>22</v>
      </c>
    </row>
    <row r="3653" spans="1:4" x14ac:dyDescent="0.25">
      <c r="A3653" s="20">
        <v>43707.958333324488</v>
      </c>
      <c r="B3653" s="22">
        <v>1.4145901203155518</v>
      </c>
      <c r="C3653" s="21">
        <v>185179.50104039267</v>
      </c>
      <c r="D3653">
        <f t="shared" si="56"/>
        <v>23</v>
      </c>
    </row>
    <row r="3654" spans="1:4" x14ac:dyDescent="0.25">
      <c r="A3654" s="20">
        <v>43707.999999991152</v>
      </c>
      <c r="B3654" s="22">
        <v>1.1849867105484009</v>
      </c>
      <c r="C3654" s="21">
        <v>155122.84770510046</v>
      </c>
      <c r="D3654">
        <f t="shared" si="56"/>
        <v>0</v>
      </c>
    </row>
    <row r="3655" spans="1:4" x14ac:dyDescent="0.25">
      <c r="A3655" s="20">
        <v>43708.041666657817</v>
      </c>
      <c r="B3655" s="22">
        <v>0.98597371578216553</v>
      </c>
      <c r="C3655" s="21">
        <v>129070.68846681529</v>
      </c>
      <c r="D3655">
        <f t="shared" ref="D3655:D3718" si="57">HOUR(A3655)</f>
        <v>1</v>
      </c>
    </row>
    <row r="3656" spans="1:4" x14ac:dyDescent="0.25">
      <c r="A3656" s="20">
        <v>43708.083333324481</v>
      </c>
      <c r="B3656" s="22">
        <v>0.87132555246353149</v>
      </c>
      <c r="C3656" s="21">
        <v>114062.46143791011</v>
      </c>
      <c r="D3656">
        <f t="shared" si="57"/>
        <v>2</v>
      </c>
    </row>
    <row r="3657" spans="1:4" x14ac:dyDescent="0.25">
      <c r="A3657" s="20">
        <v>43708.124999991145</v>
      </c>
      <c r="B3657" s="22">
        <v>0.79256695508956909</v>
      </c>
      <c r="C3657" s="21">
        <v>103752.42353018164</v>
      </c>
      <c r="D3657">
        <f t="shared" si="57"/>
        <v>3</v>
      </c>
    </row>
    <row r="3658" spans="1:4" x14ac:dyDescent="0.25">
      <c r="A3658" s="20">
        <v>43708.166666657809</v>
      </c>
      <c r="B3658" s="22">
        <v>0.80863547325134277</v>
      </c>
      <c r="C3658" s="21">
        <v>105855.90222194005</v>
      </c>
      <c r="D3658">
        <f t="shared" si="57"/>
        <v>4</v>
      </c>
    </row>
    <row r="3659" spans="1:4" x14ac:dyDescent="0.25">
      <c r="A3659" s="20">
        <v>43708.208333324474</v>
      </c>
      <c r="B3659" s="22">
        <v>0.71973520517349243</v>
      </c>
      <c r="C3659" s="21">
        <v>94218.250404223989</v>
      </c>
      <c r="D3659">
        <f t="shared" si="57"/>
        <v>5</v>
      </c>
    </row>
    <row r="3660" spans="1:4" x14ac:dyDescent="0.25">
      <c r="A3660" s="20">
        <v>43708.249999991138</v>
      </c>
      <c r="B3660" s="22">
        <v>0.69396787881851196</v>
      </c>
      <c r="C3660" s="21">
        <v>90845.131527573089</v>
      </c>
      <c r="D3660">
        <f t="shared" si="57"/>
        <v>6</v>
      </c>
    </row>
    <row r="3661" spans="1:4" x14ac:dyDescent="0.25">
      <c r="A3661" s="20">
        <v>43708.291666657802</v>
      </c>
      <c r="B3661" s="22">
        <v>0.94227021932601929</v>
      </c>
      <c r="C3661" s="21">
        <v>123349.60251319331</v>
      </c>
      <c r="D3661">
        <f t="shared" si="57"/>
        <v>7</v>
      </c>
    </row>
    <row r="3662" spans="1:4" x14ac:dyDescent="0.25">
      <c r="A3662" s="20">
        <v>43708.333333324466</v>
      </c>
      <c r="B3662" s="22">
        <v>1.1639716625213623</v>
      </c>
      <c r="C3662" s="21">
        <v>152371.83449491434</v>
      </c>
      <c r="D3662">
        <f t="shared" si="57"/>
        <v>8</v>
      </c>
    </row>
    <row r="3663" spans="1:4" x14ac:dyDescent="0.25">
      <c r="A3663" s="20">
        <v>43708.374999991131</v>
      </c>
      <c r="B3663" s="22">
        <v>1.246529221534729</v>
      </c>
      <c r="C3663" s="21">
        <v>163179.18240838466</v>
      </c>
      <c r="D3663">
        <f t="shared" si="57"/>
        <v>9</v>
      </c>
    </row>
    <row r="3664" spans="1:4" x14ac:dyDescent="0.25">
      <c r="A3664" s="20">
        <v>43708.416666657795</v>
      </c>
      <c r="B3664" s="22">
        <v>1.4216598272323608</v>
      </c>
      <c r="C3664" s="21">
        <v>186104.97392512092</v>
      </c>
      <c r="D3664">
        <f t="shared" si="57"/>
        <v>10</v>
      </c>
    </row>
    <row r="3665" spans="1:4" x14ac:dyDescent="0.25">
      <c r="A3665" s="20">
        <v>43708.458333324459</v>
      </c>
      <c r="B3665" s="22">
        <v>1.8689751625061035</v>
      </c>
      <c r="C3665" s="21">
        <v>244661.60414902633</v>
      </c>
      <c r="D3665">
        <f t="shared" si="57"/>
        <v>11</v>
      </c>
    </row>
    <row r="3666" spans="1:4" x14ac:dyDescent="0.25">
      <c r="A3666" s="20">
        <v>43708.499999991123</v>
      </c>
      <c r="B3666" s="22">
        <v>2.0753211975097656</v>
      </c>
      <c r="C3666" s="21">
        <v>271673.70840090519</v>
      </c>
      <c r="D3666">
        <f t="shared" si="57"/>
        <v>12</v>
      </c>
    </row>
    <row r="3667" spans="1:4" x14ac:dyDescent="0.25">
      <c r="A3667" s="20">
        <v>43708.541666657788</v>
      </c>
      <c r="B3667" s="22">
        <v>2.2664575576782227</v>
      </c>
      <c r="C3667" s="21">
        <v>296694.76241390524</v>
      </c>
      <c r="D3667">
        <f t="shared" si="57"/>
        <v>13</v>
      </c>
    </row>
    <row r="3668" spans="1:4" x14ac:dyDescent="0.25">
      <c r="A3668" s="20">
        <v>43708.583333324452</v>
      </c>
      <c r="B3668" s="22">
        <v>2.5428762435913086</v>
      </c>
      <c r="C3668" s="21">
        <v>332879.85490147898</v>
      </c>
      <c r="D3668">
        <f t="shared" si="57"/>
        <v>14</v>
      </c>
    </row>
    <row r="3669" spans="1:4" x14ac:dyDescent="0.25">
      <c r="A3669" s="20">
        <v>43708.624999991116</v>
      </c>
      <c r="B3669" s="22">
        <v>2.6489453315734863</v>
      </c>
      <c r="C3669" s="21">
        <v>346765.02241839032</v>
      </c>
      <c r="D3669">
        <f t="shared" si="57"/>
        <v>15</v>
      </c>
    </row>
    <row r="3670" spans="1:4" x14ac:dyDescent="0.25">
      <c r="A3670" s="20">
        <v>43708.66666665778</v>
      </c>
      <c r="B3670" s="22">
        <v>2.7076435089111328</v>
      </c>
      <c r="C3670" s="21">
        <v>354449.01443506096</v>
      </c>
      <c r="D3670">
        <f t="shared" si="57"/>
        <v>16</v>
      </c>
    </row>
    <row r="3671" spans="1:4" x14ac:dyDescent="0.25">
      <c r="A3671" s="20">
        <v>43708.708333324445</v>
      </c>
      <c r="B3671" s="22">
        <v>2.6917409896850586</v>
      </c>
      <c r="C3671" s="21">
        <v>352367.2661368947</v>
      </c>
      <c r="D3671">
        <f t="shared" si="57"/>
        <v>17</v>
      </c>
    </row>
    <row r="3672" spans="1:4" x14ac:dyDescent="0.25">
      <c r="A3672" s="20">
        <v>43708.749999991109</v>
      </c>
      <c r="B3672" s="22">
        <v>2.5406768321990967</v>
      </c>
      <c r="C3672" s="21">
        <v>332591.93693970109</v>
      </c>
      <c r="D3672">
        <f t="shared" si="57"/>
        <v>18</v>
      </c>
    </row>
    <row r="3673" spans="1:4" x14ac:dyDescent="0.25">
      <c r="A3673" s="20">
        <v>43708.791666657773</v>
      </c>
      <c r="B3673" s="22">
        <v>2.4463715553283691</v>
      </c>
      <c r="C3673" s="21">
        <v>320246.73258290702</v>
      </c>
      <c r="D3673">
        <f t="shared" si="57"/>
        <v>19</v>
      </c>
    </row>
    <row r="3674" spans="1:4" x14ac:dyDescent="0.25">
      <c r="A3674" s="20">
        <v>43708.833333324437</v>
      </c>
      <c r="B3674" s="22">
        <v>2.1658313274383545</v>
      </c>
      <c r="C3674" s="21">
        <v>283522.10212186404</v>
      </c>
      <c r="D3674">
        <f t="shared" si="57"/>
        <v>20</v>
      </c>
    </row>
    <row r="3675" spans="1:4" x14ac:dyDescent="0.25">
      <c r="A3675" s="20">
        <v>43708.874999991102</v>
      </c>
      <c r="B3675" s="22">
        <v>2.0558707714080811</v>
      </c>
      <c r="C3675" s="21">
        <v>269127.51487897569</v>
      </c>
      <c r="D3675">
        <f t="shared" si="57"/>
        <v>21</v>
      </c>
    </row>
    <row r="3676" spans="1:4" x14ac:dyDescent="0.25">
      <c r="A3676" s="20">
        <v>43708.916666657766</v>
      </c>
      <c r="B3676" s="22">
        <v>1.7640846967697144</v>
      </c>
      <c r="C3676" s="21">
        <v>230930.7263279469</v>
      </c>
      <c r="D3676">
        <f t="shared" si="57"/>
        <v>22</v>
      </c>
    </row>
    <row r="3677" spans="1:4" x14ac:dyDescent="0.25">
      <c r="A3677" s="20">
        <v>43708.95833332443</v>
      </c>
      <c r="B3677" s="22">
        <v>1.4995328187942505</v>
      </c>
      <c r="C3677" s="21">
        <v>196299.07998796875</v>
      </c>
      <c r="D3677">
        <f t="shared" si="57"/>
        <v>23</v>
      </c>
    </row>
    <row r="3678" spans="1:4" x14ac:dyDescent="0.25">
      <c r="A3678" s="20">
        <v>43708.999999991094</v>
      </c>
      <c r="B3678" s="22">
        <v>1.2842987775802612</v>
      </c>
      <c r="C3678" s="21">
        <v>176196.36941480113</v>
      </c>
      <c r="D3678">
        <f t="shared" si="57"/>
        <v>0</v>
      </c>
    </row>
    <row r="3679" spans="1:4" x14ac:dyDescent="0.25">
      <c r="A3679" s="20">
        <v>43709.041666657758</v>
      </c>
      <c r="B3679" s="22">
        <v>1.0686537027359009</v>
      </c>
      <c r="C3679" s="21">
        <v>146611.44732887723</v>
      </c>
      <c r="D3679">
        <f t="shared" si="57"/>
        <v>1</v>
      </c>
    </row>
    <row r="3680" spans="1:4" x14ac:dyDescent="0.25">
      <c r="A3680" s="20">
        <v>43709.083333324423</v>
      </c>
      <c r="B3680" s="22">
        <v>0.97328782081604004</v>
      </c>
      <c r="C3680" s="21">
        <v>133527.94802665195</v>
      </c>
      <c r="D3680">
        <f t="shared" si="57"/>
        <v>2</v>
      </c>
    </row>
    <row r="3681" spans="1:4" x14ac:dyDescent="0.25">
      <c r="A3681" s="20">
        <v>43709.124999991087</v>
      </c>
      <c r="B3681" s="22">
        <v>0.92311555147171021</v>
      </c>
      <c r="C3681" s="21">
        <v>126644.68078534216</v>
      </c>
      <c r="D3681">
        <f t="shared" si="57"/>
        <v>3</v>
      </c>
    </row>
    <row r="3682" spans="1:4" x14ac:dyDescent="0.25">
      <c r="A3682" s="20">
        <v>43709.166666657751</v>
      </c>
      <c r="B3682" s="22">
        <v>0.8267398476600647</v>
      </c>
      <c r="C3682" s="21">
        <v>113422.64132860294</v>
      </c>
      <c r="D3682">
        <f t="shared" si="57"/>
        <v>4</v>
      </c>
    </row>
    <row r="3683" spans="1:4" x14ac:dyDescent="0.25">
      <c r="A3683" s="20">
        <v>43709.208333324415</v>
      </c>
      <c r="B3683" s="22">
        <v>0.85458779335021973</v>
      </c>
      <c r="C3683" s="21">
        <v>117243.17515758514</v>
      </c>
      <c r="D3683">
        <f t="shared" si="57"/>
        <v>5</v>
      </c>
    </row>
    <row r="3684" spans="1:4" x14ac:dyDescent="0.25">
      <c r="A3684" s="20">
        <v>43709.24999999108</v>
      </c>
      <c r="B3684" s="22">
        <v>0.79771101474761963</v>
      </c>
      <c r="C3684" s="21">
        <v>109440.09843686367</v>
      </c>
      <c r="D3684">
        <f t="shared" si="57"/>
        <v>6</v>
      </c>
    </row>
    <row r="3685" spans="1:4" x14ac:dyDescent="0.25">
      <c r="A3685" s="20">
        <v>43709.291666657744</v>
      </c>
      <c r="B3685" s="22">
        <v>0.87519627809524536</v>
      </c>
      <c r="C3685" s="21">
        <v>120070.50806064626</v>
      </c>
      <c r="D3685">
        <f t="shared" si="57"/>
        <v>7</v>
      </c>
    </row>
    <row r="3686" spans="1:4" x14ac:dyDescent="0.25">
      <c r="A3686" s="20">
        <v>43709.333333324408</v>
      </c>
      <c r="B3686" s="22">
        <v>1.1358113288879395</v>
      </c>
      <c r="C3686" s="21">
        <v>155824.98090305072</v>
      </c>
      <c r="D3686">
        <f t="shared" si="57"/>
        <v>8</v>
      </c>
    </row>
    <row r="3687" spans="1:4" x14ac:dyDescent="0.25">
      <c r="A3687" s="20">
        <v>43709.374999991072</v>
      </c>
      <c r="B3687" s="22">
        <v>1.4213809967041016</v>
      </c>
      <c r="C3687" s="21">
        <v>195003.04410965065</v>
      </c>
      <c r="D3687">
        <f t="shared" si="57"/>
        <v>9</v>
      </c>
    </row>
    <row r="3688" spans="1:4" x14ac:dyDescent="0.25">
      <c r="A3688" s="20">
        <v>43709.416666657737</v>
      </c>
      <c r="B3688" s="22">
        <v>1.5751533508300781</v>
      </c>
      <c r="C3688" s="21">
        <v>216099.48287167461</v>
      </c>
      <c r="D3688">
        <f t="shared" si="57"/>
        <v>10</v>
      </c>
    </row>
    <row r="3689" spans="1:4" x14ac:dyDescent="0.25">
      <c r="A3689" s="20">
        <v>43709.458333324401</v>
      </c>
      <c r="B3689" s="22">
        <v>1.7738280296325684</v>
      </c>
      <c r="C3689" s="21">
        <v>243356.19113204113</v>
      </c>
      <c r="D3689">
        <f t="shared" si="57"/>
        <v>11</v>
      </c>
    </row>
    <row r="3690" spans="1:4" x14ac:dyDescent="0.25">
      <c r="A3690" s="20">
        <v>43709.499999991065</v>
      </c>
      <c r="B3690" s="22">
        <v>1.9838262796401978</v>
      </c>
      <c r="C3690" s="21">
        <v>272166.41028098343</v>
      </c>
      <c r="D3690">
        <f t="shared" si="57"/>
        <v>12</v>
      </c>
    </row>
    <row r="3691" spans="1:4" x14ac:dyDescent="0.25">
      <c r="A3691" s="20">
        <v>43709.541666657729</v>
      </c>
      <c r="B3691" s="22">
        <v>2.0996396541595459</v>
      </c>
      <c r="C3691" s="21">
        <v>288055.15554509743</v>
      </c>
      <c r="D3691">
        <f t="shared" si="57"/>
        <v>13</v>
      </c>
    </row>
    <row r="3692" spans="1:4" x14ac:dyDescent="0.25">
      <c r="A3692" s="20">
        <v>43709.583333324394</v>
      </c>
      <c r="B3692" s="22">
        <v>2.3781697750091553</v>
      </c>
      <c r="C3692" s="21">
        <v>326267.444556873</v>
      </c>
      <c r="D3692">
        <f t="shared" si="57"/>
        <v>14</v>
      </c>
    </row>
    <row r="3693" spans="1:4" x14ac:dyDescent="0.25">
      <c r="A3693" s="20">
        <v>43709.624999991058</v>
      </c>
      <c r="B3693" s="22">
        <v>2.5210189819335938</v>
      </c>
      <c r="C3693" s="21">
        <v>345865.30766571395</v>
      </c>
      <c r="D3693">
        <f t="shared" si="57"/>
        <v>15</v>
      </c>
    </row>
    <row r="3694" spans="1:4" x14ac:dyDescent="0.25">
      <c r="A3694" s="20">
        <v>43709.666666657722</v>
      </c>
      <c r="B3694" s="22">
        <v>2.6132798194885254</v>
      </c>
      <c r="C3694" s="21">
        <v>358522.81766270672</v>
      </c>
      <c r="D3694">
        <f t="shared" si="57"/>
        <v>16</v>
      </c>
    </row>
    <row r="3695" spans="1:4" x14ac:dyDescent="0.25">
      <c r="A3695" s="20">
        <v>43709.708333324386</v>
      </c>
      <c r="B3695" s="22">
        <v>2.6837000846862793</v>
      </c>
      <c r="C3695" s="21">
        <v>368183.96137604822</v>
      </c>
      <c r="D3695">
        <f t="shared" si="57"/>
        <v>17</v>
      </c>
    </row>
    <row r="3696" spans="1:4" x14ac:dyDescent="0.25">
      <c r="A3696" s="20">
        <v>43709.749999991051</v>
      </c>
      <c r="B3696" s="22">
        <v>2.5430076122283936</v>
      </c>
      <c r="C3696" s="21">
        <v>348881.98641210934</v>
      </c>
      <c r="D3696">
        <f t="shared" si="57"/>
        <v>18</v>
      </c>
    </row>
    <row r="3697" spans="1:4" x14ac:dyDescent="0.25">
      <c r="A3697" s="20">
        <v>43709.791666657715</v>
      </c>
      <c r="B3697" s="22">
        <v>2.3004465103149414</v>
      </c>
      <c r="C3697" s="21">
        <v>315604.38289454865</v>
      </c>
      <c r="D3697">
        <f t="shared" si="57"/>
        <v>19</v>
      </c>
    </row>
    <row r="3698" spans="1:4" x14ac:dyDescent="0.25">
      <c r="A3698" s="20">
        <v>43709.833333324379</v>
      </c>
      <c r="B3698" s="22">
        <v>2.2497794628143311</v>
      </c>
      <c r="C3698" s="21">
        <v>308653.23572037258</v>
      </c>
      <c r="D3698">
        <f t="shared" si="57"/>
        <v>20</v>
      </c>
    </row>
    <row r="3699" spans="1:4" x14ac:dyDescent="0.25">
      <c r="A3699" s="20">
        <v>43709.874999991043</v>
      </c>
      <c r="B3699" s="22">
        <v>1.9714738130569458</v>
      </c>
      <c r="C3699" s="21">
        <v>270471.74249551119</v>
      </c>
      <c r="D3699">
        <f t="shared" si="57"/>
        <v>21</v>
      </c>
    </row>
    <row r="3700" spans="1:4" x14ac:dyDescent="0.25">
      <c r="A3700" s="20">
        <v>43709.916666657708</v>
      </c>
      <c r="B3700" s="22">
        <v>1.6675349473953247</v>
      </c>
      <c r="C3700" s="21">
        <v>228773.5601188766</v>
      </c>
      <c r="D3700">
        <f t="shared" si="57"/>
        <v>22</v>
      </c>
    </row>
    <row r="3701" spans="1:4" x14ac:dyDescent="0.25">
      <c r="A3701" s="20">
        <v>43709.958333324372</v>
      </c>
      <c r="B3701" s="22">
        <v>1.4580668210983276</v>
      </c>
      <c r="C3701" s="21">
        <v>200036.07005352815</v>
      </c>
      <c r="D3701">
        <f t="shared" si="57"/>
        <v>23</v>
      </c>
    </row>
    <row r="3702" spans="1:4" x14ac:dyDescent="0.25">
      <c r="A3702" s="20">
        <v>43709.999999991036</v>
      </c>
      <c r="B3702" s="22">
        <v>1.1849925518035889</v>
      </c>
      <c r="C3702" s="21">
        <v>162572.28384562937</v>
      </c>
      <c r="D3702">
        <f t="shared" si="57"/>
        <v>0</v>
      </c>
    </row>
    <row r="3703" spans="1:4" x14ac:dyDescent="0.25">
      <c r="A3703" s="20">
        <v>43710.0416666577</v>
      </c>
      <c r="B3703" s="22">
        <v>1.0385959148406982</v>
      </c>
      <c r="C3703" s="21">
        <v>142487.73936292154</v>
      </c>
      <c r="D3703">
        <f t="shared" si="57"/>
        <v>1</v>
      </c>
    </row>
    <row r="3704" spans="1:4" x14ac:dyDescent="0.25">
      <c r="A3704" s="20">
        <v>43710.083333324365</v>
      </c>
      <c r="B3704" s="22">
        <v>0.97928071022033691</v>
      </c>
      <c r="C3704" s="21">
        <v>134350.12848323621</v>
      </c>
      <c r="D3704">
        <f t="shared" si="57"/>
        <v>2</v>
      </c>
    </row>
    <row r="3705" spans="1:4" x14ac:dyDescent="0.25">
      <c r="A3705" s="20">
        <v>43710.124999991029</v>
      </c>
      <c r="B3705" s="22">
        <v>0.88960766792297363</v>
      </c>
      <c r="C3705" s="21">
        <v>122047.64500899037</v>
      </c>
      <c r="D3705">
        <f t="shared" si="57"/>
        <v>3</v>
      </c>
    </row>
    <row r="3706" spans="1:4" x14ac:dyDescent="0.25">
      <c r="A3706" s="20">
        <v>43710.166666657693</v>
      </c>
      <c r="B3706" s="22">
        <v>0.91352337598800659</v>
      </c>
      <c r="C3706" s="21">
        <v>125328.70468653859</v>
      </c>
      <c r="D3706">
        <f t="shared" si="57"/>
        <v>4</v>
      </c>
    </row>
    <row r="3707" spans="1:4" x14ac:dyDescent="0.25">
      <c r="A3707" s="20">
        <v>43710.208333324357</v>
      </c>
      <c r="B3707" s="22">
        <v>0.88860493898391724</v>
      </c>
      <c r="C3707" s="21">
        <v>121910.0779555499</v>
      </c>
      <c r="D3707">
        <f t="shared" si="57"/>
        <v>5</v>
      </c>
    </row>
    <row r="3708" spans="1:4" x14ac:dyDescent="0.25">
      <c r="A3708" s="20">
        <v>43710.249999991021</v>
      </c>
      <c r="B3708" s="22">
        <v>0.889198899269104</v>
      </c>
      <c r="C3708" s="21">
        <v>121991.56494880523</v>
      </c>
      <c r="D3708">
        <f t="shared" si="57"/>
        <v>6</v>
      </c>
    </row>
    <row r="3709" spans="1:4" x14ac:dyDescent="0.25">
      <c r="A3709" s="20">
        <v>43710.291666657686</v>
      </c>
      <c r="B3709" s="22">
        <v>0.89009863138198853</v>
      </c>
      <c r="C3709" s="21">
        <v>122115.00159338013</v>
      </c>
      <c r="D3709">
        <f t="shared" si="57"/>
        <v>7</v>
      </c>
    </row>
    <row r="3710" spans="1:4" x14ac:dyDescent="0.25">
      <c r="A3710" s="20">
        <v>43710.33333332435</v>
      </c>
      <c r="B3710" s="22">
        <v>0.92037063837051392</v>
      </c>
      <c r="C3710" s="21">
        <v>126268.09884721937</v>
      </c>
      <c r="D3710">
        <f t="shared" si="57"/>
        <v>8</v>
      </c>
    </row>
    <row r="3711" spans="1:4" x14ac:dyDescent="0.25">
      <c r="A3711" s="20">
        <v>43710.374999991014</v>
      </c>
      <c r="B3711" s="22">
        <v>1.4838631153106689</v>
      </c>
      <c r="C3711" s="21">
        <v>203575.13235267179</v>
      </c>
      <c r="D3711">
        <f t="shared" si="57"/>
        <v>9</v>
      </c>
    </row>
    <row r="3712" spans="1:4" x14ac:dyDescent="0.25">
      <c r="A3712" s="20">
        <v>43710.416666657678</v>
      </c>
      <c r="B3712" s="22">
        <v>1.8483455181121826</v>
      </c>
      <c r="C3712" s="21">
        <v>253579.44381842532</v>
      </c>
      <c r="D3712">
        <f t="shared" si="57"/>
        <v>10</v>
      </c>
    </row>
    <row r="3713" spans="1:4" x14ac:dyDescent="0.25">
      <c r="A3713" s="20">
        <v>43710.458333324343</v>
      </c>
      <c r="B3713" s="22">
        <v>1.8828623294830322</v>
      </c>
      <c r="C3713" s="21">
        <v>258314.89708949186</v>
      </c>
      <c r="D3713">
        <f t="shared" si="57"/>
        <v>11</v>
      </c>
    </row>
    <row r="3714" spans="1:4" x14ac:dyDescent="0.25">
      <c r="A3714" s="20">
        <v>43710.499999991007</v>
      </c>
      <c r="B3714" s="22">
        <v>2.144556999206543</v>
      </c>
      <c r="C3714" s="21">
        <v>294217.48572806624</v>
      </c>
      <c r="D3714">
        <f t="shared" si="57"/>
        <v>12</v>
      </c>
    </row>
    <row r="3715" spans="1:4" x14ac:dyDescent="0.25">
      <c r="A3715" s="20">
        <v>43710.541666657671</v>
      </c>
      <c r="B3715" s="22">
        <v>2.2151196002960205</v>
      </c>
      <c r="C3715" s="21">
        <v>303898.15688143723</v>
      </c>
      <c r="D3715">
        <f t="shared" si="57"/>
        <v>13</v>
      </c>
    </row>
    <row r="3716" spans="1:4" x14ac:dyDescent="0.25">
      <c r="A3716" s="20">
        <v>43710.583333324335</v>
      </c>
      <c r="B3716" s="22">
        <v>2.5617868900299072</v>
      </c>
      <c r="C3716" s="21">
        <v>351458.36554336798</v>
      </c>
      <c r="D3716">
        <f t="shared" si="57"/>
        <v>14</v>
      </c>
    </row>
    <row r="3717" spans="1:4" x14ac:dyDescent="0.25">
      <c r="A3717" s="20">
        <v>43710.624999991</v>
      </c>
      <c r="B3717" s="22">
        <v>2.4928083419799805</v>
      </c>
      <c r="C3717" s="21">
        <v>341995.01484486437</v>
      </c>
      <c r="D3717">
        <f t="shared" si="57"/>
        <v>15</v>
      </c>
    </row>
    <row r="3718" spans="1:4" x14ac:dyDescent="0.25">
      <c r="A3718" s="20">
        <v>43710.666666657664</v>
      </c>
      <c r="B3718" s="22">
        <v>2.6242637634277344</v>
      </c>
      <c r="C3718" s="21">
        <v>360029.73418223386</v>
      </c>
      <c r="D3718">
        <f t="shared" si="57"/>
        <v>16</v>
      </c>
    </row>
    <row r="3719" spans="1:4" x14ac:dyDescent="0.25">
      <c r="A3719" s="20">
        <v>43710.708333324328</v>
      </c>
      <c r="B3719" s="22">
        <v>2.5615482330322266</v>
      </c>
      <c r="C3719" s="21">
        <v>351425.62355430686</v>
      </c>
      <c r="D3719">
        <f t="shared" ref="D3719:D3782" si="58">HOUR(A3719)</f>
        <v>17</v>
      </c>
    </row>
    <row r="3720" spans="1:4" x14ac:dyDescent="0.25">
      <c r="A3720" s="20">
        <v>43710.749999990992</v>
      </c>
      <c r="B3720" s="22">
        <v>2.649090051651001</v>
      </c>
      <c r="C3720" s="21">
        <v>363435.71877658711</v>
      </c>
      <c r="D3720">
        <f t="shared" si="58"/>
        <v>18</v>
      </c>
    </row>
    <row r="3721" spans="1:4" x14ac:dyDescent="0.25">
      <c r="A3721" s="20">
        <v>43710.791666657657</v>
      </c>
      <c r="B3721" s="22">
        <v>2.5385663509368896</v>
      </c>
      <c r="C3721" s="21">
        <v>348272.67794834223</v>
      </c>
      <c r="D3721">
        <f t="shared" si="58"/>
        <v>19</v>
      </c>
    </row>
    <row r="3722" spans="1:4" x14ac:dyDescent="0.25">
      <c r="A3722" s="20">
        <v>43710.833333324321</v>
      </c>
      <c r="B3722" s="22">
        <v>2.4643104076385498</v>
      </c>
      <c r="C3722" s="21">
        <v>338085.30734187819</v>
      </c>
      <c r="D3722">
        <f t="shared" si="58"/>
        <v>20</v>
      </c>
    </row>
    <row r="3723" spans="1:4" x14ac:dyDescent="0.25">
      <c r="A3723" s="20">
        <v>43710.874999990985</v>
      </c>
      <c r="B3723" s="22">
        <v>2.0880861282348633</v>
      </c>
      <c r="C3723" s="21">
        <v>286470.09655617253</v>
      </c>
      <c r="D3723">
        <f t="shared" si="58"/>
        <v>21</v>
      </c>
    </row>
    <row r="3724" spans="1:4" x14ac:dyDescent="0.25">
      <c r="A3724" s="20">
        <v>43710.916666657649</v>
      </c>
      <c r="B3724" s="22">
        <v>1.8008332252502441</v>
      </c>
      <c r="C3724" s="21">
        <v>247061.10583431617</v>
      </c>
      <c r="D3724">
        <f t="shared" si="58"/>
        <v>22</v>
      </c>
    </row>
    <row r="3725" spans="1:4" x14ac:dyDescent="0.25">
      <c r="A3725" s="20">
        <v>43710.958333324314</v>
      </c>
      <c r="B3725" s="22">
        <v>1.4261775016784668</v>
      </c>
      <c r="C3725" s="21">
        <v>195661.08940029205</v>
      </c>
      <c r="D3725">
        <f t="shared" si="58"/>
        <v>23</v>
      </c>
    </row>
    <row r="3726" spans="1:4" x14ac:dyDescent="0.25">
      <c r="A3726" s="20">
        <v>43710.999999990978</v>
      </c>
      <c r="B3726" s="22">
        <v>1.1405056715011597</v>
      </c>
      <c r="C3726" s="21">
        <v>156469.01026730577</v>
      </c>
      <c r="D3726">
        <f t="shared" si="58"/>
        <v>0</v>
      </c>
    </row>
    <row r="3727" spans="1:4" x14ac:dyDescent="0.25">
      <c r="A3727" s="20">
        <v>43711.041666657642</v>
      </c>
      <c r="B3727" s="22">
        <v>0.99640697240829468</v>
      </c>
      <c r="C3727" s="21">
        <v>136699.72600045067</v>
      </c>
      <c r="D3727">
        <f t="shared" si="58"/>
        <v>1</v>
      </c>
    </row>
    <row r="3728" spans="1:4" x14ac:dyDescent="0.25">
      <c r="A3728" s="20">
        <v>43711.083333324306</v>
      </c>
      <c r="B3728" s="22">
        <v>0.90379989147186279</v>
      </c>
      <c r="C3728" s="21">
        <v>123994.71395189548</v>
      </c>
      <c r="D3728">
        <f t="shared" si="58"/>
        <v>2</v>
      </c>
    </row>
    <row r="3729" spans="1:4" x14ac:dyDescent="0.25">
      <c r="A3729" s="20">
        <v>43711.124999990971</v>
      </c>
      <c r="B3729" s="22">
        <v>0.80035477876663208</v>
      </c>
      <c r="C3729" s="21">
        <v>109802.80346303922</v>
      </c>
      <c r="D3729">
        <f t="shared" si="58"/>
        <v>3</v>
      </c>
    </row>
    <row r="3730" spans="1:4" x14ac:dyDescent="0.25">
      <c r="A3730" s="20">
        <v>43711.166666657635</v>
      </c>
      <c r="B3730" s="22">
        <v>0.77972501516342163</v>
      </c>
      <c r="C3730" s="21">
        <v>106972.55125675762</v>
      </c>
      <c r="D3730">
        <f t="shared" si="58"/>
        <v>4</v>
      </c>
    </row>
    <row r="3731" spans="1:4" x14ac:dyDescent="0.25">
      <c r="A3731" s="20">
        <v>43711.208333324299</v>
      </c>
      <c r="B3731" s="22">
        <v>0.85540485382080078</v>
      </c>
      <c r="C3731" s="21">
        <v>117355.26985939586</v>
      </c>
      <c r="D3731">
        <f t="shared" si="58"/>
        <v>5</v>
      </c>
    </row>
    <row r="3732" spans="1:4" x14ac:dyDescent="0.25">
      <c r="A3732" s="20">
        <v>43711.249999990963</v>
      </c>
      <c r="B3732" s="22">
        <v>1.0187077522277832</v>
      </c>
      <c r="C3732" s="21">
        <v>139759.22937139988</v>
      </c>
      <c r="D3732">
        <f t="shared" si="58"/>
        <v>6</v>
      </c>
    </row>
    <row r="3733" spans="1:4" x14ac:dyDescent="0.25">
      <c r="A3733" s="20">
        <v>43711.291666657628</v>
      </c>
      <c r="B3733" s="22">
        <v>1.003429651260376</v>
      </c>
      <c r="C3733" s="21">
        <v>137663.18601373056</v>
      </c>
      <c r="D3733">
        <f t="shared" si="58"/>
        <v>7</v>
      </c>
    </row>
    <row r="3734" spans="1:4" x14ac:dyDescent="0.25">
      <c r="A3734" s="20">
        <v>43711.333333324292</v>
      </c>
      <c r="B3734" s="22">
        <v>0.98429691791534424</v>
      </c>
      <c r="C3734" s="21">
        <v>135038.31537519614</v>
      </c>
      <c r="D3734">
        <f t="shared" si="58"/>
        <v>8</v>
      </c>
    </row>
    <row r="3735" spans="1:4" x14ac:dyDescent="0.25">
      <c r="A3735" s="20">
        <v>43711.374999990956</v>
      </c>
      <c r="B3735" s="22">
        <v>1.2833131551742554</v>
      </c>
      <c r="C3735" s="21">
        <v>176061.14925218499</v>
      </c>
      <c r="D3735">
        <f t="shared" si="58"/>
        <v>9</v>
      </c>
    </row>
    <row r="3736" spans="1:4" x14ac:dyDescent="0.25">
      <c r="A3736" s="20">
        <v>43711.41666665762</v>
      </c>
      <c r="B3736" s="22">
        <v>1.4122356176376343</v>
      </c>
      <c r="C3736" s="21">
        <v>193748.36520115737</v>
      </c>
      <c r="D3736">
        <f t="shared" si="58"/>
        <v>10</v>
      </c>
    </row>
    <row r="3737" spans="1:4" x14ac:dyDescent="0.25">
      <c r="A3737" s="20">
        <v>43711.458333324284</v>
      </c>
      <c r="B3737" s="22">
        <v>1.6052942276000977</v>
      </c>
      <c r="C3737" s="21">
        <v>220234.5900216341</v>
      </c>
      <c r="D3737">
        <f t="shared" si="58"/>
        <v>11</v>
      </c>
    </row>
    <row r="3738" spans="1:4" x14ac:dyDescent="0.25">
      <c r="A3738" s="20">
        <v>43711.499999990949</v>
      </c>
      <c r="B3738" s="22">
        <v>1.9815175533294678</v>
      </c>
      <c r="C3738" s="21">
        <v>271849.66997022065</v>
      </c>
      <c r="D3738">
        <f t="shared" si="58"/>
        <v>12</v>
      </c>
    </row>
    <row r="3739" spans="1:4" x14ac:dyDescent="0.25">
      <c r="A3739" s="20">
        <v>43711.541666657613</v>
      </c>
      <c r="B3739" s="22">
        <v>2.195145845413208</v>
      </c>
      <c r="C3739" s="21">
        <v>301157.90425847407</v>
      </c>
      <c r="D3739">
        <f t="shared" si="58"/>
        <v>13</v>
      </c>
    </row>
    <row r="3740" spans="1:4" x14ac:dyDescent="0.25">
      <c r="A3740" s="20">
        <v>43711.583333324277</v>
      </c>
      <c r="B3740" s="22">
        <v>2.5068895816802979</v>
      </c>
      <c r="C3740" s="21">
        <v>343926.85761803127</v>
      </c>
      <c r="D3740">
        <f t="shared" si="58"/>
        <v>14</v>
      </c>
    </row>
    <row r="3741" spans="1:4" x14ac:dyDescent="0.25">
      <c r="A3741" s="20">
        <v>43711.624999990941</v>
      </c>
      <c r="B3741" s="22">
        <v>2.5811636447906494</v>
      </c>
      <c r="C3741" s="21">
        <v>354116.71412975859</v>
      </c>
      <c r="D3741">
        <f t="shared" si="58"/>
        <v>15</v>
      </c>
    </row>
    <row r="3742" spans="1:4" x14ac:dyDescent="0.25">
      <c r="A3742" s="20">
        <v>43711.666666657606</v>
      </c>
      <c r="B3742" s="22">
        <v>2.8586661815643311</v>
      </c>
      <c r="C3742" s="21">
        <v>392188.0261456765</v>
      </c>
      <c r="D3742">
        <f t="shared" si="58"/>
        <v>16</v>
      </c>
    </row>
    <row r="3743" spans="1:4" x14ac:dyDescent="0.25">
      <c r="A3743" s="20">
        <v>43711.70833332427</v>
      </c>
      <c r="B3743" s="22">
        <v>2.7531442642211914</v>
      </c>
      <c r="C3743" s="21">
        <v>377711.19329796481</v>
      </c>
      <c r="D3743">
        <f t="shared" si="58"/>
        <v>17</v>
      </c>
    </row>
    <row r="3744" spans="1:4" x14ac:dyDescent="0.25">
      <c r="A3744" s="20">
        <v>43711.749999990934</v>
      </c>
      <c r="B3744" s="22">
        <v>2.6075470447540283</v>
      </c>
      <c r="C3744" s="21">
        <v>357736.32303036388</v>
      </c>
      <c r="D3744">
        <f t="shared" si="58"/>
        <v>18</v>
      </c>
    </row>
    <row r="3745" spans="1:4" x14ac:dyDescent="0.25">
      <c r="A3745" s="20">
        <v>43711.791666657598</v>
      </c>
      <c r="B3745" s="22">
        <v>2.4022939205169678</v>
      </c>
      <c r="C3745" s="21">
        <v>329577.10032227013</v>
      </c>
      <c r="D3745">
        <f t="shared" si="58"/>
        <v>19</v>
      </c>
    </row>
    <row r="3746" spans="1:4" x14ac:dyDescent="0.25">
      <c r="A3746" s="20">
        <v>43711.833333324263</v>
      </c>
      <c r="B3746" s="22">
        <v>2.2840867042541504</v>
      </c>
      <c r="C3746" s="21">
        <v>313359.93753451132</v>
      </c>
      <c r="D3746">
        <f t="shared" si="58"/>
        <v>20</v>
      </c>
    </row>
    <row r="3747" spans="1:4" x14ac:dyDescent="0.25">
      <c r="A3747" s="20">
        <v>43711.874999990927</v>
      </c>
      <c r="B3747" s="22">
        <v>2.0707664489746094</v>
      </c>
      <c r="C3747" s="21">
        <v>284093.96363573545</v>
      </c>
      <c r="D3747">
        <f t="shared" si="58"/>
        <v>21</v>
      </c>
    </row>
    <row r="3748" spans="1:4" x14ac:dyDescent="0.25">
      <c r="A3748" s="20">
        <v>43711.916666657591</v>
      </c>
      <c r="B3748" s="22">
        <v>1.6716150045394897</v>
      </c>
      <c r="C3748" s="21">
        <v>229333.31402377502</v>
      </c>
      <c r="D3748">
        <f t="shared" si="58"/>
        <v>22</v>
      </c>
    </row>
    <row r="3749" spans="1:4" x14ac:dyDescent="0.25">
      <c r="A3749" s="20">
        <v>43711.958333324255</v>
      </c>
      <c r="B3749" s="22">
        <v>1.4034756422042847</v>
      </c>
      <c r="C3749" s="21">
        <v>192546.56084343066</v>
      </c>
      <c r="D3749">
        <f t="shared" si="58"/>
        <v>23</v>
      </c>
    </row>
    <row r="3750" spans="1:4" x14ac:dyDescent="0.25">
      <c r="A3750" s="20">
        <v>43711.99999999092</v>
      </c>
      <c r="B3750" s="22">
        <v>1.1005432605743408</v>
      </c>
      <c r="C3750" s="21">
        <v>150986.46069139309</v>
      </c>
      <c r="D3750">
        <f t="shared" si="58"/>
        <v>0</v>
      </c>
    </row>
    <row r="3751" spans="1:4" x14ac:dyDescent="0.25">
      <c r="A3751" s="20">
        <v>43712.041666657584</v>
      </c>
      <c r="B3751" s="22">
        <v>1.0107496976852417</v>
      </c>
      <c r="C3751" s="21">
        <v>138667.44267621776</v>
      </c>
      <c r="D3751">
        <f t="shared" si="58"/>
        <v>1</v>
      </c>
    </row>
    <row r="3752" spans="1:4" x14ac:dyDescent="0.25">
      <c r="A3752" s="20">
        <v>43712.083333324248</v>
      </c>
      <c r="B3752" s="22">
        <v>0.92706006765365601</v>
      </c>
      <c r="C3752" s="21">
        <v>127185.83946468486</v>
      </c>
      <c r="D3752">
        <f t="shared" si="58"/>
        <v>2</v>
      </c>
    </row>
    <row r="3753" spans="1:4" x14ac:dyDescent="0.25">
      <c r="A3753" s="20">
        <v>43712.124999990912</v>
      </c>
      <c r="B3753" s="22">
        <v>0.95144349336624146</v>
      </c>
      <c r="C3753" s="21">
        <v>130531.06657184419</v>
      </c>
      <c r="D3753">
        <f t="shared" si="58"/>
        <v>3</v>
      </c>
    </row>
    <row r="3754" spans="1:4" x14ac:dyDescent="0.25">
      <c r="A3754" s="20">
        <v>43712.166666657577</v>
      </c>
      <c r="B3754" s="22">
        <v>0.83456480503082275</v>
      </c>
      <c r="C3754" s="21">
        <v>114496.16806834711</v>
      </c>
      <c r="D3754">
        <f t="shared" si="58"/>
        <v>4</v>
      </c>
    </row>
    <row r="3755" spans="1:4" x14ac:dyDescent="0.25">
      <c r="A3755" s="20">
        <v>43712.208333324241</v>
      </c>
      <c r="B3755" s="22">
        <v>0.93062806129455566</v>
      </c>
      <c r="C3755" s="21">
        <v>127675.34201393285</v>
      </c>
      <c r="D3755">
        <f t="shared" si="58"/>
        <v>5</v>
      </c>
    </row>
    <row r="3756" spans="1:4" x14ac:dyDescent="0.25">
      <c r="A3756" s="20">
        <v>43712.249999990905</v>
      </c>
      <c r="B3756" s="22">
        <v>1.0593936443328857</v>
      </c>
      <c r="C3756" s="21">
        <v>145341.03525680912</v>
      </c>
      <c r="D3756">
        <f t="shared" si="58"/>
        <v>6</v>
      </c>
    </row>
    <row r="3757" spans="1:4" x14ac:dyDescent="0.25">
      <c r="A3757" s="20">
        <v>43712.291666657569</v>
      </c>
      <c r="B3757" s="22">
        <v>0.96642065048217773</v>
      </c>
      <c r="C3757" s="21">
        <v>132585.82264110947</v>
      </c>
      <c r="D3757">
        <f t="shared" si="58"/>
        <v>7</v>
      </c>
    </row>
    <row r="3758" spans="1:4" x14ac:dyDescent="0.25">
      <c r="A3758" s="20">
        <v>43712.333333324234</v>
      </c>
      <c r="B3758" s="22">
        <v>0.88251978158950806</v>
      </c>
      <c r="C3758" s="21">
        <v>121075.23900769027</v>
      </c>
      <c r="D3758">
        <f t="shared" si="58"/>
        <v>8</v>
      </c>
    </row>
    <row r="3759" spans="1:4" x14ac:dyDescent="0.25">
      <c r="A3759" s="20">
        <v>43712.374999990898</v>
      </c>
      <c r="B3759" s="22">
        <v>1.1016303300857544</v>
      </c>
      <c r="C3759" s="21">
        <v>151135.59865255619</v>
      </c>
      <c r="D3759">
        <f t="shared" si="58"/>
        <v>9</v>
      </c>
    </row>
    <row r="3760" spans="1:4" x14ac:dyDescent="0.25">
      <c r="A3760" s="20">
        <v>43712.416666657562</v>
      </c>
      <c r="B3760" s="22">
        <v>1.3264284133911133</v>
      </c>
      <c r="C3760" s="21">
        <v>181976.24634392641</v>
      </c>
      <c r="D3760">
        <f t="shared" si="58"/>
        <v>10</v>
      </c>
    </row>
    <row r="3761" spans="1:4" x14ac:dyDescent="0.25">
      <c r="A3761" s="20">
        <v>43712.458333324226</v>
      </c>
      <c r="B3761" s="22">
        <v>1.5131319761276245</v>
      </c>
      <c r="C3761" s="21">
        <v>207590.60531183096</v>
      </c>
      <c r="D3761">
        <f t="shared" si="58"/>
        <v>11</v>
      </c>
    </row>
    <row r="3762" spans="1:4" x14ac:dyDescent="0.25">
      <c r="A3762" s="20">
        <v>43712.499999990891</v>
      </c>
      <c r="B3762" s="22">
        <v>1.8194350004196167</v>
      </c>
      <c r="C3762" s="21">
        <v>249613.13290677752</v>
      </c>
      <c r="D3762">
        <f t="shared" si="58"/>
        <v>12</v>
      </c>
    </row>
    <row r="3763" spans="1:4" x14ac:dyDescent="0.25">
      <c r="A3763" s="20">
        <v>43712.541666657555</v>
      </c>
      <c r="B3763" s="22">
        <v>2.1192793846130371</v>
      </c>
      <c r="C3763" s="21">
        <v>290749.58246708696</v>
      </c>
      <c r="D3763">
        <f t="shared" si="58"/>
        <v>13</v>
      </c>
    </row>
    <row r="3764" spans="1:4" x14ac:dyDescent="0.25">
      <c r="A3764" s="20">
        <v>43712.583333324219</v>
      </c>
      <c r="B3764" s="22">
        <v>2.5932927131652832</v>
      </c>
      <c r="C3764" s="21">
        <v>355780.73332007573</v>
      </c>
      <c r="D3764">
        <f t="shared" si="58"/>
        <v>14</v>
      </c>
    </row>
    <row r="3765" spans="1:4" x14ac:dyDescent="0.25">
      <c r="A3765" s="20">
        <v>43712.624999990883</v>
      </c>
      <c r="B3765" s="22">
        <v>2.8464689254760742</v>
      </c>
      <c r="C3765" s="21">
        <v>390514.65210134193</v>
      </c>
      <c r="D3765">
        <f t="shared" si="58"/>
        <v>15</v>
      </c>
    </row>
    <row r="3766" spans="1:4" x14ac:dyDescent="0.25">
      <c r="A3766" s="20">
        <v>43712.666666657547</v>
      </c>
      <c r="B3766" s="22">
        <v>2.7989747524261475</v>
      </c>
      <c r="C3766" s="21">
        <v>383998.8000224962</v>
      </c>
      <c r="D3766">
        <f t="shared" si="58"/>
        <v>16</v>
      </c>
    </row>
    <row r="3767" spans="1:4" x14ac:dyDescent="0.25">
      <c r="A3767" s="20">
        <v>43712.708333324212</v>
      </c>
      <c r="B3767" s="22">
        <v>2.789621114730835</v>
      </c>
      <c r="C3767" s="21">
        <v>382715.54955811391</v>
      </c>
      <c r="D3767">
        <f t="shared" si="58"/>
        <v>17</v>
      </c>
    </row>
    <row r="3768" spans="1:4" x14ac:dyDescent="0.25">
      <c r="A3768" s="20">
        <v>43712.749999990876</v>
      </c>
      <c r="B3768" s="22">
        <v>2.7727899551391602</v>
      </c>
      <c r="C3768" s="21">
        <v>380406.43795194878</v>
      </c>
      <c r="D3768">
        <f t="shared" si="58"/>
        <v>18</v>
      </c>
    </row>
    <row r="3769" spans="1:4" x14ac:dyDescent="0.25">
      <c r="A3769" s="20">
        <v>43712.79166665754</v>
      </c>
      <c r="B3769" s="22">
        <v>2.7592921257019043</v>
      </c>
      <c r="C3769" s="21">
        <v>378554.63478640688</v>
      </c>
      <c r="D3769">
        <f t="shared" si="58"/>
        <v>19</v>
      </c>
    </row>
    <row r="3770" spans="1:4" x14ac:dyDescent="0.25">
      <c r="A3770" s="20">
        <v>43712.833333324204</v>
      </c>
      <c r="B3770" s="22">
        <v>2.6697027683258057</v>
      </c>
      <c r="C3770" s="21">
        <v>366263.63226936432</v>
      </c>
      <c r="D3770">
        <f t="shared" si="58"/>
        <v>20</v>
      </c>
    </row>
    <row r="3771" spans="1:4" x14ac:dyDescent="0.25">
      <c r="A3771" s="20">
        <v>43712.874999990869</v>
      </c>
      <c r="B3771" s="22">
        <v>2.1965315341949463</v>
      </c>
      <c r="C3771" s="21">
        <v>301348.01059256331</v>
      </c>
      <c r="D3771">
        <f t="shared" si="58"/>
        <v>21</v>
      </c>
    </row>
    <row r="3772" spans="1:4" x14ac:dyDescent="0.25">
      <c r="A3772" s="20">
        <v>43712.916666657533</v>
      </c>
      <c r="B3772" s="22">
        <v>1.9483202695846558</v>
      </c>
      <c r="C3772" s="21">
        <v>267295.24620810401</v>
      </c>
      <c r="D3772">
        <f t="shared" si="58"/>
        <v>22</v>
      </c>
    </row>
    <row r="3773" spans="1:4" x14ac:dyDescent="0.25">
      <c r="A3773" s="20">
        <v>43712.958333324197</v>
      </c>
      <c r="B3773" s="22">
        <v>1.6054327487945557</v>
      </c>
      <c r="C3773" s="21">
        <v>220253.59411318705</v>
      </c>
      <c r="D3773">
        <f t="shared" si="58"/>
        <v>23</v>
      </c>
    </row>
    <row r="3774" spans="1:4" x14ac:dyDescent="0.25">
      <c r="A3774" s="20">
        <v>43712.999999990861</v>
      </c>
      <c r="B3774" s="22">
        <v>1.2403261661529541</v>
      </c>
      <c r="C3774" s="21">
        <v>170163.64975296595</v>
      </c>
      <c r="D3774">
        <f t="shared" si="58"/>
        <v>0</v>
      </c>
    </row>
    <row r="3775" spans="1:4" x14ac:dyDescent="0.25">
      <c r="A3775" s="20">
        <v>43713.041666657526</v>
      </c>
      <c r="B3775" s="22">
        <v>1.1033035516738892</v>
      </c>
      <c r="C3775" s="21">
        <v>151365.15237806179</v>
      </c>
      <c r="D3775">
        <f t="shared" si="58"/>
        <v>1</v>
      </c>
    </row>
    <row r="3776" spans="1:4" x14ac:dyDescent="0.25">
      <c r="A3776" s="20">
        <v>43713.08333332419</v>
      </c>
      <c r="B3776" s="22">
        <v>0.95131748914718628</v>
      </c>
      <c r="C3776" s="21">
        <v>130513.77971747973</v>
      </c>
      <c r="D3776">
        <f t="shared" si="58"/>
        <v>2</v>
      </c>
    </row>
    <row r="3777" spans="1:4" x14ac:dyDescent="0.25">
      <c r="A3777" s="20">
        <v>43713.124999990854</v>
      </c>
      <c r="B3777" s="22">
        <v>0.85532337427139282</v>
      </c>
      <c r="C3777" s="21">
        <v>117344.09146303059</v>
      </c>
      <c r="D3777">
        <f t="shared" si="58"/>
        <v>3</v>
      </c>
    </row>
    <row r="3778" spans="1:4" x14ac:dyDescent="0.25">
      <c r="A3778" s="20">
        <v>43713.166666657518</v>
      </c>
      <c r="B3778" s="22">
        <v>0.86004340648651123</v>
      </c>
      <c r="C3778" s="21">
        <v>117991.6452521821</v>
      </c>
      <c r="D3778">
        <f t="shared" si="58"/>
        <v>4</v>
      </c>
    </row>
    <row r="3779" spans="1:4" x14ac:dyDescent="0.25">
      <c r="A3779" s="20">
        <v>43713.208333324183</v>
      </c>
      <c r="B3779" s="22">
        <v>0.89793276786804199</v>
      </c>
      <c r="C3779" s="21">
        <v>123189.78764039589</v>
      </c>
      <c r="D3779">
        <f t="shared" si="58"/>
        <v>5</v>
      </c>
    </row>
    <row r="3780" spans="1:4" x14ac:dyDescent="0.25">
      <c r="A3780" s="20">
        <v>43713.249999990847</v>
      </c>
      <c r="B3780" s="22">
        <v>1.2340457439422607</v>
      </c>
      <c r="C3780" s="21">
        <v>169302.0219049654</v>
      </c>
      <c r="D3780">
        <f t="shared" si="58"/>
        <v>6</v>
      </c>
    </row>
    <row r="3781" spans="1:4" x14ac:dyDescent="0.25">
      <c r="A3781" s="20">
        <v>43713.291666657511</v>
      </c>
      <c r="B3781" s="22">
        <v>1.0035715103149414</v>
      </c>
      <c r="C3781" s="21">
        <v>137682.64803520049</v>
      </c>
      <c r="D3781">
        <f t="shared" si="58"/>
        <v>7</v>
      </c>
    </row>
    <row r="3782" spans="1:4" x14ac:dyDescent="0.25">
      <c r="A3782" s="20">
        <v>43713.333333324175</v>
      </c>
      <c r="B3782" s="22">
        <v>0.96781224012374878</v>
      </c>
      <c r="C3782" s="21">
        <v>132776.73852987331</v>
      </c>
      <c r="D3782">
        <f t="shared" si="58"/>
        <v>8</v>
      </c>
    </row>
    <row r="3783" spans="1:4" x14ac:dyDescent="0.25">
      <c r="A3783" s="20">
        <v>43713.37499999084</v>
      </c>
      <c r="B3783" s="22">
        <v>1.0067788362503052</v>
      </c>
      <c r="C3783" s="21">
        <v>138122.66962145921</v>
      </c>
      <c r="D3783">
        <f t="shared" ref="D3783:D3846" si="59">HOUR(A3783)</f>
        <v>9</v>
      </c>
    </row>
    <row r="3784" spans="1:4" x14ac:dyDescent="0.25">
      <c r="A3784" s="20">
        <v>43713.416666657504</v>
      </c>
      <c r="B3784" s="22">
        <v>1.125264048576355</v>
      </c>
      <c r="C3784" s="21">
        <v>154377.97142944305</v>
      </c>
      <c r="D3784">
        <f t="shared" si="59"/>
        <v>10</v>
      </c>
    </row>
    <row r="3785" spans="1:4" x14ac:dyDescent="0.25">
      <c r="A3785" s="20">
        <v>43713.458333324168</v>
      </c>
      <c r="B3785" s="22">
        <v>1.2452365159988403</v>
      </c>
      <c r="C3785" s="21">
        <v>170837.31372470298</v>
      </c>
      <c r="D3785">
        <f t="shared" si="59"/>
        <v>11</v>
      </c>
    </row>
    <row r="3786" spans="1:4" x14ac:dyDescent="0.25">
      <c r="A3786" s="20">
        <v>43713.499999990832</v>
      </c>
      <c r="B3786" s="22">
        <v>1.4330198764801025</v>
      </c>
      <c r="C3786" s="21">
        <v>196599.81302073732</v>
      </c>
      <c r="D3786">
        <f t="shared" si="59"/>
        <v>12</v>
      </c>
    </row>
    <row r="3787" spans="1:4" x14ac:dyDescent="0.25">
      <c r="A3787" s="20">
        <v>43713.541666657497</v>
      </c>
      <c r="B3787" s="22">
        <v>1.5329315662384033</v>
      </c>
      <c r="C3787" s="21">
        <v>210306.96380591384</v>
      </c>
      <c r="D3787">
        <f t="shared" si="59"/>
        <v>13</v>
      </c>
    </row>
    <row r="3788" spans="1:4" x14ac:dyDescent="0.25">
      <c r="A3788" s="20">
        <v>43713.583333324161</v>
      </c>
      <c r="B3788" s="22">
        <v>1.8703931570053101</v>
      </c>
      <c r="C3788" s="21">
        <v>256604.21811156662</v>
      </c>
      <c r="D3788">
        <f t="shared" si="59"/>
        <v>14</v>
      </c>
    </row>
    <row r="3789" spans="1:4" x14ac:dyDescent="0.25">
      <c r="A3789" s="20">
        <v>43713.624999990825</v>
      </c>
      <c r="B3789" s="22">
        <v>1.9320746660232544</v>
      </c>
      <c r="C3789" s="21">
        <v>265066.46859308198</v>
      </c>
      <c r="D3789">
        <f t="shared" si="59"/>
        <v>15</v>
      </c>
    </row>
    <row r="3790" spans="1:4" x14ac:dyDescent="0.25">
      <c r="A3790" s="20">
        <v>43713.666666657489</v>
      </c>
      <c r="B3790" s="22">
        <v>1.930222749710083</v>
      </c>
      <c r="C3790" s="21">
        <v>264812.39926238026</v>
      </c>
      <c r="D3790">
        <f t="shared" si="59"/>
        <v>16</v>
      </c>
    </row>
    <row r="3791" spans="1:4" x14ac:dyDescent="0.25">
      <c r="A3791" s="20">
        <v>43713.708333324154</v>
      </c>
      <c r="B3791" s="22">
        <v>2.0870609283447266</v>
      </c>
      <c r="C3791" s="21">
        <v>286329.44665311271</v>
      </c>
      <c r="D3791">
        <f t="shared" si="59"/>
        <v>17</v>
      </c>
    </row>
    <row r="3792" spans="1:4" x14ac:dyDescent="0.25">
      <c r="A3792" s="20">
        <v>43713.749999990818</v>
      </c>
      <c r="B3792" s="22">
        <v>2.1054642200469971</v>
      </c>
      <c r="C3792" s="21">
        <v>288854.24325015605</v>
      </c>
      <c r="D3792">
        <f t="shared" si="59"/>
        <v>18</v>
      </c>
    </row>
    <row r="3793" spans="1:4" x14ac:dyDescent="0.25">
      <c r="A3793" s="20">
        <v>43713.791666657482</v>
      </c>
      <c r="B3793" s="22">
        <v>1.8168087005615234</v>
      </c>
      <c r="C3793" s="21">
        <v>249252.82383534595</v>
      </c>
      <c r="D3793">
        <f t="shared" si="59"/>
        <v>19</v>
      </c>
    </row>
    <row r="3794" spans="1:4" x14ac:dyDescent="0.25">
      <c r="A3794" s="20">
        <v>43713.833333324146</v>
      </c>
      <c r="B3794" s="22">
        <v>1.9755856990814209</v>
      </c>
      <c r="C3794" s="21">
        <v>271035.86308926041</v>
      </c>
      <c r="D3794">
        <f t="shared" si="59"/>
        <v>20</v>
      </c>
    </row>
    <row r="3795" spans="1:4" x14ac:dyDescent="0.25">
      <c r="A3795" s="20">
        <v>43713.87499999081</v>
      </c>
      <c r="B3795" s="22">
        <v>1.9032135009765625</v>
      </c>
      <c r="C3795" s="21">
        <v>261106.92850234892</v>
      </c>
      <c r="D3795">
        <f t="shared" si="59"/>
        <v>21</v>
      </c>
    </row>
    <row r="3796" spans="1:4" x14ac:dyDescent="0.25">
      <c r="A3796" s="20">
        <v>43713.916666657475</v>
      </c>
      <c r="B3796" s="22">
        <v>1.6330869197845459</v>
      </c>
      <c r="C3796" s="21">
        <v>224047.54347502696</v>
      </c>
      <c r="D3796">
        <f t="shared" si="59"/>
        <v>22</v>
      </c>
    </row>
    <row r="3797" spans="1:4" x14ac:dyDescent="0.25">
      <c r="A3797" s="20">
        <v>43713.958333324139</v>
      </c>
      <c r="B3797" s="22">
        <v>1.2514338493347168</v>
      </c>
      <c r="C3797" s="21">
        <v>171687.54238869975</v>
      </c>
      <c r="D3797">
        <f t="shared" si="59"/>
        <v>23</v>
      </c>
    </row>
    <row r="3798" spans="1:4" x14ac:dyDescent="0.25">
      <c r="A3798" s="20">
        <v>43713.999999990803</v>
      </c>
      <c r="B3798" s="22">
        <v>1.0252258777618408</v>
      </c>
      <c r="C3798" s="21">
        <v>140653.46837134246</v>
      </c>
      <c r="D3798">
        <f t="shared" si="59"/>
        <v>0</v>
      </c>
    </row>
    <row r="3799" spans="1:4" x14ac:dyDescent="0.25">
      <c r="A3799" s="20">
        <v>43714.041666657467</v>
      </c>
      <c r="B3799" s="22">
        <v>0.84565472602844238</v>
      </c>
      <c r="C3799" s="21">
        <v>116017.62386273718</v>
      </c>
      <c r="D3799">
        <f t="shared" si="59"/>
        <v>1</v>
      </c>
    </row>
    <row r="3800" spans="1:4" x14ac:dyDescent="0.25">
      <c r="A3800" s="20">
        <v>43714.083333324132</v>
      </c>
      <c r="B3800" s="22">
        <v>0.74603933095932007</v>
      </c>
      <c r="C3800" s="21">
        <v>102351.12253500889</v>
      </c>
      <c r="D3800">
        <f t="shared" si="59"/>
        <v>2</v>
      </c>
    </row>
    <row r="3801" spans="1:4" x14ac:dyDescent="0.25">
      <c r="A3801" s="20">
        <v>43714.124999990796</v>
      </c>
      <c r="B3801" s="22">
        <v>0.72105997800827026</v>
      </c>
      <c r="C3801" s="21">
        <v>98924.138583036067</v>
      </c>
      <c r="D3801">
        <f t="shared" si="59"/>
        <v>3</v>
      </c>
    </row>
    <row r="3802" spans="1:4" x14ac:dyDescent="0.25">
      <c r="A3802" s="20">
        <v>43714.16666665746</v>
      </c>
      <c r="B3802" s="22">
        <v>0.67393893003463745</v>
      </c>
      <c r="C3802" s="21">
        <v>92459.476527048158</v>
      </c>
      <c r="D3802">
        <f t="shared" si="59"/>
        <v>4</v>
      </c>
    </row>
    <row r="3803" spans="1:4" x14ac:dyDescent="0.25">
      <c r="A3803" s="20">
        <v>43714.208333324124</v>
      </c>
      <c r="B3803" s="22">
        <v>0.74381172657012939</v>
      </c>
      <c r="C3803" s="21">
        <v>102045.51155669169</v>
      </c>
      <c r="D3803">
        <f t="shared" si="59"/>
        <v>5</v>
      </c>
    </row>
    <row r="3804" spans="1:4" x14ac:dyDescent="0.25">
      <c r="A3804" s="20">
        <v>43714.249999990789</v>
      </c>
      <c r="B3804" s="22">
        <v>0.97044849395751953</v>
      </c>
      <c r="C3804" s="21">
        <v>133138.41321373577</v>
      </c>
      <c r="D3804">
        <f t="shared" si="59"/>
        <v>6</v>
      </c>
    </row>
    <row r="3805" spans="1:4" x14ac:dyDescent="0.25">
      <c r="A3805" s="20">
        <v>43714.291666657453</v>
      </c>
      <c r="B3805" s="22">
        <v>0.88082820177078247</v>
      </c>
      <c r="C3805" s="21">
        <v>120843.16666764153</v>
      </c>
      <c r="D3805">
        <f t="shared" si="59"/>
        <v>7</v>
      </c>
    </row>
    <row r="3806" spans="1:4" x14ac:dyDescent="0.25">
      <c r="A3806" s="20">
        <v>43714.333333324117</v>
      </c>
      <c r="B3806" s="22">
        <v>0.79081618785858154</v>
      </c>
      <c r="C3806" s="21">
        <v>108494.17877486654</v>
      </c>
      <c r="D3806">
        <f t="shared" si="59"/>
        <v>8</v>
      </c>
    </row>
    <row r="3807" spans="1:4" x14ac:dyDescent="0.25">
      <c r="A3807" s="20">
        <v>43714.374999990781</v>
      </c>
      <c r="B3807" s="22">
        <v>0.81994724273681641</v>
      </c>
      <c r="C3807" s="21">
        <v>112490.74577031206</v>
      </c>
      <c r="D3807">
        <f t="shared" si="59"/>
        <v>9</v>
      </c>
    </row>
    <row r="3808" spans="1:4" x14ac:dyDescent="0.25">
      <c r="A3808" s="20">
        <v>43714.416666657446</v>
      </c>
      <c r="B3808" s="22">
        <v>0.9197542667388916</v>
      </c>
      <c r="C3808" s="21">
        <v>126183.53718166461</v>
      </c>
      <c r="D3808">
        <f t="shared" si="59"/>
        <v>10</v>
      </c>
    </row>
    <row r="3809" spans="1:4" x14ac:dyDescent="0.25">
      <c r="A3809" s="20">
        <v>43714.45833332411</v>
      </c>
      <c r="B3809" s="22">
        <v>1.1086835861206055</v>
      </c>
      <c r="C3809" s="21">
        <v>152103.25363096804</v>
      </c>
      <c r="D3809">
        <f t="shared" si="59"/>
        <v>11</v>
      </c>
    </row>
    <row r="3810" spans="1:4" x14ac:dyDescent="0.25">
      <c r="A3810" s="20">
        <v>43714.499999990774</v>
      </c>
      <c r="B3810" s="22">
        <v>1.328279972076416</v>
      </c>
      <c r="C3810" s="21">
        <v>182230.26661070844</v>
      </c>
      <c r="D3810">
        <f t="shared" si="59"/>
        <v>12</v>
      </c>
    </row>
    <row r="3811" spans="1:4" x14ac:dyDescent="0.25">
      <c r="A3811" s="20">
        <v>43714.541666657438</v>
      </c>
      <c r="B3811" s="22">
        <v>1.5165876150131226</v>
      </c>
      <c r="C3811" s="21">
        <v>208064.693612982</v>
      </c>
      <c r="D3811">
        <f t="shared" si="59"/>
        <v>13</v>
      </c>
    </row>
    <row r="3812" spans="1:4" x14ac:dyDescent="0.25">
      <c r="A3812" s="20">
        <v>43714.583333324103</v>
      </c>
      <c r="B3812" s="22">
        <v>1.6690499782562256</v>
      </c>
      <c r="C3812" s="21">
        <v>228981.41123724723</v>
      </c>
      <c r="D3812">
        <f t="shared" si="59"/>
        <v>14</v>
      </c>
    </row>
    <row r="3813" spans="1:4" x14ac:dyDescent="0.25">
      <c r="A3813" s="20">
        <v>43714.624999990767</v>
      </c>
      <c r="B3813" s="22">
        <v>1.9109994173049927</v>
      </c>
      <c r="C3813" s="21">
        <v>262175.0990975289</v>
      </c>
      <c r="D3813">
        <f t="shared" si="59"/>
        <v>15</v>
      </c>
    </row>
    <row r="3814" spans="1:4" x14ac:dyDescent="0.25">
      <c r="A3814" s="20">
        <v>43714.666666657431</v>
      </c>
      <c r="B3814" s="22">
        <v>2.087045431137085</v>
      </c>
      <c r="C3814" s="21">
        <v>286327.3205499269</v>
      </c>
      <c r="D3814">
        <f t="shared" si="59"/>
        <v>16</v>
      </c>
    </row>
    <row r="3815" spans="1:4" x14ac:dyDescent="0.25">
      <c r="A3815" s="20">
        <v>43714.708333324095</v>
      </c>
      <c r="B3815" s="22">
        <v>2.1430797576904297</v>
      </c>
      <c r="C3815" s="21">
        <v>294014.81903054094</v>
      </c>
      <c r="D3815">
        <f t="shared" si="59"/>
        <v>17</v>
      </c>
    </row>
    <row r="3816" spans="1:4" x14ac:dyDescent="0.25">
      <c r="A3816" s="20">
        <v>43714.74999999076</v>
      </c>
      <c r="B3816" s="22">
        <v>1.9955121278762817</v>
      </c>
      <c r="C3816" s="21">
        <v>273769.62292018702</v>
      </c>
      <c r="D3816">
        <f t="shared" si="59"/>
        <v>18</v>
      </c>
    </row>
    <row r="3817" spans="1:4" x14ac:dyDescent="0.25">
      <c r="A3817" s="20">
        <v>43714.791666657424</v>
      </c>
      <c r="B3817" s="22">
        <v>1.720304012298584</v>
      </c>
      <c r="C3817" s="21">
        <v>236013.08865824502</v>
      </c>
      <c r="D3817">
        <f t="shared" si="59"/>
        <v>19</v>
      </c>
    </row>
    <row r="3818" spans="1:4" x14ac:dyDescent="0.25">
      <c r="A3818" s="20">
        <v>43714.833333324088</v>
      </c>
      <c r="B3818" s="22">
        <v>1.7408995628356934</v>
      </c>
      <c r="C3818" s="21">
        <v>238838.64708287799</v>
      </c>
      <c r="D3818">
        <f t="shared" si="59"/>
        <v>20</v>
      </c>
    </row>
    <row r="3819" spans="1:4" x14ac:dyDescent="0.25">
      <c r="A3819" s="20">
        <v>43714.874999990752</v>
      </c>
      <c r="B3819" s="22">
        <v>1.7998635768890381</v>
      </c>
      <c r="C3819" s="21">
        <v>246928.07719344538</v>
      </c>
      <c r="D3819">
        <f t="shared" si="59"/>
        <v>21</v>
      </c>
    </row>
    <row r="3820" spans="1:4" x14ac:dyDescent="0.25">
      <c r="A3820" s="20">
        <v>43714.916666657416</v>
      </c>
      <c r="B3820" s="22">
        <v>1.4812057018280029</v>
      </c>
      <c r="C3820" s="21">
        <v>203210.55472022877</v>
      </c>
      <c r="D3820">
        <f t="shared" si="59"/>
        <v>22</v>
      </c>
    </row>
    <row r="3821" spans="1:4" x14ac:dyDescent="0.25">
      <c r="A3821" s="20">
        <v>43714.958333324081</v>
      </c>
      <c r="B3821" s="22">
        <v>1.1501426696777344</v>
      </c>
      <c r="C3821" s="21">
        <v>157791.13571070824</v>
      </c>
      <c r="D3821">
        <f t="shared" si="59"/>
        <v>23</v>
      </c>
    </row>
    <row r="3822" spans="1:4" x14ac:dyDescent="0.25">
      <c r="A3822" s="20">
        <v>43714.999999990745</v>
      </c>
      <c r="B3822" s="22">
        <v>0.98117661476135254</v>
      </c>
      <c r="C3822" s="21">
        <v>134610.23267605758</v>
      </c>
      <c r="D3822">
        <f t="shared" si="59"/>
        <v>0</v>
      </c>
    </row>
    <row r="3823" spans="1:4" x14ac:dyDescent="0.25">
      <c r="A3823" s="20">
        <v>43715.041666657409</v>
      </c>
      <c r="B3823" s="22">
        <v>0.96664690971374512</v>
      </c>
      <c r="C3823" s="21">
        <v>132616.86374762197</v>
      </c>
      <c r="D3823">
        <f t="shared" si="59"/>
        <v>1</v>
      </c>
    </row>
    <row r="3824" spans="1:4" x14ac:dyDescent="0.25">
      <c r="A3824" s="20">
        <v>43715.083333324073</v>
      </c>
      <c r="B3824" s="22">
        <v>0.84462159872055054</v>
      </c>
      <c r="C3824" s="21">
        <v>115875.88637612459</v>
      </c>
      <c r="D3824">
        <f t="shared" si="59"/>
        <v>2</v>
      </c>
    </row>
    <row r="3825" spans="1:4" x14ac:dyDescent="0.25">
      <c r="A3825" s="20">
        <v>43715.124999990738</v>
      </c>
      <c r="B3825" s="22">
        <v>0.85789519548416138</v>
      </c>
      <c r="C3825" s="21">
        <v>117696.92646403211</v>
      </c>
      <c r="D3825">
        <f t="shared" si="59"/>
        <v>3</v>
      </c>
    </row>
    <row r="3826" spans="1:4" x14ac:dyDescent="0.25">
      <c r="A3826" s="20">
        <v>43715.166666657402</v>
      </c>
      <c r="B3826" s="22">
        <v>0.82402139902114868</v>
      </c>
      <c r="C3826" s="21">
        <v>113049.69012053589</v>
      </c>
      <c r="D3826">
        <f t="shared" si="59"/>
        <v>4</v>
      </c>
    </row>
    <row r="3827" spans="1:4" x14ac:dyDescent="0.25">
      <c r="A3827" s="20">
        <v>43715.208333324066</v>
      </c>
      <c r="B3827" s="22">
        <v>0.7531859278678894</v>
      </c>
      <c r="C3827" s="21">
        <v>103331.58319645516</v>
      </c>
      <c r="D3827">
        <f t="shared" si="59"/>
        <v>5</v>
      </c>
    </row>
    <row r="3828" spans="1:4" x14ac:dyDescent="0.25">
      <c r="A3828" s="20">
        <v>43715.24999999073</v>
      </c>
      <c r="B3828" s="22">
        <v>0.75416308641433716</v>
      </c>
      <c r="C3828" s="21">
        <v>103465.64217963905</v>
      </c>
      <c r="D3828">
        <f t="shared" si="59"/>
        <v>6</v>
      </c>
    </row>
    <row r="3829" spans="1:4" x14ac:dyDescent="0.25">
      <c r="A3829" s="20">
        <v>43715.291666657395</v>
      </c>
      <c r="B3829" s="22">
        <v>0.90467119216918945</v>
      </c>
      <c r="C3829" s="21">
        <v>124114.25001485646</v>
      </c>
      <c r="D3829">
        <f t="shared" si="59"/>
        <v>7</v>
      </c>
    </row>
    <row r="3830" spans="1:4" x14ac:dyDescent="0.25">
      <c r="A3830" s="20">
        <v>43715.333333324059</v>
      </c>
      <c r="B3830" s="22">
        <v>1.1363368034362793</v>
      </c>
      <c r="C3830" s="21">
        <v>155897.0721556888</v>
      </c>
      <c r="D3830">
        <f t="shared" si="59"/>
        <v>8</v>
      </c>
    </row>
    <row r="3831" spans="1:4" x14ac:dyDescent="0.25">
      <c r="A3831" s="20">
        <v>43715.374999990723</v>
      </c>
      <c r="B3831" s="22">
        <v>1.1312212944030762</v>
      </c>
      <c r="C3831" s="21">
        <v>155195.26184869997</v>
      </c>
      <c r="D3831">
        <f t="shared" si="59"/>
        <v>9</v>
      </c>
    </row>
    <row r="3832" spans="1:4" x14ac:dyDescent="0.25">
      <c r="A3832" s="20">
        <v>43715.416666657387</v>
      </c>
      <c r="B3832" s="22">
        <v>1.2210861444473267</v>
      </c>
      <c r="C3832" s="21">
        <v>167524.05993852991</v>
      </c>
      <c r="D3832">
        <f t="shared" si="59"/>
        <v>10</v>
      </c>
    </row>
    <row r="3833" spans="1:4" x14ac:dyDescent="0.25">
      <c r="A3833" s="20">
        <v>43715.458333324052</v>
      </c>
      <c r="B3833" s="22">
        <v>1.5105687379837036</v>
      </c>
      <c r="C3833" s="21">
        <v>207238.94784490159</v>
      </c>
      <c r="D3833">
        <f t="shared" si="59"/>
        <v>11</v>
      </c>
    </row>
    <row r="3834" spans="1:4" x14ac:dyDescent="0.25">
      <c r="A3834" s="20">
        <v>43715.499999990716</v>
      </c>
      <c r="B3834" s="22">
        <v>1.6447426080703735</v>
      </c>
      <c r="C3834" s="21">
        <v>225646.6183903382</v>
      </c>
      <c r="D3834">
        <f t="shared" si="59"/>
        <v>12</v>
      </c>
    </row>
    <row r="3835" spans="1:4" x14ac:dyDescent="0.25">
      <c r="A3835" s="20">
        <v>43715.54166665738</v>
      </c>
      <c r="B3835" s="22">
        <v>1.7288341522216797</v>
      </c>
      <c r="C3835" s="21">
        <v>237183.36127026251</v>
      </c>
      <c r="D3835">
        <f t="shared" si="59"/>
        <v>13</v>
      </c>
    </row>
    <row r="3836" spans="1:4" x14ac:dyDescent="0.25">
      <c r="A3836" s="20">
        <v>43715.583333324044</v>
      </c>
      <c r="B3836" s="22">
        <v>2.0701148509979248</v>
      </c>
      <c r="C3836" s="21">
        <v>284004.56917409302</v>
      </c>
      <c r="D3836">
        <f t="shared" si="59"/>
        <v>14</v>
      </c>
    </row>
    <row r="3837" spans="1:4" x14ac:dyDescent="0.25">
      <c r="A3837" s="20">
        <v>43715.624999990709</v>
      </c>
      <c r="B3837" s="22">
        <v>2.2045490741729736</v>
      </c>
      <c r="C3837" s="21">
        <v>302447.95825305086</v>
      </c>
      <c r="D3837">
        <f t="shared" si="59"/>
        <v>15</v>
      </c>
    </row>
    <row r="3838" spans="1:4" x14ac:dyDescent="0.25">
      <c r="A3838" s="20">
        <v>43715.666666657373</v>
      </c>
      <c r="B3838" s="22">
        <v>2.1770434379577637</v>
      </c>
      <c r="C3838" s="21">
        <v>298674.38677251479</v>
      </c>
      <c r="D3838">
        <f t="shared" si="59"/>
        <v>16</v>
      </c>
    </row>
    <row r="3839" spans="1:4" x14ac:dyDescent="0.25">
      <c r="A3839" s="20">
        <v>43715.708333324037</v>
      </c>
      <c r="B3839" s="22">
        <v>2.2698302268981934</v>
      </c>
      <c r="C3839" s="21">
        <v>311404.05344070517</v>
      </c>
      <c r="D3839">
        <f t="shared" si="59"/>
        <v>17</v>
      </c>
    </row>
    <row r="3840" spans="1:4" x14ac:dyDescent="0.25">
      <c r="A3840" s="20">
        <v>43715.749999990701</v>
      </c>
      <c r="B3840" s="22">
        <v>2.0635435581207275</v>
      </c>
      <c r="C3840" s="21">
        <v>283103.0360047592</v>
      </c>
      <c r="D3840">
        <f t="shared" si="59"/>
        <v>18</v>
      </c>
    </row>
    <row r="3841" spans="1:4" x14ac:dyDescent="0.25">
      <c r="A3841" s="20">
        <v>43715.791666657366</v>
      </c>
      <c r="B3841" s="22">
        <v>1.8537485599517822</v>
      </c>
      <c r="C3841" s="21">
        <v>254320.70151683048</v>
      </c>
      <c r="D3841">
        <f t="shared" si="59"/>
        <v>19</v>
      </c>
    </row>
    <row r="3842" spans="1:4" x14ac:dyDescent="0.25">
      <c r="A3842" s="20">
        <v>43715.83333332403</v>
      </c>
      <c r="B3842" s="22">
        <v>1.8702267408370972</v>
      </c>
      <c r="C3842" s="21">
        <v>256581.38703427927</v>
      </c>
      <c r="D3842">
        <f t="shared" si="59"/>
        <v>20</v>
      </c>
    </row>
    <row r="3843" spans="1:4" x14ac:dyDescent="0.25">
      <c r="A3843" s="20">
        <v>43715.874999990694</v>
      </c>
      <c r="B3843" s="22">
        <v>1.6814669370651245</v>
      </c>
      <c r="C3843" s="21">
        <v>230684.92688290033</v>
      </c>
      <c r="D3843">
        <f t="shared" si="59"/>
        <v>21</v>
      </c>
    </row>
    <row r="3844" spans="1:4" x14ac:dyDescent="0.25">
      <c r="A3844" s="20">
        <v>43715.916666657358</v>
      </c>
      <c r="B3844" s="22">
        <v>1.544621467590332</v>
      </c>
      <c r="C3844" s="21">
        <v>211910.73250287373</v>
      </c>
      <c r="D3844">
        <f t="shared" si="59"/>
        <v>22</v>
      </c>
    </row>
    <row r="3845" spans="1:4" x14ac:dyDescent="0.25">
      <c r="A3845" s="20">
        <v>43715.958333324023</v>
      </c>
      <c r="B3845" s="22">
        <v>1.1719461679458618</v>
      </c>
      <c r="C3845" s="21">
        <v>160782.41570135346</v>
      </c>
      <c r="D3845">
        <f t="shared" si="59"/>
        <v>23</v>
      </c>
    </row>
    <row r="3846" spans="1:4" x14ac:dyDescent="0.25">
      <c r="A3846" s="20">
        <v>43715.999999990687</v>
      </c>
      <c r="B3846" s="22">
        <v>0.92319506406784058</v>
      </c>
      <c r="C3846" s="21">
        <v>126655.58933014925</v>
      </c>
      <c r="D3846">
        <f t="shared" si="59"/>
        <v>0</v>
      </c>
    </row>
    <row r="3847" spans="1:4" x14ac:dyDescent="0.25">
      <c r="A3847" s="20">
        <v>43716.041666657351</v>
      </c>
      <c r="B3847" s="22">
        <v>0.775809645652771</v>
      </c>
      <c r="C3847" s="21">
        <v>106435.39128686819</v>
      </c>
      <c r="D3847">
        <f t="shared" ref="D3847:D3910" si="60">HOUR(A3847)</f>
        <v>1</v>
      </c>
    </row>
    <row r="3848" spans="1:4" x14ac:dyDescent="0.25">
      <c r="A3848" s="20">
        <v>43716.083333324015</v>
      </c>
      <c r="B3848" s="22">
        <v>0.70680761337280273</v>
      </c>
      <c r="C3848" s="21">
        <v>96968.818724306111</v>
      </c>
      <c r="D3848">
        <f t="shared" si="60"/>
        <v>2</v>
      </c>
    </row>
    <row r="3849" spans="1:4" x14ac:dyDescent="0.25">
      <c r="A3849" s="20">
        <v>43716.124999990679</v>
      </c>
      <c r="B3849" s="22">
        <v>0.68788748979568481</v>
      </c>
      <c r="C3849" s="21">
        <v>94373.116586016709</v>
      </c>
      <c r="D3849">
        <f t="shared" si="60"/>
        <v>3</v>
      </c>
    </row>
    <row r="3850" spans="1:4" x14ac:dyDescent="0.25">
      <c r="A3850" s="20">
        <v>43716.166666657344</v>
      </c>
      <c r="B3850" s="22">
        <v>0.63680732250213623</v>
      </c>
      <c r="C3850" s="21">
        <v>87365.292407299494</v>
      </c>
      <c r="D3850">
        <f t="shared" si="60"/>
        <v>4</v>
      </c>
    </row>
    <row r="3851" spans="1:4" x14ac:dyDescent="0.25">
      <c r="A3851" s="20">
        <v>43716.208333324008</v>
      </c>
      <c r="B3851" s="22">
        <v>0.67962539196014404</v>
      </c>
      <c r="C3851" s="21">
        <v>93239.617381793418</v>
      </c>
      <c r="D3851">
        <f t="shared" si="60"/>
        <v>5</v>
      </c>
    </row>
    <row r="3852" spans="1:4" x14ac:dyDescent="0.25">
      <c r="A3852" s="20">
        <v>43716.249999990672</v>
      </c>
      <c r="B3852" s="22">
        <v>0.69583642482757568</v>
      </c>
      <c r="C3852" s="21">
        <v>95463.652151247181</v>
      </c>
      <c r="D3852">
        <f t="shared" si="60"/>
        <v>6</v>
      </c>
    </row>
    <row r="3853" spans="1:4" x14ac:dyDescent="0.25">
      <c r="A3853" s="20">
        <v>43716.291666657336</v>
      </c>
      <c r="B3853" s="22">
        <v>0.8204161524772644</v>
      </c>
      <c r="C3853" s="21">
        <v>112555.07674632205</v>
      </c>
      <c r="D3853">
        <f t="shared" si="60"/>
        <v>7</v>
      </c>
    </row>
    <row r="3854" spans="1:4" x14ac:dyDescent="0.25">
      <c r="A3854" s="20">
        <v>43716.333333324001</v>
      </c>
      <c r="B3854" s="22">
        <v>1.0199049711227417</v>
      </c>
      <c r="C3854" s="21">
        <v>139923.47901982197</v>
      </c>
      <c r="D3854">
        <f t="shared" si="60"/>
        <v>8</v>
      </c>
    </row>
    <row r="3855" spans="1:4" x14ac:dyDescent="0.25">
      <c r="A3855" s="20">
        <v>43716.374999990665</v>
      </c>
      <c r="B3855" s="22">
        <v>1.2920049428939819</v>
      </c>
      <c r="C3855" s="21">
        <v>177253.59875589426</v>
      </c>
      <c r="D3855">
        <f t="shared" si="60"/>
        <v>9</v>
      </c>
    </row>
    <row r="3856" spans="1:4" x14ac:dyDescent="0.25">
      <c r="A3856" s="20">
        <v>43716.416666657329</v>
      </c>
      <c r="B3856" s="22">
        <v>1.2928736209869385</v>
      </c>
      <c r="C3856" s="21">
        <v>177372.77501677762</v>
      </c>
      <c r="D3856">
        <f t="shared" si="60"/>
        <v>10</v>
      </c>
    </row>
    <row r="3857" spans="1:4" x14ac:dyDescent="0.25">
      <c r="A3857" s="20">
        <v>43716.458333323993</v>
      </c>
      <c r="B3857" s="22">
        <v>1.535387396812439</v>
      </c>
      <c r="C3857" s="21">
        <v>210643.88574230176</v>
      </c>
      <c r="D3857">
        <f t="shared" si="60"/>
        <v>11</v>
      </c>
    </row>
    <row r="3858" spans="1:4" x14ac:dyDescent="0.25">
      <c r="A3858" s="20">
        <v>43716.499999990658</v>
      </c>
      <c r="B3858" s="22">
        <v>1.8418397903442383</v>
      </c>
      <c r="C3858" s="21">
        <v>252686.90570103136</v>
      </c>
      <c r="D3858">
        <f t="shared" si="60"/>
        <v>12</v>
      </c>
    </row>
    <row r="3859" spans="1:4" x14ac:dyDescent="0.25">
      <c r="A3859" s="20">
        <v>43716.541666657322</v>
      </c>
      <c r="B3859" s="22">
        <v>1.9541633129119873</v>
      </c>
      <c r="C3859" s="21">
        <v>268096.86888234568</v>
      </c>
      <c r="D3859">
        <f t="shared" si="60"/>
        <v>13</v>
      </c>
    </row>
    <row r="3860" spans="1:4" x14ac:dyDescent="0.25">
      <c r="A3860" s="20">
        <v>43716.583333323986</v>
      </c>
      <c r="B3860" s="22">
        <v>2.1433053016662598</v>
      </c>
      <c r="C3860" s="21">
        <v>294045.76200921414</v>
      </c>
      <c r="D3860">
        <f t="shared" si="60"/>
        <v>14</v>
      </c>
    </row>
    <row r="3861" spans="1:4" x14ac:dyDescent="0.25">
      <c r="A3861" s="20">
        <v>43716.62499999065</v>
      </c>
      <c r="B3861" s="22">
        <v>2.2878820896148682</v>
      </c>
      <c r="C3861" s="21">
        <v>313880.63655935077</v>
      </c>
      <c r="D3861">
        <f t="shared" si="60"/>
        <v>15</v>
      </c>
    </row>
    <row r="3862" spans="1:4" x14ac:dyDescent="0.25">
      <c r="A3862" s="20">
        <v>43716.666666657315</v>
      </c>
      <c r="B3862" s="22">
        <v>2.2661721706390381</v>
      </c>
      <c r="C3862" s="21">
        <v>310902.19496101973</v>
      </c>
      <c r="D3862">
        <f t="shared" si="60"/>
        <v>16</v>
      </c>
    </row>
    <row r="3863" spans="1:4" x14ac:dyDescent="0.25">
      <c r="A3863" s="20">
        <v>43716.708333323979</v>
      </c>
      <c r="B3863" s="22">
        <v>2.3238916397094727</v>
      </c>
      <c r="C3863" s="21">
        <v>318820.88263112842</v>
      </c>
      <c r="D3863">
        <f t="shared" si="60"/>
        <v>17</v>
      </c>
    </row>
    <row r="3864" spans="1:4" x14ac:dyDescent="0.25">
      <c r="A3864" s="20">
        <v>43716.749999990643</v>
      </c>
      <c r="B3864" s="22">
        <v>2.2587094306945801</v>
      </c>
      <c r="C3864" s="21">
        <v>309878.36179458344</v>
      </c>
      <c r="D3864">
        <f t="shared" si="60"/>
        <v>18</v>
      </c>
    </row>
    <row r="3865" spans="1:4" x14ac:dyDescent="0.25">
      <c r="A3865" s="20">
        <v>43716.791666657307</v>
      </c>
      <c r="B3865" s="22">
        <v>2.1060631275177002</v>
      </c>
      <c r="C3865" s="21">
        <v>288936.40896096686</v>
      </c>
      <c r="D3865">
        <f t="shared" si="60"/>
        <v>19</v>
      </c>
    </row>
    <row r="3866" spans="1:4" x14ac:dyDescent="0.25">
      <c r="A3866" s="20">
        <v>43716.833333323972</v>
      </c>
      <c r="B3866" s="22">
        <v>2.2144062519073486</v>
      </c>
      <c r="C3866" s="21">
        <v>303800.29071633139</v>
      </c>
      <c r="D3866">
        <f t="shared" si="60"/>
        <v>20</v>
      </c>
    </row>
    <row r="3867" spans="1:4" x14ac:dyDescent="0.25">
      <c r="A3867" s="20">
        <v>43716.874999990636</v>
      </c>
      <c r="B3867" s="22">
        <v>1.8903777599334717</v>
      </c>
      <c r="C3867" s="21">
        <v>259345.95900675986</v>
      </c>
      <c r="D3867">
        <f t="shared" si="60"/>
        <v>21</v>
      </c>
    </row>
    <row r="3868" spans="1:4" x14ac:dyDescent="0.25">
      <c r="A3868" s="20">
        <v>43716.9166666573</v>
      </c>
      <c r="B3868" s="22">
        <v>1.555400013923645</v>
      </c>
      <c r="C3868" s="21">
        <v>213389.4699778693</v>
      </c>
      <c r="D3868">
        <f t="shared" si="60"/>
        <v>22</v>
      </c>
    </row>
    <row r="3869" spans="1:4" x14ac:dyDescent="0.25">
      <c r="A3869" s="20">
        <v>43716.958333323964</v>
      </c>
      <c r="B3869" s="22">
        <v>1.1634855270385742</v>
      </c>
      <c r="C3869" s="21">
        <v>159621.67784439222</v>
      </c>
      <c r="D3869">
        <f t="shared" si="60"/>
        <v>23</v>
      </c>
    </row>
    <row r="3870" spans="1:4" x14ac:dyDescent="0.25">
      <c r="A3870" s="20">
        <v>43716.999999990629</v>
      </c>
      <c r="B3870" s="22">
        <v>0.9184417724609375</v>
      </c>
      <c r="C3870" s="21">
        <v>126003.47259646821</v>
      </c>
      <c r="D3870">
        <f t="shared" si="60"/>
        <v>0</v>
      </c>
    </row>
    <row r="3871" spans="1:4" x14ac:dyDescent="0.25">
      <c r="A3871" s="20">
        <v>43717.041666657293</v>
      </c>
      <c r="B3871" s="22">
        <v>0.83605080842971802</v>
      </c>
      <c r="C3871" s="21">
        <v>114700.03683190438</v>
      </c>
      <c r="D3871">
        <f t="shared" si="60"/>
        <v>1</v>
      </c>
    </row>
    <row r="3872" spans="1:4" x14ac:dyDescent="0.25">
      <c r="A3872" s="20">
        <v>43717.083333323957</v>
      </c>
      <c r="B3872" s="22">
        <v>0.7414252758026123</v>
      </c>
      <c r="C3872" s="21">
        <v>101718.10802072019</v>
      </c>
      <c r="D3872">
        <f t="shared" si="60"/>
        <v>2</v>
      </c>
    </row>
    <row r="3873" spans="1:4" x14ac:dyDescent="0.25">
      <c r="A3873" s="20">
        <v>43717.124999990621</v>
      </c>
      <c r="B3873" s="22">
        <v>0.70189470052719116</v>
      </c>
      <c r="C3873" s="21">
        <v>96294.803127811465</v>
      </c>
      <c r="D3873">
        <f t="shared" si="60"/>
        <v>3</v>
      </c>
    </row>
    <row r="3874" spans="1:4" x14ac:dyDescent="0.25">
      <c r="A3874" s="20">
        <v>43717.166666657286</v>
      </c>
      <c r="B3874" s="22">
        <v>0.69948107004165649</v>
      </c>
      <c r="C3874" s="21">
        <v>95963.670733944877</v>
      </c>
      <c r="D3874">
        <f t="shared" si="60"/>
        <v>4</v>
      </c>
    </row>
    <row r="3875" spans="1:4" x14ac:dyDescent="0.25">
      <c r="A3875" s="20">
        <v>43717.20833332395</v>
      </c>
      <c r="B3875" s="22">
        <v>0.68183779716491699</v>
      </c>
      <c r="C3875" s="21">
        <v>93543.143143524547</v>
      </c>
      <c r="D3875">
        <f t="shared" si="60"/>
        <v>5</v>
      </c>
    </row>
    <row r="3876" spans="1:4" x14ac:dyDescent="0.25">
      <c r="A3876" s="20">
        <v>43717.249999990614</v>
      </c>
      <c r="B3876" s="22">
        <v>0.9176064133644104</v>
      </c>
      <c r="C3876" s="21">
        <v>125888.86745743427</v>
      </c>
      <c r="D3876">
        <f t="shared" si="60"/>
        <v>6</v>
      </c>
    </row>
    <row r="3877" spans="1:4" x14ac:dyDescent="0.25">
      <c r="A3877" s="20">
        <v>43717.291666657278</v>
      </c>
      <c r="B3877" s="22">
        <v>0.88835406303405762</v>
      </c>
      <c r="C3877" s="21">
        <v>121875.65961589997</v>
      </c>
      <c r="D3877">
        <f t="shared" si="60"/>
        <v>7</v>
      </c>
    </row>
    <row r="3878" spans="1:4" x14ac:dyDescent="0.25">
      <c r="A3878" s="20">
        <v>43717.333333323942</v>
      </c>
      <c r="B3878" s="22">
        <v>0.88329577445983887</v>
      </c>
      <c r="C3878" s="21">
        <v>121181.69953605866</v>
      </c>
      <c r="D3878">
        <f t="shared" si="60"/>
        <v>8</v>
      </c>
    </row>
    <row r="3879" spans="1:4" x14ac:dyDescent="0.25">
      <c r="A3879" s="20">
        <v>43717.374999990607</v>
      </c>
      <c r="B3879" s="22">
        <v>0.96829497814178467</v>
      </c>
      <c r="C3879" s="21">
        <v>132842.96664411062</v>
      </c>
      <c r="D3879">
        <f t="shared" si="60"/>
        <v>9</v>
      </c>
    </row>
    <row r="3880" spans="1:4" x14ac:dyDescent="0.25">
      <c r="A3880" s="20">
        <v>43717.416666657271</v>
      </c>
      <c r="B3880" s="22">
        <v>1.1657675504684448</v>
      </c>
      <c r="C3880" s="21">
        <v>159934.75471581952</v>
      </c>
      <c r="D3880">
        <f t="shared" si="60"/>
        <v>10</v>
      </c>
    </row>
    <row r="3881" spans="1:4" x14ac:dyDescent="0.25">
      <c r="A3881" s="20">
        <v>43717.458333323935</v>
      </c>
      <c r="B3881" s="22">
        <v>1.3692857027053833</v>
      </c>
      <c r="C3881" s="21">
        <v>187855.95199494436</v>
      </c>
      <c r="D3881">
        <f t="shared" si="60"/>
        <v>11</v>
      </c>
    </row>
    <row r="3882" spans="1:4" x14ac:dyDescent="0.25">
      <c r="A3882" s="20">
        <v>43717.499999990599</v>
      </c>
      <c r="B3882" s="22">
        <v>1.6122437715530396</v>
      </c>
      <c r="C3882" s="21">
        <v>221188.01646334107</v>
      </c>
      <c r="D3882">
        <f t="shared" si="60"/>
        <v>12</v>
      </c>
    </row>
    <row r="3883" spans="1:4" x14ac:dyDescent="0.25">
      <c r="A3883" s="20">
        <v>43717.541666657264</v>
      </c>
      <c r="B3883" s="22">
        <v>1.9392662048339844</v>
      </c>
      <c r="C3883" s="21">
        <v>266053.09495376702</v>
      </c>
      <c r="D3883">
        <f t="shared" si="60"/>
        <v>13</v>
      </c>
    </row>
    <row r="3884" spans="1:4" x14ac:dyDescent="0.25">
      <c r="A3884" s="20">
        <v>43717.583333323928</v>
      </c>
      <c r="B3884" s="22">
        <v>2.1696896553039551</v>
      </c>
      <c r="C3884" s="21">
        <v>297665.50174693851</v>
      </c>
      <c r="D3884">
        <f t="shared" si="60"/>
        <v>14</v>
      </c>
    </row>
    <row r="3885" spans="1:4" x14ac:dyDescent="0.25">
      <c r="A3885" s="20">
        <v>43717.624999990592</v>
      </c>
      <c r="B3885" s="22">
        <v>2.3685815334320068</v>
      </c>
      <c r="C3885" s="21">
        <v>324952.00816118583</v>
      </c>
      <c r="D3885">
        <f t="shared" si="60"/>
        <v>15</v>
      </c>
    </row>
    <row r="3886" spans="1:4" x14ac:dyDescent="0.25">
      <c r="A3886" s="20">
        <v>43717.666666657256</v>
      </c>
      <c r="B3886" s="22">
        <v>2.5779612064361572</v>
      </c>
      <c r="C3886" s="21">
        <v>353677.3630837354</v>
      </c>
      <c r="D3886">
        <f t="shared" si="60"/>
        <v>16</v>
      </c>
    </row>
    <row r="3887" spans="1:4" x14ac:dyDescent="0.25">
      <c r="A3887" s="20">
        <v>43717.708333323921</v>
      </c>
      <c r="B3887" s="22">
        <v>2.7643394470214844</v>
      </c>
      <c r="C3887" s="21">
        <v>379247.09023937833</v>
      </c>
      <c r="D3887">
        <f t="shared" si="60"/>
        <v>17</v>
      </c>
    </row>
    <row r="3888" spans="1:4" x14ac:dyDescent="0.25">
      <c r="A3888" s="20">
        <v>43717.749999990585</v>
      </c>
      <c r="B3888" s="22">
        <v>2.593411922454834</v>
      </c>
      <c r="C3888" s="21">
        <v>355797.08795996639</v>
      </c>
      <c r="D3888">
        <f t="shared" si="60"/>
        <v>18</v>
      </c>
    </row>
    <row r="3889" spans="1:4" x14ac:dyDescent="0.25">
      <c r="A3889" s="20">
        <v>43717.791666657249</v>
      </c>
      <c r="B3889" s="22">
        <v>2.3289096355438232</v>
      </c>
      <c r="C3889" s="21">
        <v>319509.3148426867</v>
      </c>
      <c r="D3889">
        <f t="shared" si="60"/>
        <v>19</v>
      </c>
    </row>
    <row r="3890" spans="1:4" x14ac:dyDescent="0.25">
      <c r="A3890" s="20">
        <v>43717.833333323913</v>
      </c>
      <c r="B3890" s="22">
        <v>2.3225166797637939</v>
      </c>
      <c r="C3890" s="21">
        <v>318632.24821462936</v>
      </c>
      <c r="D3890">
        <f t="shared" si="60"/>
        <v>20</v>
      </c>
    </row>
    <row r="3891" spans="1:4" x14ac:dyDescent="0.25">
      <c r="A3891" s="20">
        <v>43717.874999990578</v>
      </c>
      <c r="B3891" s="22">
        <v>1.9033193588256836</v>
      </c>
      <c r="C3891" s="21">
        <v>261121.45142257184</v>
      </c>
      <c r="D3891">
        <f t="shared" si="60"/>
        <v>21</v>
      </c>
    </row>
    <row r="3892" spans="1:4" x14ac:dyDescent="0.25">
      <c r="A3892" s="20">
        <v>43717.916666657242</v>
      </c>
      <c r="B3892" s="22">
        <v>1.6135398149490356</v>
      </c>
      <c r="C3892" s="21">
        <v>221365.82410823254</v>
      </c>
      <c r="D3892">
        <f t="shared" si="60"/>
        <v>22</v>
      </c>
    </row>
    <row r="3893" spans="1:4" x14ac:dyDescent="0.25">
      <c r="A3893" s="20">
        <v>43717.958333323906</v>
      </c>
      <c r="B3893" s="22">
        <v>1.231503963470459</v>
      </c>
      <c r="C3893" s="21">
        <v>168953.30827321633</v>
      </c>
      <c r="D3893">
        <f t="shared" si="60"/>
        <v>23</v>
      </c>
    </row>
    <row r="3894" spans="1:4" x14ac:dyDescent="0.25">
      <c r="A3894" s="20">
        <v>43717.99999999057</v>
      </c>
      <c r="B3894" s="22">
        <v>1.0202227830886841</v>
      </c>
      <c r="C3894" s="21">
        <v>139967.08048977054</v>
      </c>
      <c r="D3894">
        <f t="shared" si="60"/>
        <v>0</v>
      </c>
    </row>
    <row r="3895" spans="1:4" x14ac:dyDescent="0.25">
      <c r="A3895" s="20">
        <v>43718.041666657235</v>
      </c>
      <c r="B3895" s="22">
        <v>0.89536839723587036</v>
      </c>
      <c r="C3895" s="21">
        <v>122837.97480438753</v>
      </c>
      <c r="D3895">
        <f t="shared" si="60"/>
        <v>1</v>
      </c>
    </row>
    <row r="3896" spans="1:4" x14ac:dyDescent="0.25">
      <c r="A3896" s="20">
        <v>43718.083333323899</v>
      </c>
      <c r="B3896" s="22">
        <v>0.84230828285217285</v>
      </c>
      <c r="C3896" s="21">
        <v>115558.516411726</v>
      </c>
      <c r="D3896">
        <f t="shared" si="60"/>
        <v>2</v>
      </c>
    </row>
    <row r="3897" spans="1:4" x14ac:dyDescent="0.25">
      <c r="A3897" s="20">
        <v>43718.124999990563</v>
      </c>
      <c r="B3897" s="22">
        <v>0.75491523742675781</v>
      </c>
      <c r="C3897" s="21">
        <v>103568.8317800293</v>
      </c>
      <c r="D3897">
        <f t="shared" si="60"/>
        <v>3</v>
      </c>
    </row>
    <row r="3898" spans="1:4" x14ac:dyDescent="0.25">
      <c r="A3898" s="20">
        <v>43718.166666657227</v>
      </c>
      <c r="B3898" s="22">
        <v>0.66318625211715698</v>
      </c>
      <c r="C3898" s="21">
        <v>90984.288008908843</v>
      </c>
      <c r="D3898">
        <f t="shared" si="60"/>
        <v>4</v>
      </c>
    </row>
    <row r="3899" spans="1:4" x14ac:dyDescent="0.25">
      <c r="A3899" s="20">
        <v>43718.208333323892</v>
      </c>
      <c r="B3899" s="22">
        <v>0.74234986305236816</v>
      </c>
      <c r="C3899" s="21">
        <v>101844.95460771229</v>
      </c>
      <c r="D3899">
        <f t="shared" si="60"/>
        <v>5</v>
      </c>
    </row>
    <row r="3900" spans="1:4" x14ac:dyDescent="0.25">
      <c r="A3900" s="20">
        <v>43718.249999990556</v>
      </c>
      <c r="B3900" s="22">
        <v>1.0204833745956421</v>
      </c>
      <c r="C3900" s="21">
        <v>140002.83173257156</v>
      </c>
      <c r="D3900">
        <f t="shared" si="60"/>
        <v>6</v>
      </c>
    </row>
    <row r="3901" spans="1:4" x14ac:dyDescent="0.25">
      <c r="A3901" s="20">
        <v>43718.29166665722</v>
      </c>
      <c r="B3901" s="22">
        <v>0.93668437004089355</v>
      </c>
      <c r="C3901" s="21">
        <v>128506.22313893895</v>
      </c>
      <c r="D3901">
        <f t="shared" si="60"/>
        <v>7</v>
      </c>
    </row>
    <row r="3902" spans="1:4" x14ac:dyDescent="0.25">
      <c r="A3902" s="20">
        <v>43718.333333323884</v>
      </c>
      <c r="B3902" s="22">
        <v>0.86170697212219238</v>
      </c>
      <c r="C3902" s="21">
        <v>118219.87425185654</v>
      </c>
      <c r="D3902">
        <f t="shared" si="60"/>
        <v>8</v>
      </c>
    </row>
    <row r="3903" spans="1:4" x14ac:dyDescent="0.25">
      <c r="A3903" s="20">
        <v>43718.374999990549</v>
      </c>
      <c r="B3903" s="22">
        <v>1.065494179725647</v>
      </c>
      <c r="C3903" s="21">
        <v>146177.98395321463</v>
      </c>
      <c r="D3903">
        <f t="shared" si="60"/>
        <v>9</v>
      </c>
    </row>
    <row r="3904" spans="1:4" x14ac:dyDescent="0.25">
      <c r="A3904" s="20">
        <v>43718.416666657213</v>
      </c>
      <c r="B3904" s="22">
        <v>1.2593071460723877</v>
      </c>
      <c r="C3904" s="21">
        <v>172767.70093491959</v>
      </c>
      <c r="D3904">
        <f t="shared" si="60"/>
        <v>10</v>
      </c>
    </row>
    <row r="3905" spans="1:4" x14ac:dyDescent="0.25">
      <c r="A3905" s="20">
        <v>43718.458333323877</v>
      </c>
      <c r="B3905" s="22">
        <v>1.4659628868103027</v>
      </c>
      <c r="C3905" s="21">
        <v>201119.35233596712</v>
      </c>
      <c r="D3905">
        <f t="shared" si="60"/>
        <v>11</v>
      </c>
    </row>
    <row r="3906" spans="1:4" x14ac:dyDescent="0.25">
      <c r="A3906" s="20">
        <v>43718.499999990541</v>
      </c>
      <c r="B3906" s="22">
        <v>1.893535852432251</v>
      </c>
      <c r="C3906" s="21">
        <v>259779.22612674377</v>
      </c>
      <c r="D3906">
        <f t="shared" si="60"/>
        <v>12</v>
      </c>
    </row>
    <row r="3907" spans="1:4" x14ac:dyDescent="0.25">
      <c r="A3907" s="20">
        <v>43718.541666657205</v>
      </c>
      <c r="B3907" s="22">
        <v>2.1480820178985596</v>
      </c>
      <c r="C3907" s="21">
        <v>294701.09242963366</v>
      </c>
      <c r="D3907">
        <f t="shared" si="60"/>
        <v>13</v>
      </c>
    </row>
    <row r="3908" spans="1:4" x14ac:dyDescent="0.25">
      <c r="A3908" s="20">
        <v>43718.58333332387</v>
      </c>
      <c r="B3908" s="22">
        <v>2.4983391761779785</v>
      </c>
      <c r="C3908" s="21">
        <v>342753.8047172323</v>
      </c>
      <c r="D3908">
        <f t="shared" si="60"/>
        <v>14</v>
      </c>
    </row>
    <row r="3909" spans="1:4" x14ac:dyDescent="0.25">
      <c r="A3909" s="20">
        <v>43718.624999990534</v>
      </c>
      <c r="B3909" s="22">
        <v>2.7756433486938477</v>
      </c>
      <c r="C3909" s="21">
        <v>380797.90261237213</v>
      </c>
      <c r="D3909">
        <f t="shared" si="60"/>
        <v>15</v>
      </c>
    </row>
    <row r="3910" spans="1:4" x14ac:dyDescent="0.25">
      <c r="A3910" s="20">
        <v>43718.666666657198</v>
      </c>
      <c r="B3910" s="22">
        <v>2.9176652431488037</v>
      </c>
      <c r="C3910" s="21">
        <v>400282.26452037174</v>
      </c>
      <c r="D3910">
        <f t="shared" si="60"/>
        <v>16</v>
      </c>
    </row>
    <row r="3911" spans="1:4" x14ac:dyDescent="0.25">
      <c r="A3911" s="20">
        <v>43718.708333323862</v>
      </c>
      <c r="B3911" s="22">
        <v>2.8437917232513428</v>
      </c>
      <c r="C3911" s="21">
        <v>390147.35959867702</v>
      </c>
      <c r="D3911">
        <f t="shared" ref="D3911:D3974" si="61">HOUR(A3911)</f>
        <v>17</v>
      </c>
    </row>
    <row r="3912" spans="1:4" x14ac:dyDescent="0.25">
      <c r="A3912" s="20">
        <v>43718.749999990527</v>
      </c>
      <c r="B3912" s="22">
        <v>2.8113791942596436</v>
      </c>
      <c r="C3912" s="21">
        <v>385700.59843096073</v>
      </c>
      <c r="D3912">
        <f t="shared" si="61"/>
        <v>18</v>
      </c>
    </row>
    <row r="3913" spans="1:4" x14ac:dyDescent="0.25">
      <c r="A3913" s="20">
        <v>43718.791666657191</v>
      </c>
      <c r="B3913" s="22">
        <v>2.7581102848052979</v>
      </c>
      <c r="C3913" s="21">
        <v>378392.49488653074</v>
      </c>
      <c r="D3913">
        <f t="shared" si="61"/>
        <v>19</v>
      </c>
    </row>
    <row r="3914" spans="1:4" x14ac:dyDescent="0.25">
      <c r="A3914" s="20">
        <v>43718.833333323855</v>
      </c>
      <c r="B3914" s="22">
        <v>2.4651565551757813</v>
      </c>
      <c r="C3914" s="21">
        <v>338201.39257582225</v>
      </c>
      <c r="D3914">
        <f t="shared" si="61"/>
        <v>20</v>
      </c>
    </row>
    <row r="3915" spans="1:4" x14ac:dyDescent="0.25">
      <c r="A3915" s="20">
        <v>43718.874999990519</v>
      </c>
      <c r="B3915" s="22">
        <v>2.2603397369384766</v>
      </c>
      <c r="C3915" s="21">
        <v>310102.02784972836</v>
      </c>
      <c r="D3915">
        <f t="shared" si="61"/>
        <v>21</v>
      </c>
    </row>
    <row r="3916" spans="1:4" x14ac:dyDescent="0.25">
      <c r="A3916" s="20">
        <v>43718.916666657184</v>
      </c>
      <c r="B3916" s="22">
        <v>1.9423960447311401</v>
      </c>
      <c r="C3916" s="21">
        <v>266482.48602409678</v>
      </c>
      <c r="D3916">
        <f t="shared" si="61"/>
        <v>22</v>
      </c>
    </row>
    <row r="3917" spans="1:4" x14ac:dyDescent="0.25">
      <c r="A3917" s="20">
        <v>43718.958333323848</v>
      </c>
      <c r="B3917" s="22">
        <v>1.6094605922698975</v>
      </c>
      <c r="C3917" s="21">
        <v>220806.18468581338</v>
      </c>
      <c r="D3917">
        <f t="shared" si="61"/>
        <v>23</v>
      </c>
    </row>
    <row r="3918" spans="1:4" x14ac:dyDescent="0.25">
      <c r="A3918" s="20">
        <v>43718.999999990512</v>
      </c>
      <c r="B3918" s="22">
        <v>1.4077647924423218</v>
      </c>
      <c r="C3918" s="21">
        <v>193135.00078669735</v>
      </c>
      <c r="D3918">
        <f t="shared" si="61"/>
        <v>0</v>
      </c>
    </row>
    <row r="3919" spans="1:4" x14ac:dyDescent="0.25">
      <c r="A3919" s="20">
        <v>43719.041666657176</v>
      </c>
      <c r="B3919" s="22">
        <v>1.2572078704833984</v>
      </c>
      <c r="C3919" s="21">
        <v>172479.69572644468</v>
      </c>
      <c r="D3919">
        <f t="shared" si="61"/>
        <v>1</v>
      </c>
    </row>
    <row r="3920" spans="1:4" x14ac:dyDescent="0.25">
      <c r="A3920" s="20">
        <v>43719.083333323841</v>
      </c>
      <c r="B3920" s="22">
        <v>1.1149230003356934</v>
      </c>
      <c r="C3920" s="21">
        <v>152959.25548284623</v>
      </c>
      <c r="D3920">
        <f t="shared" si="61"/>
        <v>2</v>
      </c>
    </row>
    <row r="3921" spans="1:4" x14ac:dyDescent="0.25">
      <c r="A3921" s="20">
        <v>43719.124999990505</v>
      </c>
      <c r="B3921" s="22">
        <v>0.97501164674758911</v>
      </c>
      <c r="C3921" s="21">
        <v>133764.44429679113</v>
      </c>
      <c r="D3921">
        <f t="shared" si="61"/>
        <v>3</v>
      </c>
    </row>
    <row r="3922" spans="1:4" x14ac:dyDescent="0.25">
      <c r="A3922" s="20">
        <v>43719.166666657169</v>
      </c>
      <c r="B3922" s="22">
        <v>0.89801061153411865</v>
      </c>
      <c r="C3922" s="21">
        <v>123200.46722024451</v>
      </c>
      <c r="D3922">
        <f t="shared" si="61"/>
        <v>4</v>
      </c>
    </row>
    <row r="3923" spans="1:4" x14ac:dyDescent="0.25">
      <c r="A3923" s="20">
        <v>43719.208333323833</v>
      </c>
      <c r="B3923" s="22">
        <v>1.0058606863021851</v>
      </c>
      <c r="C3923" s="21">
        <v>137996.7061850212</v>
      </c>
      <c r="D3923">
        <f t="shared" si="61"/>
        <v>5</v>
      </c>
    </row>
    <row r="3924" spans="1:4" x14ac:dyDescent="0.25">
      <c r="A3924" s="20">
        <v>43719.249999990498</v>
      </c>
      <c r="B3924" s="22">
        <v>1.1376563310623169</v>
      </c>
      <c r="C3924" s="21">
        <v>156078.10166463879</v>
      </c>
      <c r="D3924">
        <f t="shared" si="61"/>
        <v>6</v>
      </c>
    </row>
    <row r="3925" spans="1:4" x14ac:dyDescent="0.25">
      <c r="A3925" s="20">
        <v>43719.291666657162</v>
      </c>
      <c r="B3925" s="22">
        <v>1.1621192693710327</v>
      </c>
      <c r="C3925" s="21">
        <v>159434.23731660517</v>
      </c>
      <c r="D3925">
        <f t="shared" si="61"/>
        <v>7</v>
      </c>
    </row>
    <row r="3926" spans="1:4" x14ac:dyDescent="0.25">
      <c r="A3926" s="20">
        <v>43719.333333323826</v>
      </c>
      <c r="B3926" s="22">
        <v>1.002842903137207</v>
      </c>
      <c r="C3926" s="21">
        <v>137582.68847618866</v>
      </c>
      <c r="D3926">
        <f t="shared" si="61"/>
        <v>8</v>
      </c>
    </row>
    <row r="3927" spans="1:4" x14ac:dyDescent="0.25">
      <c r="A3927" s="20">
        <v>43719.37499999049</v>
      </c>
      <c r="B3927" s="22">
        <v>1.1292301416397095</v>
      </c>
      <c r="C3927" s="21">
        <v>154922.09029860594</v>
      </c>
      <c r="D3927">
        <f t="shared" si="61"/>
        <v>9</v>
      </c>
    </row>
    <row r="3928" spans="1:4" x14ac:dyDescent="0.25">
      <c r="A3928" s="20">
        <v>43719.416666657155</v>
      </c>
      <c r="B3928" s="22">
        <v>1.2487530708312988</v>
      </c>
      <c r="C3928" s="21">
        <v>171319.7592468381</v>
      </c>
      <c r="D3928">
        <f t="shared" si="61"/>
        <v>10</v>
      </c>
    </row>
    <row r="3929" spans="1:4" x14ac:dyDescent="0.25">
      <c r="A3929" s="20">
        <v>43719.458333323819</v>
      </c>
      <c r="B3929" s="22">
        <v>1.6113897562026978</v>
      </c>
      <c r="C3929" s="21">
        <v>221070.85182316421</v>
      </c>
      <c r="D3929">
        <f t="shared" si="61"/>
        <v>11</v>
      </c>
    </row>
    <row r="3930" spans="1:4" x14ac:dyDescent="0.25">
      <c r="A3930" s="20">
        <v>43719.499999990483</v>
      </c>
      <c r="B3930" s="22">
        <v>2.0014510154724121</v>
      </c>
      <c r="C3930" s="21">
        <v>274584.39472490078</v>
      </c>
      <c r="D3930">
        <f t="shared" si="61"/>
        <v>12</v>
      </c>
    </row>
    <row r="3931" spans="1:4" x14ac:dyDescent="0.25">
      <c r="A3931" s="20">
        <v>43719.541666657147</v>
      </c>
      <c r="B3931" s="22">
        <v>2.4052574634552002</v>
      </c>
      <c r="C3931" s="21">
        <v>329983.67666995234</v>
      </c>
      <c r="D3931">
        <f t="shared" si="61"/>
        <v>13</v>
      </c>
    </row>
    <row r="3932" spans="1:4" x14ac:dyDescent="0.25">
      <c r="A3932" s="20">
        <v>43719.583333323812</v>
      </c>
      <c r="B3932" s="22">
        <v>2.5784268379211426</v>
      </c>
      <c r="C3932" s="21">
        <v>353741.24430714839</v>
      </c>
      <c r="D3932">
        <f t="shared" si="61"/>
        <v>14</v>
      </c>
    </row>
    <row r="3933" spans="1:4" x14ac:dyDescent="0.25">
      <c r="A3933" s="20">
        <v>43719.624999990476</v>
      </c>
      <c r="B3933" s="22">
        <v>2.821373462677002</v>
      </c>
      <c r="C3933" s="21">
        <v>387071.73873011558</v>
      </c>
      <c r="D3933">
        <f t="shared" si="61"/>
        <v>15</v>
      </c>
    </row>
    <row r="3934" spans="1:4" x14ac:dyDescent="0.25">
      <c r="A3934" s="20">
        <v>43719.66666665714</v>
      </c>
      <c r="B3934" s="22">
        <v>2.8159041404724121</v>
      </c>
      <c r="C3934" s="21">
        <v>386321.38785193121</v>
      </c>
      <c r="D3934">
        <f t="shared" si="61"/>
        <v>16</v>
      </c>
    </row>
    <row r="3935" spans="1:4" x14ac:dyDescent="0.25">
      <c r="A3935" s="20">
        <v>43719.708333323804</v>
      </c>
      <c r="B3935" s="22">
        <v>2.9587447643280029</v>
      </c>
      <c r="C3935" s="21">
        <v>405918.07342670002</v>
      </c>
      <c r="D3935">
        <f t="shared" si="61"/>
        <v>17</v>
      </c>
    </row>
    <row r="3936" spans="1:4" x14ac:dyDescent="0.25">
      <c r="A3936" s="20">
        <v>43719.749999990468</v>
      </c>
      <c r="B3936" s="22">
        <v>2.8394331932067871</v>
      </c>
      <c r="C3936" s="21">
        <v>389549.40125499398</v>
      </c>
      <c r="D3936">
        <f t="shared" si="61"/>
        <v>18</v>
      </c>
    </row>
    <row r="3937" spans="1:4" x14ac:dyDescent="0.25">
      <c r="A3937" s="20">
        <v>43719.791666657133</v>
      </c>
      <c r="B3937" s="22">
        <v>2.6343939304351807</v>
      </c>
      <c r="C3937" s="21">
        <v>361419.51877086412</v>
      </c>
      <c r="D3937">
        <f t="shared" si="61"/>
        <v>19</v>
      </c>
    </row>
    <row r="3938" spans="1:4" x14ac:dyDescent="0.25">
      <c r="A3938" s="20">
        <v>43719.833333323797</v>
      </c>
      <c r="B3938" s="22">
        <v>2.6489572525024414</v>
      </c>
      <c r="C3938" s="21">
        <v>363417.49970774888</v>
      </c>
      <c r="D3938">
        <f t="shared" si="61"/>
        <v>20</v>
      </c>
    </row>
    <row r="3939" spans="1:4" x14ac:dyDescent="0.25">
      <c r="A3939" s="20">
        <v>43719.874999990461</v>
      </c>
      <c r="B3939" s="22">
        <v>2.2373087406158447</v>
      </c>
      <c r="C3939" s="21">
        <v>306942.34413212881</v>
      </c>
      <c r="D3939">
        <f t="shared" si="61"/>
        <v>21</v>
      </c>
    </row>
    <row r="3940" spans="1:4" x14ac:dyDescent="0.25">
      <c r="A3940" s="20">
        <v>43719.916666657125</v>
      </c>
      <c r="B3940" s="22">
        <v>2.0348742008209229</v>
      </c>
      <c r="C3940" s="21">
        <v>279169.81052961026</v>
      </c>
      <c r="D3940">
        <f t="shared" si="61"/>
        <v>22</v>
      </c>
    </row>
    <row r="3941" spans="1:4" x14ac:dyDescent="0.25">
      <c r="A3941" s="20">
        <v>43719.95833332379</v>
      </c>
      <c r="B3941" s="22">
        <v>1.6806638240814209</v>
      </c>
      <c r="C3941" s="21">
        <v>230574.74567395682</v>
      </c>
      <c r="D3941">
        <f t="shared" si="61"/>
        <v>23</v>
      </c>
    </row>
    <row r="3942" spans="1:4" x14ac:dyDescent="0.25">
      <c r="A3942" s="20">
        <v>43719.999999990454</v>
      </c>
      <c r="B3942" s="22">
        <v>1.4265928268432617</v>
      </c>
      <c r="C3942" s="21">
        <v>195718.06896567121</v>
      </c>
      <c r="D3942">
        <f t="shared" si="61"/>
        <v>0</v>
      </c>
    </row>
    <row r="3943" spans="1:4" x14ac:dyDescent="0.25">
      <c r="A3943" s="20">
        <v>43720.041666657118</v>
      </c>
      <c r="B3943" s="22">
        <v>1.1891641616821289</v>
      </c>
      <c r="C3943" s="21">
        <v>163144.59811396379</v>
      </c>
      <c r="D3943">
        <f t="shared" si="61"/>
        <v>1</v>
      </c>
    </row>
    <row r="3944" spans="1:4" x14ac:dyDescent="0.25">
      <c r="A3944" s="20">
        <v>43720.083333323782</v>
      </c>
      <c r="B3944" s="22">
        <v>1.1584101915359497</v>
      </c>
      <c r="C3944" s="21">
        <v>158925.37905104653</v>
      </c>
      <c r="D3944">
        <f t="shared" si="61"/>
        <v>2</v>
      </c>
    </row>
    <row r="3945" spans="1:4" x14ac:dyDescent="0.25">
      <c r="A3945" s="20">
        <v>43720.124999990447</v>
      </c>
      <c r="B3945" s="22">
        <v>1.0638127326965332</v>
      </c>
      <c r="C3945" s="21">
        <v>145947.30175755662</v>
      </c>
      <c r="D3945">
        <f t="shared" si="61"/>
        <v>3</v>
      </c>
    </row>
    <row r="3946" spans="1:4" x14ac:dyDescent="0.25">
      <c r="A3946" s="20">
        <v>43720.166666657111</v>
      </c>
      <c r="B3946" s="22">
        <v>1.0166420936584473</v>
      </c>
      <c r="C3946" s="21">
        <v>139475.83617137419</v>
      </c>
      <c r="D3946">
        <f t="shared" si="61"/>
        <v>4</v>
      </c>
    </row>
    <row r="3947" spans="1:4" x14ac:dyDescent="0.25">
      <c r="A3947" s="20">
        <v>43720.208333323775</v>
      </c>
      <c r="B3947" s="22">
        <v>1.0294660329818726</v>
      </c>
      <c r="C3947" s="21">
        <v>141235.18655761407</v>
      </c>
      <c r="D3947">
        <f t="shared" si="61"/>
        <v>5</v>
      </c>
    </row>
    <row r="3948" spans="1:4" x14ac:dyDescent="0.25">
      <c r="A3948" s="20">
        <v>43720.249999990439</v>
      </c>
      <c r="B3948" s="22">
        <v>1.3071510791778564</v>
      </c>
      <c r="C3948" s="21">
        <v>179331.53752720458</v>
      </c>
      <c r="D3948">
        <f t="shared" si="61"/>
        <v>6</v>
      </c>
    </row>
    <row r="3949" spans="1:4" x14ac:dyDescent="0.25">
      <c r="A3949" s="20">
        <v>43720.291666657104</v>
      </c>
      <c r="B3949" s="22">
        <v>1.2675478458404541</v>
      </c>
      <c r="C3949" s="21">
        <v>173898.2644812825</v>
      </c>
      <c r="D3949">
        <f t="shared" si="61"/>
        <v>7</v>
      </c>
    </row>
    <row r="3950" spans="1:4" x14ac:dyDescent="0.25">
      <c r="A3950" s="20">
        <v>43720.333333323768</v>
      </c>
      <c r="B3950" s="22">
        <v>1.0933611392974854</v>
      </c>
      <c r="C3950" s="21">
        <v>150001.12634725941</v>
      </c>
      <c r="D3950">
        <f t="shared" si="61"/>
        <v>8</v>
      </c>
    </row>
    <row r="3951" spans="1:4" x14ac:dyDescent="0.25">
      <c r="A3951" s="20">
        <v>43720.374999990432</v>
      </c>
      <c r="B3951" s="22">
        <v>1.2714688777923584</v>
      </c>
      <c r="C3951" s="21">
        <v>174436.20129656675</v>
      </c>
      <c r="D3951">
        <f t="shared" si="61"/>
        <v>9</v>
      </c>
    </row>
    <row r="3952" spans="1:4" x14ac:dyDescent="0.25">
      <c r="A3952" s="20">
        <v>43720.416666657096</v>
      </c>
      <c r="B3952" s="22">
        <v>1.636595606803894</v>
      </c>
      <c r="C3952" s="21">
        <v>224528.90959092934</v>
      </c>
      <c r="D3952">
        <f t="shared" si="61"/>
        <v>10</v>
      </c>
    </row>
    <row r="3953" spans="1:4" x14ac:dyDescent="0.25">
      <c r="A3953" s="20">
        <v>43720.458333323761</v>
      </c>
      <c r="B3953" s="22">
        <v>1.9503601789474487</v>
      </c>
      <c r="C3953" s="21">
        <v>267575.10680591332</v>
      </c>
      <c r="D3953">
        <f t="shared" si="61"/>
        <v>11</v>
      </c>
    </row>
    <row r="3954" spans="1:4" x14ac:dyDescent="0.25">
      <c r="A3954" s="20">
        <v>43720.499999990425</v>
      </c>
      <c r="B3954" s="22">
        <v>2.2489221096038818</v>
      </c>
      <c r="C3954" s="21">
        <v>308535.6131502788</v>
      </c>
      <c r="D3954">
        <f t="shared" si="61"/>
        <v>12</v>
      </c>
    </row>
    <row r="3955" spans="1:4" x14ac:dyDescent="0.25">
      <c r="A3955" s="20">
        <v>43720.541666657089</v>
      </c>
      <c r="B3955" s="22">
        <v>2.4975674152374268</v>
      </c>
      <c r="C3955" s="21">
        <v>342647.92477858008</v>
      </c>
      <c r="D3955">
        <f t="shared" si="61"/>
        <v>13</v>
      </c>
    </row>
    <row r="3956" spans="1:4" x14ac:dyDescent="0.25">
      <c r="A3956" s="20">
        <v>43720.583333323753</v>
      </c>
      <c r="B3956" s="22">
        <v>2.7350227832794189</v>
      </c>
      <c r="C3956" s="21">
        <v>375225.05906962301</v>
      </c>
      <c r="D3956">
        <f t="shared" si="61"/>
        <v>14</v>
      </c>
    </row>
    <row r="3957" spans="1:4" x14ac:dyDescent="0.25">
      <c r="A3957" s="20">
        <v>43720.624999990418</v>
      </c>
      <c r="B3957" s="22">
        <v>2.8220360279083252</v>
      </c>
      <c r="C3957" s="21">
        <v>387162.63781862799</v>
      </c>
      <c r="D3957">
        <f t="shared" si="61"/>
        <v>15</v>
      </c>
    </row>
    <row r="3958" spans="1:4" x14ac:dyDescent="0.25">
      <c r="A3958" s="20">
        <v>43720.666666657082</v>
      </c>
      <c r="B3958" s="22">
        <v>2.9532599449157715</v>
      </c>
      <c r="C3958" s="21">
        <v>405165.59644532989</v>
      </c>
      <c r="D3958">
        <f t="shared" si="61"/>
        <v>16</v>
      </c>
    </row>
    <row r="3959" spans="1:4" x14ac:dyDescent="0.25">
      <c r="A3959" s="20">
        <v>43720.708333323746</v>
      </c>
      <c r="B3959" s="22">
        <v>2.860710620880127</v>
      </c>
      <c r="C3959" s="21">
        <v>392468.50821980165</v>
      </c>
      <c r="D3959">
        <f t="shared" si="61"/>
        <v>17</v>
      </c>
    </row>
    <row r="3960" spans="1:4" x14ac:dyDescent="0.25">
      <c r="A3960" s="20">
        <v>43720.74999999041</v>
      </c>
      <c r="B3960" s="22">
        <v>2.7825205326080322</v>
      </c>
      <c r="C3960" s="21">
        <v>381741.40178766544</v>
      </c>
      <c r="D3960">
        <f t="shared" si="61"/>
        <v>18</v>
      </c>
    </row>
    <row r="3961" spans="1:4" x14ac:dyDescent="0.25">
      <c r="A3961" s="20">
        <v>43720.791666657075</v>
      </c>
      <c r="B3961" s="22">
        <v>2.6586310863494873</v>
      </c>
      <c r="C3961" s="21">
        <v>364744.67873487755</v>
      </c>
      <c r="D3961">
        <f t="shared" si="61"/>
        <v>19</v>
      </c>
    </row>
    <row r="3962" spans="1:4" x14ac:dyDescent="0.25">
      <c r="A3962" s="20">
        <v>43720.833333323739</v>
      </c>
      <c r="B3962" s="22">
        <v>2.5100531578063965</v>
      </c>
      <c r="C3962" s="21">
        <v>344360.87705145008</v>
      </c>
      <c r="D3962">
        <f t="shared" si="61"/>
        <v>20</v>
      </c>
    </row>
    <row r="3963" spans="1:4" x14ac:dyDescent="0.25">
      <c r="A3963" s="20">
        <v>43720.874999990403</v>
      </c>
      <c r="B3963" s="22">
        <v>2.3721210956573486</v>
      </c>
      <c r="C3963" s="21">
        <v>325437.61012881994</v>
      </c>
      <c r="D3963">
        <f t="shared" si="61"/>
        <v>21</v>
      </c>
    </row>
    <row r="3964" spans="1:4" x14ac:dyDescent="0.25">
      <c r="A3964" s="20">
        <v>43720.916666657067</v>
      </c>
      <c r="B3964" s="22">
        <v>2.0775723457336426</v>
      </c>
      <c r="C3964" s="21">
        <v>285027.68273637415</v>
      </c>
      <c r="D3964">
        <f t="shared" si="61"/>
        <v>22</v>
      </c>
    </row>
    <row r="3965" spans="1:4" x14ac:dyDescent="0.25">
      <c r="A3965" s="20">
        <v>43720.958333323731</v>
      </c>
      <c r="B3965" s="22">
        <v>1.7726188898086548</v>
      </c>
      <c r="C3965" s="21">
        <v>243190.30601962996</v>
      </c>
      <c r="D3965">
        <f t="shared" si="61"/>
        <v>23</v>
      </c>
    </row>
    <row r="3966" spans="1:4" x14ac:dyDescent="0.25">
      <c r="A3966" s="20">
        <v>43720.999999990396</v>
      </c>
      <c r="B3966" s="22">
        <v>1.3730893135070801</v>
      </c>
      <c r="C3966" s="21">
        <v>188377.77948993628</v>
      </c>
      <c r="D3966">
        <f t="shared" si="61"/>
        <v>0</v>
      </c>
    </row>
    <row r="3967" spans="1:4" x14ac:dyDescent="0.25">
      <c r="A3967" s="20">
        <v>43721.04166665706</v>
      </c>
      <c r="B3967" s="22">
        <v>1.2405575513839722</v>
      </c>
      <c r="C3967" s="21">
        <v>170195.39410899376</v>
      </c>
      <c r="D3967">
        <f t="shared" si="61"/>
        <v>1</v>
      </c>
    </row>
    <row r="3968" spans="1:4" x14ac:dyDescent="0.25">
      <c r="A3968" s="20">
        <v>43721.083333323724</v>
      </c>
      <c r="B3968" s="22">
        <v>1.1055235862731934</v>
      </c>
      <c r="C3968" s="21">
        <v>151669.72483674594</v>
      </c>
      <c r="D3968">
        <f t="shared" si="61"/>
        <v>2</v>
      </c>
    </row>
    <row r="3969" spans="1:4" x14ac:dyDescent="0.25">
      <c r="A3969" s="20">
        <v>43721.124999990388</v>
      </c>
      <c r="B3969" s="22">
        <v>1.0604236125946045</v>
      </c>
      <c r="C3969" s="21">
        <v>145482.3393454646</v>
      </c>
      <c r="D3969">
        <f t="shared" si="61"/>
        <v>3</v>
      </c>
    </row>
    <row r="3970" spans="1:4" x14ac:dyDescent="0.25">
      <c r="A3970" s="20">
        <v>43721.166666657053</v>
      </c>
      <c r="B3970" s="22">
        <v>1.0190863609313965</v>
      </c>
      <c r="C3970" s="21">
        <v>139811.17170769267</v>
      </c>
      <c r="D3970">
        <f t="shared" si="61"/>
        <v>4</v>
      </c>
    </row>
    <row r="3971" spans="1:4" x14ac:dyDescent="0.25">
      <c r="A3971" s="20">
        <v>43721.208333323717</v>
      </c>
      <c r="B3971" s="22">
        <v>1.0380473136901855</v>
      </c>
      <c r="C3971" s="21">
        <v>142412.47531014465</v>
      </c>
      <c r="D3971">
        <f t="shared" si="61"/>
        <v>5</v>
      </c>
    </row>
    <row r="3972" spans="1:4" x14ac:dyDescent="0.25">
      <c r="A3972" s="20">
        <v>43721.249999990381</v>
      </c>
      <c r="B3972" s="22">
        <v>1.2277030944824219</v>
      </c>
      <c r="C3972" s="21">
        <v>168431.8569349419</v>
      </c>
      <c r="D3972">
        <f t="shared" si="61"/>
        <v>6</v>
      </c>
    </row>
    <row r="3973" spans="1:4" x14ac:dyDescent="0.25">
      <c r="A3973" s="20">
        <v>43721.291666657045</v>
      </c>
      <c r="B3973" s="22">
        <v>0.99243736267089844</v>
      </c>
      <c r="C3973" s="21">
        <v>136155.12466941099</v>
      </c>
      <c r="D3973">
        <f t="shared" si="61"/>
        <v>7</v>
      </c>
    </row>
    <row r="3974" spans="1:4" x14ac:dyDescent="0.25">
      <c r="A3974" s="20">
        <v>43721.33333332371</v>
      </c>
      <c r="B3974" s="22">
        <v>1.0419595241546631</v>
      </c>
      <c r="C3974" s="21">
        <v>142949.20188207697</v>
      </c>
      <c r="D3974">
        <f t="shared" si="61"/>
        <v>8</v>
      </c>
    </row>
    <row r="3975" spans="1:4" x14ac:dyDescent="0.25">
      <c r="A3975" s="20">
        <v>43721.374999990374</v>
      </c>
      <c r="B3975" s="22">
        <v>1.2077227830886841</v>
      </c>
      <c r="C3975" s="21">
        <v>165690.70480678472</v>
      </c>
      <c r="D3975">
        <f t="shared" ref="D3975:D4038" si="62">HOUR(A3975)</f>
        <v>9</v>
      </c>
    </row>
    <row r="3976" spans="1:4" x14ac:dyDescent="0.25">
      <c r="A3976" s="20">
        <v>43721.416666657038</v>
      </c>
      <c r="B3976" s="22">
        <v>1.5080165863037109</v>
      </c>
      <c r="C3976" s="21">
        <v>206888.811359482</v>
      </c>
      <c r="D3976">
        <f t="shared" si="62"/>
        <v>10</v>
      </c>
    </row>
    <row r="3977" spans="1:4" x14ac:dyDescent="0.25">
      <c r="A3977" s="20">
        <v>43721.458333323702</v>
      </c>
      <c r="B3977" s="22">
        <v>1.9886173009872437</v>
      </c>
      <c r="C3977" s="21">
        <v>272823.70325818984</v>
      </c>
      <c r="D3977">
        <f t="shared" si="62"/>
        <v>11</v>
      </c>
    </row>
    <row r="3978" spans="1:4" x14ac:dyDescent="0.25">
      <c r="A3978" s="20">
        <v>43721.499999990367</v>
      </c>
      <c r="B3978" s="22">
        <v>2.285564661026001</v>
      </c>
      <c r="C3978" s="21">
        <v>313562.70235987601</v>
      </c>
      <c r="D3978">
        <f t="shared" si="62"/>
        <v>12</v>
      </c>
    </row>
    <row r="3979" spans="1:4" x14ac:dyDescent="0.25">
      <c r="A3979" s="20">
        <v>43721.541666657031</v>
      </c>
      <c r="B3979" s="22">
        <v>2.5862948894500732</v>
      </c>
      <c r="C3979" s="21">
        <v>354820.68324921309</v>
      </c>
      <c r="D3979">
        <f t="shared" si="62"/>
        <v>13</v>
      </c>
    </row>
    <row r="3980" spans="1:4" x14ac:dyDescent="0.25">
      <c r="A3980" s="20">
        <v>43721.583333323695</v>
      </c>
      <c r="B3980" s="22">
        <v>2.8992490768432617</v>
      </c>
      <c r="C3980" s="21">
        <v>397755.70162222016</v>
      </c>
      <c r="D3980">
        <f t="shared" si="62"/>
        <v>14</v>
      </c>
    </row>
    <row r="3981" spans="1:4" x14ac:dyDescent="0.25">
      <c r="A3981" s="20">
        <v>43721.624999990359</v>
      </c>
      <c r="B3981" s="22">
        <v>3.0590639114379883</v>
      </c>
      <c r="C3981" s="21">
        <v>419681.12437102286</v>
      </c>
      <c r="D3981">
        <f t="shared" si="62"/>
        <v>15</v>
      </c>
    </row>
    <row r="3982" spans="1:4" x14ac:dyDescent="0.25">
      <c r="A3982" s="20">
        <v>43721.666666657024</v>
      </c>
      <c r="B3982" s="22">
        <v>3.0070652961730957</v>
      </c>
      <c r="C3982" s="21">
        <v>412547.29586926795</v>
      </c>
      <c r="D3982">
        <f t="shared" si="62"/>
        <v>16</v>
      </c>
    </row>
    <row r="3983" spans="1:4" x14ac:dyDescent="0.25">
      <c r="A3983" s="20">
        <v>43721.708333323688</v>
      </c>
      <c r="B3983" s="22">
        <v>2.7864766120910645</v>
      </c>
      <c r="C3983" s="21">
        <v>382284.14686707751</v>
      </c>
      <c r="D3983">
        <f t="shared" si="62"/>
        <v>17</v>
      </c>
    </row>
    <row r="3984" spans="1:4" x14ac:dyDescent="0.25">
      <c r="A3984" s="20">
        <v>43721.749999990352</v>
      </c>
      <c r="B3984" s="22">
        <v>2.8347835540771484</v>
      </c>
      <c r="C3984" s="21">
        <v>388911.50488069793</v>
      </c>
      <c r="D3984">
        <f t="shared" si="62"/>
        <v>18</v>
      </c>
    </row>
    <row r="3985" spans="1:4" x14ac:dyDescent="0.25">
      <c r="A3985" s="20">
        <v>43721.791666657016</v>
      </c>
      <c r="B3985" s="22">
        <v>2.3660421371459961</v>
      </c>
      <c r="C3985" s="21">
        <v>324603.62162223458</v>
      </c>
      <c r="D3985">
        <f t="shared" si="62"/>
        <v>19</v>
      </c>
    </row>
    <row r="3986" spans="1:4" x14ac:dyDescent="0.25">
      <c r="A3986" s="20">
        <v>43721.833333323681</v>
      </c>
      <c r="B3986" s="22">
        <v>2.2875585556030273</v>
      </c>
      <c r="C3986" s="21">
        <v>313836.25006668747</v>
      </c>
      <c r="D3986">
        <f t="shared" si="62"/>
        <v>20</v>
      </c>
    </row>
    <row r="3987" spans="1:4" x14ac:dyDescent="0.25">
      <c r="A3987" s="20">
        <v>43721.874999990345</v>
      </c>
      <c r="B3987" s="22">
        <v>2.201740026473999</v>
      </c>
      <c r="C3987" s="21">
        <v>302062.57751866686</v>
      </c>
      <c r="D3987">
        <f t="shared" si="62"/>
        <v>21</v>
      </c>
    </row>
    <row r="3988" spans="1:4" x14ac:dyDescent="0.25">
      <c r="A3988" s="20">
        <v>43721.916666657009</v>
      </c>
      <c r="B3988" s="22">
        <v>1.9914963245391846</v>
      </c>
      <c r="C3988" s="21">
        <v>273218.68416618963</v>
      </c>
      <c r="D3988">
        <f t="shared" si="62"/>
        <v>22</v>
      </c>
    </row>
    <row r="3989" spans="1:4" x14ac:dyDescent="0.25">
      <c r="A3989" s="20">
        <v>43721.958333323673</v>
      </c>
      <c r="B3989" s="22">
        <v>1.78505539894104</v>
      </c>
      <c r="C3989" s="21">
        <v>244896.50382622515</v>
      </c>
      <c r="D3989">
        <f t="shared" si="62"/>
        <v>23</v>
      </c>
    </row>
    <row r="3990" spans="1:4" x14ac:dyDescent="0.25">
      <c r="A3990" s="20">
        <v>43721.999999990338</v>
      </c>
      <c r="B3990" s="22">
        <v>1.6464611291885376</v>
      </c>
      <c r="C3990" s="21">
        <v>225882.38687900224</v>
      </c>
      <c r="D3990">
        <f t="shared" si="62"/>
        <v>0</v>
      </c>
    </row>
    <row r="3991" spans="1:4" x14ac:dyDescent="0.25">
      <c r="A3991" s="20">
        <v>43722.041666657002</v>
      </c>
      <c r="B3991" s="22">
        <v>1.5380278825759888</v>
      </c>
      <c r="C3991" s="21">
        <v>211006.1410158803</v>
      </c>
      <c r="D3991">
        <f t="shared" si="62"/>
        <v>1</v>
      </c>
    </row>
    <row r="3992" spans="1:4" x14ac:dyDescent="0.25">
      <c r="A3992" s="20">
        <v>43722.083333323666</v>
      </c>
      <c r="B3992" s="22">
        <v>1.3170819282531738</v>
      </c>
      <c r="C3992" s="21">
        <v>180693.97715793754</v>
      </c>
      <c r="D3992">
        <f t="shared" si="62"/>
        <v>2</v>
      </c>
    </row>
    <row r="3993" spans="1:4" x14ac:dyDescent="0.25">
      <c r="A3993" s="20">
        <v>43722.12499999033</v>
      </c>
      <c r="B3993" s="22">
        <v>1.2329059839248657</v>
      </c>
      <c r="C3993" s="21">
        <v>169145.65519297059</v>
      </c>
      <c r="D3993">
        <f t="shared" si="62"/>
        <v>3</v>
      </c>
    </row>
    <row r="3994" spans="1:4" x14ac:dyDescent="0.25">
      <c r="A3994" s="20">
        <v>43722.166666656994</v>
      </c>
      <c r="B3994" s="22">
        <v>1.1543513536453247</v>
      </c>
      <c r="C3994" s="21">
        <v>158368.53627204869</v>
      </c>
      <c r="D3994">
        <f t="shared" si="62"/>
        <v>4</v>
      </c>
    </row>
    <row r="3995" spans="1:4" x14ac:dyDescent="0.25">
      <c r="A3995" s="20">
        <v>43722.208333323659</v>
      </c>
      <c r="B3995" s="22">
        <v>1.1541210412979126</v>
      </c>
      <c r="C3995" s="21">
        <v>158336.93910777988</v>
      </c>
      <c r="D3995">
        <f t="shared" si="62"/>
        <v>5</v>
      </c>
    </row>
    <row r="3996" spans="1:4" x14ac:dyDescent="0.25">
      <c r="A3996" s="20">
        <v>43722.249999990323</v>
      </c>
      <c r="B3996" s="22">
        <v>1.0754925012588501</v>
      </c>
      <c r="C3996" s="21">
        <v>147549.68031012575</v>
      </c>
      <c r="D3996">
        <f t="shared" si="62"/>
        <v>6</v>
      </c>
    </row>
    <row r="3997" spans="1:4" x14ac:dyDescent="0.25">
      <c r="A3997" s="20">
        <v>43722.291666656987</v>
      </c>
      <c r="B3997" s="22">
        <v>1.1387382745742798</v>
      </c>
      <c r="C3997" s="21">
        <v>156226.53637628656</v>
      </c>
      <c r="D3997">
        <f t="shared" si="62"/>
        <v>7</v>
      </c>
    </row>
    <row r="3998" spans="1:4" x14ac:dyDescent="0.25">
      <c r="A3998" s="20">
        <v>43722.333333323651</v>
      </c>
      <c r="B3998" s="22">
        <v>1.13090980052948</v>
      </c>
      <c r="C3998" s="21">
        <v>155152.52717466562</v>
      </c>
      <c r="D3998">
        <f t="shared" si="62"/>
        <v>8</v>
      </c>
    </row>
    <row r="3999" spans="1:4" x14ac:dyDescent="0.25">
      <c r="A3999" s="20">
        <v>43722.374999990316</v>
      </c>
      <c r="B3999" s="22">
        <v>1.4721392393112183</v>
      </c>
      <c r="C3999" s="21">
        <v>201966.70258334314</v>
      </c>
      <c r="D3999">
        <f t="shared" si="62"/>
        <v>9</v>
      </c>
    </row>
    <row r="4000" spans="1:4" x14ac:dyDescent="0.25">
      <c r="A4000" s="20">
        <v>43722.41666665698</v>
      </c>
      <c r="B4000" s="22">
        <v>1.7691313028335571</v>
      </c>
      <c r="C4000" s="21">
        <v>242711.83467498823</v>
      </c>
      <c r="D4000">
        <f t="shared" si="62"/>
        <v>10</v>
      </c>
    </row>
    <row r="4001" spans="1:4" x14ac:dyDescent="0.25">
      <c r="A4001" s="20">
        <v>43722.458333323644</v>
      </c>
      <c r="B4001" s="22">
        <v>2.222728967666626</v>
      </c>
      <c r="C4001" s="21">
        <v>304942.10625493911</v>
      </c>
      <c r="D4001">
        <f t="shared" si="62"/>
        <v>11</v>
      </c>
    </row>
    <row r="4002" spans="1:4" x14ac:dyDescent="0.25">
      <c r="A4002" s="20">
        <v>43722.499999990308</v>
      </c>
      <c r="B4002" s="22">
        <v>2.3933384418487549</v>
      </c>
      <c r="C4002" s="21">
        <v>328348.47435512266</v>
      </c>
      <c r="D4002">
        <f t="shared" si="62"/>
        <v>12</v>
      </c>
    </row>
    <row r="4003" spans="1:4" x14ac:dyDescent="0.25">
      <c r="A4003" s="20">
        <v>43722.541666656973</v>
      </c>
      <c r="B4003" s="22">
        <v>2.5686264038085938</v>
      </c>
      <c r="C4003" s="21">
        <v>352396.69665245584</v>
      </c>
      <c r="D4003">
        <f t="shared" si="62"/>
        <v>13</v>
      </c>
    </row>
    <row r="4004" spans="1:4" x14ac:dyDescent="0.25">
      <c r="A4004" s="20">
        <v>43722.583333323637</v>
      </c>
      <c r="B4004" s="22">
        <v>2.5869541168212891</v>
      </c>
      <c r="C4004" s="21">
        <v>354911.12440780847</v>
      </c>
      <c r="D4004">
        <f t="shared" si="62"/>
        <v>14</v>
      </c>
    </row>
    <row r="4005" spans="1:4" x14ac:dyDescent="0.25">
      <c r="A4005" s="20">
        <v>43722.624999990301</v>
      </c>
      <c r="B4005" s="22">
        <v>2.4972343444824219</v>
      </c>
      <c r="C4005" s="21">
        <v>342602.22991472553</v>
      </c>
      <c r="D4005">
        <f t="shared" si="62"/>
        <v>15</v>
      </c>
    </row>
    <row r="4006" spans="1:4" x14ac:dyDescent="0.25">
      <c r="A4006" s="20">
        <v>43722.666666656965</v>
      </c>
      <c r="B4006" s="22">
        <v>2.460411548614502</v>
      </c>
      <c r="C4006" s="21">
        <v>337550.41248961363</v>
      </c>
      <c r="D4006">
        <f t="shared" si="62"/>
        <v>16</v>
      </c>
    </row>
    <row r="4007" spans="1:4" x14ac:dyDescent="0.25">
      <c r="A4007" s="20">
        <v>43722.70833332363</v>
      </c>
      <c r="B4007" s="22">
        <v>2.6844964027404785</v>
      </c>
      <c r="C4007" s="21">
        <v>368293.21037051786</v>
      </c>
      <c r="D4007">
        <f t="shared" si="62"/>
        <v>17</v>
      </c>
    </row>
    <row r="4008" spans="1:4" x14ac:dyDescent="0.25">
      <c r="A4008" s="20">
        <v>43722.749999990294</v>
      </c>
      <c r="B4008" s="22">
        <v>2.2621550559997559</v>
      </c>
      <c r="C4008" s="21">
        <v>310351.07630598359</v>
      </c>
      <c r="D4008">
        <f t="shared" si="62"/>
        <v>18</v>
      </c>
    </row>
    <row r="4009" spans="1:4" x14ac:dyDescent="0.25">
      <c r="A4009" s="20">
        <v>43722.791666656958</v>
      </c>
      <c r="B4009" s="22">
        <v>2.1963284015655518</v>
      </c>
      <c r="C4009" s="21">
        <v>301320.1422861896</v>
      </c>
      <c r="D4009">
        <f t="shared" si="62"/>
        <v>19</v>
      </c>
    </row>
    <row r="4010" spans="1:4" x14ac:dyDescent="0.25">
      <c r="A4010" s="20">
        <v>43722.833333323622</v>
      </c>
      <c r="B4010" s="22">
        <v>1.8856648206710815</v>
      </c>
      <c r="C4010" s="21">
        <v>258699.37831868185</v>
      </c>
      <c r="D4010">
        <f t="shared" si="62"/>
        <v>20</v>
      </c>
    </row>
    <row r="4011" spans="1:4" x14ac:dyDescent="0.25">
      <c r="A4011" s="20">
        <v>43722.874999990287</v>
      </c>
      <c r="B4011" s="22">
        <v>1.6833117008209229</v>
      </c>
      <c r="C4011" s="21">
        <v>230938.0149352086</v>
      </c>
      <c r="D4011">
        <f t="shared" si="62"/>
        <v>21</v>
      </c>
    </row>
    <row r="4012" spans="1:4" x14ac:dyDescent="0.25">
      <c r="A4012" s="20">
        <v>43722.916666656951</v>
      </c>
      <c r="B4012" s="22">
        <v>1.6199915409088135</v>
      </c>
      <c r="C4012" s="21">
        <v>222250.95357375601</v>
      </c>
      <c r="D4012">
        <f t="shared" si="62"/>
        <v>22</v>
      </c>
    </row>
    <row r="4013" spans="1:4" x14ac:dyDescent="0.25">
      <c r="A4013" s="20">
        <v>43722.958333323615</v>
      </c>
      <c r="B4013" s="22">
        <v>1.2700458765029907</v>
      </c>
      <c r="C4013" s="21">
        <v>174240.97596019169</v>
      </c>
      <c r="D4013">
        <f t="shared" si="62"/>
        <v>23</v>
      </c>
    </row>
    <row r="4014" spans="1:4" x14ac:dyDescent="0.25">
      <c r="A4014" s="20">
        <v>43722.999999990279</v>
      </c>
      <c r="B4014" s="22">
        <v>0.98682320117950439</v>
      </c>
      <c r="C4014" s="21">
        <v>135384.90290375942</v>
      </c>
      <c r="D4014">
        <f t="shared" si="62"/>
        <v>0</v>
      </c>
    </row>
    <row r="4015" spans="1:4" x14ac:dyDescent="0.25">
      <c r="A4015" s="20">
        <v>43723.041666656944</v>
      </c>
      <c r="B4015" s="22">
        <v>0.85089719295501709</v>
      </c>
      <c r="C4015" s="21">
        <v>116736.85186120958</v>
      </c>
      <c r="D4015">
        <f t="shared" si="62"/>
        <v>1</v>
      </c>
    </row>
    <row r="4016" spans="1:4" x14ac:dyDescent="0.25">
      <c r="A4016" s="20">
        <v>43723.083333323608</v>
      </c>
      <c r="B4016" s="22">
        <v>0.71812540292739868</v>
      </c>
      <c r="C4016" s="21">
        <v>98521.536412847199</v>
      </c>
      <c r="D4016">
        <f t="shared" si="62"/>
        <v>2</v>
      </c>
    </row>
    <row r="4017" spans="1:4" x14ac:dyDescent="0.25">
      <c r="A4017" s="20">
        <v>43723.124999990272</v>
      </c>
      <c r="B4017" s="22">
        <v>0.62808424234390259</v>
      </c>
      <c r="C4017" s="21">
        <v>86168.549810618933</v>
      </c>
      <c r="D4017">
        <f t="shared" si="62"/>
        <v>3</v>
      </c>
    </row>
    <row r="4018" spans="1:4" x14ac:dyDescent="0.25">
      <c r="A4018" s="20">
        <v>43723.166666656936</v>
      </c>
      <c r="B4018" s="22">
        <v>0.58318424224853516</v>
      </c>
      <c r="C4018" s="21">
        <v>80008.59922775421</v>
      </c>
      <c r="D4018">
        <f t="shared" si="62"/>
        <v>4</v>
      </c>
    </row>
    <row r="4019" spans="1:4" x14ac:dyDescent="0.25">
      <c r="A4019" s="20">
        <v>43723.208333323601</v>
      </c>
      <c r="B4019" s="22">
        <v>0.60970854759216309</v>
      </c>
      <c r="C4019" s="21">
        <v>83647.539312710258</v>
      </c>
      <c r="D4019">
        <f t="shared" si="62"/>
        <v>5</v>
      </c>
    </row>
    <row r="4020" spans="1:4" x14ac:dyDescent="0.25">
      <c r="A4020" s="20">
        <v>43723.249999990265</v>
      </c>
      <c r="B4020" s="22">
        <v>0.65960550308227539</v>
      </c>
      <c r="C4020" s="21">
        <v>90493.035513192532</v>
      </c>
      <c r="D4020">
        <f t="shared" si="62"/>
        <v>6</v>
      </c>
    </row>
    <row r="4021" spans="1:4" x14ac:dyDescent="0.25">
      <c r="A4021" s="20">
        <v>43723.291666656929</v>
      </c>
      <c r="B4021" s="22">
        <v>0.75132119655609131</v>
      </c>
      <c r="C4021" s="21">
        <v>103075.75574196519</v>
      </c>
      <c r="D4021">
        <f t="shared" si="62"/>
        <v>7</v>
      </c>
    </row>
    <row r="4022" spans="1:4" x14ac:dyDescent="0.25">
      <c r="A4022" s="20">
        <v>43723.333333323593</v>
      </c>
      <c r="B4022" s="22">
        <v>0.91904366016387939</v>
      </c>
      <c r="C4022" s="21">
        <v>126086.04717327627</v>
      </c>
      <c r="D4022">
        <f t="shared" si="62"/>
        <v>8</v>
      </c>
    </row>
    <row r="4023" spans="1:4" x14ac:dyDescent="0.25">
      <c r="A4023" s="20">
        <v>43723.374999990257</v>
      </c>
      <c r="B4023" s="22">
        <v>1.0414887666702271</v>
      </c>
      <c r="C4023" s="21">
        <v>142884.61740914866</v>
      </c>
      <c r="D4023">
        <f t="shared" si="62"/>
        <v>9</v>
      </c>
    </row>
    <row r="4024" spans="1:4" x14ac:dyDescent="0.25">
      <c r="A4024" s="20">
        <v>43723.416666656922</v>
      </c>
      <c r="B4024" s="22">
        <v>1.149397611618042</v>
      </c>
      <c r="C4024" s="21">
        <v>157688.91921139148</v>
      </c>
      <c r="D4024">
        <f t="shared" si="62"/>
        <v>10</v>
      </c>
    </row>
    <row r="4025" spans="1:4" x14ac:dyDescent="0.25">
      <c r="A4025" s="20">
        <v>43723.458333323586</v>
      </c>
      <c r="B4025" s="22">
        <v>1.4570097923278809</v>
      </c>
      <c r="C4025" s="21">
        <v>199891.0534616175</v>
      </c>
      <c r="D4025">
        <f t="shared" si="62"/>
        <v>11</v>
      </c>
    </row>
    <row r="4026" spans="1:4" x14ac:dyDescent="0.25">
      <c r="A4026" s="20">
        <v>43723.49999999025</v>
      </c>
      <c r="B4026" s="22">
        <v>1.6481404304504395</v>
      </c>
      <c r="C4026" s="21">
        <v>226112.77469114223</v>
      </c>
      <c r="D4026">
        <f t="shared" si="62"/>
        <v>12</v>
      </c>
    </row>
    <row r="4027" spans="1:4" x14ac:dyDescent="0.25">
      <c r="A4027" s="20">
        <v>43723.541666656914</v>
      </c>
      <c r="B4027" s="22">
        <v>1.8471506834030151</v>
      </c>
      <c r="C4027" s="21">
        <v>253415.52126280102</v>
      </c>
      <c r="D4027">
        <f t="shared" si="62"/>
        <v>13</v>
      </c>
    </row>
    <row r="4028" spans="1:4" x14ac:dyDescent="0.25">
      <c r="A4028" s="20">
        <v>43723.583333323579</v>
      </c>
      <c r="B4028" s="22">
        <v>2.1800341606140137</v>
      </c>
      <c r="C4028" s="21">
        <v>299084.69197809213</v>
      </c>
      <c r="D4028">
        <f t="shared" si="62"/>
        <v>14</v>
      </c>
    </row>
    <row r="4029" spans="1:4" x14ac:dyDescent="0.25">
      <c r="A4029" s="20">
        <v>43723.624999990243</v>
      </c>
      <c r="B4029" s="22">
        <v>2.4217092990875244</v>
      </c>
      <c r="C4029" s="21">
        <v>332240.74781198532</v>
      </c>
      <c r="D4029">
        <f t="shared" si="62"/>
        <v>15</v>
      </c>
    </row>
    <row r="4030" spans="1:4" x14ac:dyDescent="0.25">
      <c r="A4030" s="20">
        <v>43723.666666656907</v>
      </c>
      <c r="B4030" s="22">
        <v>2.4293255805969238</v>
      </c>
      <c r="C4030" s="21">
        <v>333285.64575460088</v>
      </c>
      <c r="D4030">
        <f t="shared" si="62"/>
        <v>16</v>
      </c>
    </row>
    <row r="4031" spans="1:4" x14ac:dyDescent="0.25">
      <c r="A4031" s="20">
        <v>43723.708333323571</v>
      </c>
      <c r="B4031" s="22">
        <v>2.4473714828491211</v>
      </c>
      <c r="C4031" s="21">
        <v>335761.41114125197</v>
      </c>
      <c r="D4031">
        <f t="shared" si="62"/>
        <v>17</v>
      </c>
    </row>
    <row r="4032" spans="1:4" x14ac:dyDescent="0.25">
      <c r="A4032" s="20">
        <v>43723.749999990236</v>
      </c>
      <c r="B4032" s="22">
        <v>2.2634613513946533</v>
      </c>
      <c r="C4032" s="21">
        <v>310530.29044990573</v>
      </c>
      <c r="D4032">
        <f t="shared" si="62"/>
        <v>18</v>
      </c>
    </row>
    <row r="4033" spans="1:4" x14ac:dyDescent="0.25">
      <c r="A4033" s="20">
        <v>43723.7916666569</v>
      </c>
      <c r="B4033" s="22">
        <v>2.0089728832244873</v>
      </c>
      <c r="C4033" s="21">
        <v>275616.33979272289</v>
      </c>
      <c r="D4033">
        <f t="shared" si="62"/>
        <v>19</v>
      </c>
    </row>
    <row r="4034" spans="1:4" x14ac:dyDescent="0.25">
      <c r="A4034" s="20">
        <v>43723.833333323564</v>
      </c>
      <c r="B4034" s="22">
        <v>1.956743597984314</v>
      </c>
      <c r="C4034" s="21">
        <v>268450.86506277946</v>
      </c>
      <c r="D4034">
        <f t="shared" si="62"/>
        <v>20</v>
      </c>
    </row>
    <row r="4035" spans="1:4" x14ac:dyDescent="0.25">
      <c r="A4035" s="20">
        <v>43723.874999990228</v>
      </c>
      <c r="B4035" s="22">
        <v>1.7415639162063599</v>
      </c>
      <c r="C4035" s="21">
        <v>238929.79149098875</v>
      </c>
      <c r="D4035">
        <f t="shared" si="62"/>
        <v>21</v>
      </c>
    </row>
    <row r="4036" spans="1:4" x14ac:dyDescent="0.25">
      <c r="A4036" s="20">
        <v>43723.916666656893</v>
      </c>
      <c r="B4036" s="22">
        <v>1.3932825326919556</v>
      </c>
      <c r="C4036" s="21">
        <v>191148.14100493822</v>
      </c>
      <c r="D4036">
        <f t="shared" si="62"/>
        <v>22</v>
      </c>
    </row>
    <row r="4037" spans="1:4" x14ac:dyDescent="0.25">
      <c r="A4037" s="20">
        <v>43723.958333323557</v>
      </c>
      <c r="B4037" s="22">
        <v>1.11376953125</v>
      </c>
      <c r="C4037" s="21">
        <v>152801.00798726402</v>
      </c>
      <c r="D4037">
        <f t="shared" si="62"/>
        <v>23</v>
      </c>
    </row>
    <row r="4038" spans="1:4" x14ac:dyDescent="0.25">
      <c r="A4038" s="20">
        <v>43723.999999990221</v>
      </c>
      <c r="B4038" s="22">
        <v>0.9332001805305481</v>
      </c>
      <c r="C4038" s="21">
        <v>128028.21790153411</v>
      </c>
      <c r="D4038">
        <f t="shared" si="62"/>
        <v>0</v>
      </c>
    </row>
    <row r="4039" spans="1:4" x14ac:dyDescent="0.25">
      <c r="A4039" s="20">
        <v>43724.041666656885</v>
      </c>
      <c r="B4039" s="22">
        <v>0.79458528757095337</v>
      </c>
      <c r="C4039" s="21">
        <v>109011.2716016101</v>
      </c>
      <c r="D4039">
        <f t="shared" ref="D4039:D4102" si="63">HOUR(A4039)</f>
        <v>1</v>
      </c>
    </row>
    <row r="4040" spans="1:4" x14ac:dyDescent="0.25">
      <c r="A4040" s="20">
        <v>43724.08333332355</v>
      </c>
      <c r="B4040" s="22">
        <v>0.66608107089996338</v>
      </c>
      <c r="C4040" s="21">
        <v>91381.435906694154</v>
      </c>
      <c r="D4040">
        <f t="shared" si="63"/>
        <v>2</v>
      </c>
    </row>
    <row r="4041" spans="1:4" x14ac:dyDescent="0.25">
      <c r="A4041" s="20">
        <v>43724.124999990214</v>
      </c>
      <c r="B4041" s="22">
        <v>0.64396542310714722</v>
      </c>
      <c r="C4041" s="21">
        <v>88347.331291495182</v>
      </c>
      <c r="D4041">
        <f t="shared" si="63"/>
        <v>3</v>
      </c>
    </row>
    <row r="4042" spans="1:4" x14ac:dyDescent="0.25">
      <c r="A4042" s="20">
        <v>43724.166666656878</v>
      </c>
      <c r="B4042" s="22">
        <v>0.63251006603240967</v>
      </c>
      <c r="C4042" s="21">
        <v>86775.740348520267</v>
      </c>
      <c r="D4042">
        <f t="shared" si="63"/>
        <v>4</v>
      </c>
    </row>
    <row r="4043" spans="1:4" x14ac:dyDescent="0.25">
      <c r="A4043" s="20">
        <v>43724.208333323542</v>
      </c>
      <c r="B4043" s="22">
        <v>0.74944740533828735</v>
      </c>
      <c r="C4043" s="21">
        <v>102818.68533484354</v>
      </c>
      <c r="D4043">
        <f t="shared" si="63"/>
        <v>5</v>
      </c>
    </row>
    <row r="4044" spans="1:4" x14ac:dyDescent="0.25">
      <c r="A4044" s="20">
        <v>43724.249999990207</v>
      </c>
      <c r="B4044" s="22">
        <v>0.91806864738464355</v>
      </c>
      <c r="C4044" s="21">
        <v>125952.28257361038</v>
      </c>
      <c r="D4044">
        <f t="shared" si="63"/>
        <v>6</v>
      </c>
    </row>
    <row r="4045" spans="1:4" x14ac:dyDescent="0.25">
      <c r="A4045" s="20">
        <v>43724.291666656871</v>
      </c>
      <c r="B4045" s="22">
        <v>0.71243876218795776</v>
      </c>
      <c r="C4045" s="21">
        <v>97741.371026142093</v>
      </c>
      <c r="D4045">
        <f t="shared" si="63"/>
        <v>7</v>
      </c>
    </row>
    <row r="4046" spans="1:4" x14ac:dyDescent="0.25">
      <c r="A4046" s="20">
        <v>43724.333333323535</v>
      </c>
      <c r="B4046" s="22">
        <v>0.68302226066589355</v>
      </c>
      <c r="C4046" s="21">
        <v>93705.642845478331</v>
      </c>
      <c r="D4046">
        <f t="shared" si="63"/>
        <v>8</v>
      </c>
    </row>
    <row r="4047" spans="1:4" x14ac:dyDescent="0.25">
      <c r="A4047" s="20">
        <v>43724.374999990199</v>
      </c>
      <c r="B4047" s="22">
        <v>0.86397683620452881</v>
      </c>
      <c r="C4047" s="21">
        <v>118531.28295001497</v>
      </c>
      <c r="D4047">
        <f t="shared" si="63"/>
        <v>9</v>
      </c>
    </row>
    <row r="4048" spans="1:4" x14ac:dyDescent="0.25">
      <c r="A4048" s="20">
        <v>43724.416666656864</v>
      </c>
      <c r="B4048" s="22">
        <v>1.0137970447540283</v>
      </c>
      <c r="C4048" s="21">
        <v>139085.51633574322</v>
      </c>
      <c r="D4048">
        <f t="shared" si="63"/>
        <v>10</v>
      </c>
    </row>
    <row r="4049" spans="1:4" x14ac:dyDescent="0.25">
      <c r="A4049" s="20">
        <v>43724.458333323528</v>
      </c>
      <c r="B4049" s="22">
        <v>1.117162823677063</v>
      </c>
      <c r="C4049" s="21">
        <v>153266.54281175221</v>
      </c>
      <c r="D4049">
        <f t="shared" si="63"/>
        <v>11</v>
      </c>
    </row>
    <row r="4050" spans="1:4" x14ac:dyDescent="0.25">
      <c r="A4050" s="20">
        <v>43724.499999990192</v>
      </c>
      <c r="B4050" s="22">
        <v>1.373008131980896</v>
      </c>
      <c r="C4050" s="21">
        <v>188366.64198017074</v>
      </c>
      <c r="D4050">
        <f t="shared" si="63"/>
        <v>12</v>
      </c>
    </row>
    <row r="4051" spans="1:4" x14ac:dyDescent="0.25">
      <c r="A4051" s="20">
        <v>43724.541666656856</v>
      </c>
      <c r="B4051" s="22">
        <v>1.8554260730743408</v>
      </c>
      <c r="C4051" s="21">
        <v>254550.84400937211</v>
      </c>
      <c r="D4051">
        <f t="shared" si="63"/>
        <v>13</v>
      </c>
    </row>
    <row r="4052" spans="1:4" x14ac:dyDescent="0.25">
      <c r="A4052" s="20">
        <v>43724.58333332352</v>
      </c>
      <c r="B4052" s="22">
        <v>2.1199698448181152</v>
      </c>
      <c r="C4052" s="21">
        <v>290844.30854133377</v>
      </c>
      <c r="D4052">
        <f t="shared" si="63"/>
        <v>14</v>
      </c>
    </row>
    <row r="4053" spans="1:4" x14ac:dyDescent="0.25">
      <c r="A4053" s="20">
        <v>43724.624999990185</v>
      </c>
      <c r="B4053" s="22">
        <v>2.283843994140625</v>
      </c>
      <c r="C4053" s="21">
        <v>313326.6394876939</v>
      </c>
      <c r="D4053">
        <f t="shared" si="63"/>
        <v>15</v>
      </c>
    </row>
    <row r="4054" spans="1:4" x14ac:dyDescent="0.25">
      <c r="A4054" s="20">
        <v>43724.666666656849</v>
      </c>
      <c r="B4054" s="22">
        <v>2.5274925231933594</v>
      </c>
      <c r="C4054" s="21">
        <v>346753.43003033742</v>
      </c>
      <c r="D4054">
        <f t="shared" si="63"/>
        <v>16</v>
      </c>
    </row>
    <row r="4055" spans="1:4" x14ac:dyDescent="0.25">
      <c r="A4055" s="20">
        <v>43724.708333323513</v>
      </c>
      <c r="B4055" s="22">
        <v>2.5901393890380859</v>
      </c>
      <c r="C4055" s="21">
        <v>355348.12038568751</v>
      </c>
      <c r="D4055">
        <f t="shared" si="63"/>
        <v>17</v>
      </c>
    </row>
    <row r="4056" spans="1:4" x14ac:dyDescent="0.25">
      <c r="A4056" s="20">
        <v>43724.749999990177</v>
      </c>
      <c r="B4056" s="22">
        <v>2.5778110027313232</v>
      </c>
      <c r="C4056" s="21">
        <v>353656.75623747311</v>
      </c>
      <c r="D4056">
        <f t="shared" si="63"/>
        <v>18</v>
      </c>
    </row>
    <row r="4057" spans="1:4" x14ac:dyDescent="0.25">
      <c r="A4057" s="20">
        <v>43724.791666656842</v>
      </c>
      <c r="B4057" s="22">
        <v>2.4432921409606934</v>
      </c>
      <c r="C4057" s="21">
        <v>335201.75536419288</v>
      </c>
      <c r="D4057">
        <f t="shared" si="63"/>
        <v>19</v>
      </c>
    </row>
    <row r="4058" spans="1:4" x14ac:dyDescent="0.25">
      <c r="A4058" s="20">
        <v>43724.833333323506</v>
      </c>
      <c r="B4058" s="22">
        <v>2.3080720901489258</v>
      </c>
      <c r="C4058" s="21">
        <v>316650.55649907567</v>
      </c>
      <c r="D4058">
        <f t="shared" si="63"/>
        <v>20</v>
      </c>
    </row>
    <row r="4059" spans="1:4" x14ac:dyDescent="0.25">
      <c r="A4059" s="20">
        <v>43724.87499999017</v>
      </c>
      <c r="B4059" s="22">
        <v>2.2557978630065918</v>
      </c>
      <c r="C4059" s="21">
        <v>309478.91606989346</v>
      </c>
      <c r="D4059">
        <f t="shared" si="63"/>
        <v>21</v>
      </c>
    </row>
    <row r="4060" spans="1:4" x14ac:dyDescent="0.25">
      <c r="A4060" s="20">
        <v>43724.916666656834</v>
      </c>
      <c r="B4060" s="22">
        <v>1.9522316455841064</v>
      </c>
      <c r="C4060" s="21">
        <v>267831.8582975571</v>
      </c>
      <c r="D4060">
        <f t="shared" si="63"/>
        <v>22</v>
      </c>
    </row>
    <row r="4061" spans="1:4" x14ac:dyDescent="0.25">
      <c r="A4061" s="20">
        <v>43724.958333323499</v>
      </c>
      <c r="B4061" s="22">
        <v>1.449110746383667</v>
      </c>
      <c r="C4061" s="21">
        <v>198807.36231318128</v>
      </c>
      <c r="D4061">
        <f t="shared" si="63"/>
        <v>23</v>
      </c>
    </row>
    <row r="4062" spans="1:4" x14ac:dyDescent="0.25">
      <c r="A4062" s="20">
        <v>43724.999999990163</v>
      </c>
      <c r="B4062" s="22">
        <v>1.2099853754043579</v>
      </c>
      <c r="C4062" s="21">
        <v>166001.1158719098</v>
      </c>
      <c r="D4062">
        <f t="shared" si="63"/>
        <v>0</v>
      </c>
    </row>
    <row r="4063" spans="1:4" x14ac:dyDescent="0.25">
      <c r="A4063" s="20">
        <v>43725.041666656827</v>
      </c>
      <c r="B4063" s="22">
        <v>1.0773252248764038</v>
      </c>
      <c r="C4063" s="21">
        <v>147801.11654380505</v>
      </c>
      <c r="D4063">
        <f t="shared" si="63"/>
        <v>1</v>
      </c>
    </row>
    <row r="4064" spans="1:4" x14ac:dyDescent="0.25">
      <c r="A4064" s="20">
        <v>43725.083333323491</v>
      </c>
      <c r="B4064" s="22">
        <v>0.97911316156387329</v>
      </c>
      <c r="C4064" s="21">
        <v>134327.14203686986</v>
      </c>
      <c r="D4064">
        <f t="shared" si="63"/>
        <v>2</v>
      </c>
    </row>
    <row r="4065" spans="1:4" x14ac:dyDescent="0.25">
      <c r="A4065" s="20">
        <v>43725.124999990156</v>
      </c>
      <c r="B4065" s="22">
        <v>0.86805891990661621</v>
      </c>
      <c r="C4065" s="21">
        <v>119091.31488379152</v>
      </c>
      <c r="D4065">
        <f t="shared" si="63"/>
        <v>3</v>
      </c>
    </row>
    <row r="4066" spans="1:4" x14ac:dyDescent="0.25">
      <c r="A4066" s="20">
        <v>43725.16666665682</v>
      </c>
      <c r="B4066" s="22">
        <v>0.86453419923782349</v>
      </c>
      <c r="C4066" s="21">
        <v>118607.74906882386</v>
      </c>
      <c r="D4066">
        <f t="shared" si="63"/>
        <v>4</v>
      </c>
    </row>
    <row r="4067" spans="1:4" x14ac:dyDescent="0.25">
      <c r="A4067" s="20">
        <v>43725.208333323484</v>
      </c>
      <c r="B4067" s="22">
        <v>0.90746617317199707</v>
      </c>
      <c r="C4067" s="21">
        <v>124497.70090173332</v>
      </c>
      <c r="D4067">
        <f t="shared" si="63"/>
        <v>5</v>
      </c>
    </row>
    <row r="4068" spans="1:4" x14ac:dyDescent="0.25">
      <c r="A4068" s="20">
        <v>43725.249999990148</v>
      </c>
      <c r="B4068" s="22">
        <v>1.0761477947235107</v>
      </c>
      <c r="C4068" s="21">
        <v>147639.58176560482</v>
      </c>
      <c r="D4068">
        <f t="shared" si="63"/>
        <v>6</v>
      </c>
    </row>
    <row r="4069" spans="1:4" x14ac:dyDescent="0.25">
      <c r="A4069" s="20">
        <v>43725.291666656813</v>
      </c>
      <c r="B4069" s="22">
        <v>0.91829377412796021</v>
      </c>
      <c r="C4069" s="21">
        <v>125983.16831104395</v>
      </c>
      <c r="D4069">
        <f t="shared" si="63"/>
        <v>7</v>
      </c>
    </row>
    <row r="4070" spans="1:4" x14ac:dyDescent="0.25">
      <c r="A4070" s="20">
        <v>43725.333333323477</v>
      </c>
      <c r="B4070" s="22">
        <v>0.94550597667694092</v>
      </c>
      <c r="C4070" s="21">
        <v>129716.48284548914</v>
      </c>
      <c r="D4070">
        <f t="shared" si="63"/>
        <v>8</v>
      </c>
    </row>
    <row r="4071" spans="1:4" x14ac:dyDescent="0.25">
      <c r="A4071" s="20">
        <v>43725.374999990141</v>
      </c>
      <c r="B4071" s="22">
        <v>1.1169048547744751</v>
      </c>
      <c r="C4071" s="21">
        <v>153231.15137102877</v>
      </c>
      <c r="D4071">
        <f t="shared" si="63"/>
        <v>9</v>
      </c>
    </row>
    <row r="4072" spans="1:4" x14ac:dyDescent="0.25">
      <c r="A4072" s="20">
        <v>43725.416666656805</v>
      </c>
      <c r="B4072" s="22">
        <v>1.3082921504974365</v>
      </c>
      <c r="C4072" s="21">
        <v>179488.08414023815</v>
      </c>
      <c r="D4072">
        <f t="shared" si="63"/>
        <v>10</v>
      </c>
    </row>
    <row r="4073" spans="1:4" x14ac:dyDescent="0.25">
      <c r="A4073" s="20">
        <v>43725.45833332347</v>
      </c>
      <c r="B4073" s="22">
        <v>1.5577086210250854</v>
      </c>
      <c r="C4073" s="21">
        <v>213706.19393399221</v>
      </c>
      <c r="D4073">
        <f t="shared" si="63"/>
        <v>11</v>
      </c>
    </row>
    <row r="4074" spans="1:4" x14ac:dyDescent="0.25">
      <c r="A4074" s="20">
        <v>43725.499999990134</v>
      </c>
      <c r="B4074" s="22">
        <v>1.6922266483306885</v>
      </c>
      <c r="C4074" s="21">
        <v>232161.08032479323</v>
      </c>
      <c r="D4074">
        <f t="shared" si="63"/>
        <v>12</v>
      </c>
    </row>
    <row r="4075" spans="1:4" x14ac:dyDescent="0.25">
      <c r="A4075" s="20">
        <v>43725.541666656798</v>
      </c>
      <c r="B4075" s="22">
        <v>2.0197384357452393</v>
      </c>
      <c r="C4075" s="21">
        <v>277093.29461197037</v>
      </c>
      <c r="D4075">
        <f t="shared" si="63"/>
        <v>13</v>
      </c>
    </row>
    <row r="4076" spans="1:4" x14ac:dyDescent="0.25">
      <c r="A4076" s="20">
        <v>43725.583333323462</v>
      </c>
      <c r="B4076" s="22">
        <v>2.1830806732177734</v>
      </c>
      <c r="C4076" s="21">
        <v>299502.65115513833</v>
      </c>
      <c r="D4076">
        <f t="shared" si="63"/>
        <v>14</v>
      </c>
    </row>
    <row r="4077" spans="1:4" x14ac:dyDescent="0.25">
      <c r="A4077" s="20">
        <v>43725.624999990127</v>
      </c>
      <c r="B4077" s="22">
        <v>2.4633562564849854</v>
      </c>
      <c r="C4077" s="21">
        <v>337954.40480419318</v>
      </c>
      <c r="D4077">
        <f t="shared" si="63"/>
        <v>15</v>
      </c>
    </row>
    <row r="4078" spans="1:4" x14ac:dyDescent="0.25">
      <c r="A4078" s="20">
        <v>43725.666666656791</v>
      </c>
      <c r="B4078" s="22">
        <v>2.4994604587554932</v>
      </c>
      <c r="C4078" s="21">
        <v>342907.63646004401</v>
      </c>
      <c r="D4078">
        <f t="shared" si="63"/>
        <v>16</v>
      </c>
    </row>
    <row r="4079" spans="1:4" x14ac:dyDescent="0.25">
      <c r="A4079" s="20">
        <v>43725.708333323455</v>
      </c>
      <c r="B4079" s="22">
        <v>2.5077159404754639</v>
      </c>
      <c r="C4079" s="21">
        <v>344040.22798175341</v>
      </c>
      <c r="D4079">
        <f t="shared" si="63"/>
        <v>17</v>
      </c>
    </row>
    <row r="4080" spans="1:4" x14ac:dyDescent="0.25">
      <c r="A4080" s="20">
        <v>43725.749999990119</v>
      </c>
      <c r="B4080" s="22">
        <v>2.2857904434204102</v>
      </c>
      <c r="C4080" s="21">
        <v>313593.67804782896</v>
      </c>
      <c r="D4080">
        <f t="shared" si="63"/>
        <v>18</v>
      </c>
    </row>
    <row r="4081" spans="1:4" x14ac:dyDescent="0.25">
      <c r="A4081" s="20">
        <v>43725.791666656783</v>
      </c>
      <c r="B4081" s="22">
        <v>2.221792459487915</v>
      </c>
      <c r="C4081" s="21">
        <v>304813.62420395791</v>
      </c>
      <c r="D4081">
        <f t="shared" si="63"/>
        <v>19</v>
      </c>
    </row>
    <row r="4082" spans="1:4" x14ac:dyDescent="0.25">
      <c r="A4082" s="20">
        <v>43725.833333323448</v>
      </c>
      <c r="B4082" s="22">
        <v>2.1516425609588623</v>
      </c>
      <c r="C4082" s="21">
        <v>295189.57281388849</v>
      </c>
      <c r="D4082">
        <f t="shared" si="63"/>
        <v>20</v>
      </c>
    </row>
    <row r="4083" spans="1:4" x14ac:dyDescent="0.25">
      <c r="A4083" s="20">
        <v>43725.874999990112</v>
      </c>
      <c r="B4083" s="22">
        <v>1.9249362945556641</v>
      </c>
      <c r="C4083" s="21">
        <v>264087.13640178816</v>
      </c>
      <c r="D4083">
        <f t="shared" si="63"/>
        <v>21</v>
      </c>
    </row>
    <row r="4084" spans="1:4" x14ac:dyDescent="0.25">
      <c r="A4084" s="20">
        <v>43725.916666656776</v>
      </c>
      <c r="B4084" s="22">
        <v>1.5936729907989502</v>
      </c>
      <c r="C4084" s="21">
        <v>218640.24159725127</v>
      </c>
      <c r="D4084">
        <f t="shared" si="63"/>
        <v>22</v>
      </c>
    </row>
    <row r="4085" spans="1:4" x14ac:dyDescent="0.25">
      <c r="A4085" s="20">
        <v>43725.95833332344</v>
      </c>
      <c r="B4085" s="22">
        <v>1.2193795442581177</v>
      </c>
      <c r="C4085" s="21">
        <v>167289.92691385496</v>
      </c>
      <c r="D4085">
        <f t="shared" si="63"/>
        <v>23</v>
      </c>
    </row>
    <row r="4086" spans="1:4" x14ac:dyDescent="0.25">
      <c r="A4086" s="20">
        <v>43725.999999990105</v>
      </c>
      <c r="B4086" s="22">
        <v>1.0548946857452393</v>
      </c>
      <c r="C4086" s="21">
        <v>144723.81114733487</v>
      </c>
      <c r="D4086">
        <f t="shared" si="63"/>
        <v>0</v>
      </c>
    </row>
    <row r="4087" spans="1:4" x14ac:dyDescent="0.25">
      <c r="A4087" s="20">
        <v>43726.041666656769</v>
      </c>
      <c r="B4087" s="22">
        <v>0.89562606811523438</v>
      </c>
      <c r="C4087" s="21">
        <v>122873.32535851123</v>
      </c>
      <c r="D4087">
        <f t="shared" si="63"/>
        <v>1</v>
      </c>
    </row>
    <row r="4088" spans="1:4" x14ac:dyDescent="0.25">
      <c r="A4088" s="20">
        <v>43726.083333323433</v>
      </c>
      <c r="B4088" s="22">
        <v>0.82974821329116821</v>
      </c>
      <c r="C4088" s="21">
        <v>113835.36702088415</v>
      </c>
      <c r="D4088">
        <f t="shared" si="63"/>
        <v>2</v>
      </c>
    </row>
    <row r="4089" spans="1:4" x14ac:dyDescent="0.25">
      <c r="A4089" s="20">
        <v>43726.124999990097</v>
      </c>
      <c r="B4089" s="22">
        <v>0.80464857816696167</v>
      </c>
      <c r="C4089" s="21">
        <v>110391.88123726162</v>
      </c>
      <c r="D4089">
        <f t="shared" si="63"/>
        <v>3</v>
      </c>
    </row>
    <row r="4090" spans="1:4" x14ac:dyDescent="0.25">
      <c r="A4090" s="20">
        <v>43726.166666656762</v>
      </c>
      <c r="B4090" s="22">
        <v>0.75928068161010742</v>
      </c>
      <c r="C4090" s="21">
        <v>104167.73869282598</v>
      </c>
      <c r="D4090">
        <f t="shared" si="63"/>
        <v>4</v>
      </c>
    </row>
    <row r="4091" spans="1:4" x14ac:dyDescent="0.25">
      <c r="A4091" s="20">
        <v>43726.208333323426</v>
      </c>
      <c r="B4091" s="22">
        <v>0.84493601322174072</v>
      </c>
      <c r="C4091" s="21">
        <v>115919.02173883625</v>
      </c>
      <c r="D4091">
        <f t="shared" si="63"/>
        <v>5</v>
      </c>
    </row>
    <row r="4092" spans="1:4" x14ac:dyDescent="0.25">
      <c r="A4092" s="20">
        <v>43726.24999999009</v>
      </c>
      <c r="B4092" s="22">
        <v>0.97623783349990845</v>
      </c>
      <c r="C4092" s="21">
        <v>133932.66812270667</v>
      </c>
      <c r="D4092">
        <f t="shared" si="63"/>
        <v>6</v>
      </c>
    </row>
    <row r="4093" spans="1:4" x14ac:dyDescent="0.25">
      <c r="A4093" s="20">
        <v>43726.291666656754</v>
      </c>
      <c r="B4093" s="22">
        <v>0.91044449806213379</v>
      </c>
      <c r="C4093" s="21">
        <v>124906.30522476207</v>
      </c>
      <c r="D4093">
        <f t="shared" si="63"/>
        <v>7</v>
      </c>
    </row>
    <row r="4094" spans="1:4" x14ac:dyDescent="0.25">
      <c r="A4094" s="20">
        <v>43726.333333323419</v>
      </c>
      <c r="B4094" s="22">
        <v>0.84535813331604004</v>
      </c>
      <c r="C4094" s="21">
        <v>115976.93351868915</v>
      </c>
      <c r="D4094">
        <f t="shared" si="63"/>
        <v>8</v>
      </c>
    </row>
    <row r="4095" spans="1:4" x14ac:dyDescent="0.25">
      <c r="A4095" s="20">
        <v>43726.374999990083</v>
      </c>
      <c r="B4095" s="22">
        <v>0.90365588665008545</v>
      </c>
      <c r="C4095" s="21">
        <v>123974.95754690754</v>
      </c>
      <c r="D4095">
        <f t="shared" si="63"/>
        <v>9</v>
      </c>
    </row>
    <row r="4096" spans="1:4" x14ac:dyDescent="0.25">
      <c r="A4096" s="20">
        <v>43726.416666656747</v>
      </c>
      <c r="B4096" s="22">
        <v>1.0888137817382813</v>
      </c>
      <c r="C4096" s="21">
        <v>149377.26225398955</v>
      </c>
      <c r="D4096">
        <f t="shared" si="63"/>
        <v>10</v>
      </c>
    </row>
    <row r="4097" spans="1:4" x14ac:dyDescent="0.25">
      <c r="A4097" s="20">
        <v>43726.458333323411</v>
      </c>
      <c r="B4097" s="22">
        <v>1.316993236541748</v>
      </c>
      <c r="C4097" s="21">
        <v>180681.80930585889</v>
      </c>
      <c r="D4097">
        <f t="shared" si="63"/>
        <v>11</v>
      </c>
    </row>
    <row r="4098" spans="1:4" x14ac:dyDescent="0.25">
      <c r="A4098" s="20">
        <v>43726.499999990076</v>
      </c>
      <c r="B4098" s="22">
        <v>1.7068349123001099</v>
      </c>
      <c r="C4098" s="21">
        <v>234165.2269609168</v>
      </c>
      <c r="D4098">
        <f t="shared" si="63"/>
        <v>12</v>
      </c>
    </row>
    <row r="4099" spans="1:4" x14ac:dyDescent="0.25">
      <c r="A4099" s="20">
        <v>43726.54166665674</v>
      </c>
      <c r="B4099" s="22">
        <v>1.8637107610702515</v>
      </c>
      <c r="C4099" s="21">
        <v>255687.44241785468</v>
      </c>
      <c r="D4099">
        <f t="shared" si="63"/>
        <v>13</v>
      </c>
    </row>
    <row r="4100" spans="1:4" x14ac:dyDescent="0.25">
      <c r="A4100" s="20">
        <v>43726.583333323404</v>
      </c>
      <c r="B4100" s="22">
        <v>2.3401432037353516</v>
      </c>
      <c r="C4100" s="21">
        <v>321050.47797814506</v>
      </c>
      <c r="D4100">
        <f t="shared" si="63"/>
        <v>14</v>
      </c>
    </row>
    <row r="4101" spans="1:4" x14ac:dyDescent="0.25">
      <c r="A4101" s="20">
        <v>43726.624999990068</v>
      </c>
      <c r="B4101" s="22">
        <v>2.4321291446685791</v>
      </c>
      <c r="C4101" s="21">
        <v>333670.27417554986</v>
      </c>
      <c r="D4101">
        <f t="shared" si="63"/>
        <v>15</v>
      </c>
    </row>
    <row r="4102" spans="1:4" x14ac:dyDescent="0.25">
      <c r="A4102" s="20">
        <v>43726.666666656733</v>
      </c>
      <c r="B4102" s="22">
        <v>2.5109527111053467</v>
      </c>
      <c r="C4102" s="21">
        <v>344484.28916406515</v>
      </c>
      <c r="D4102">
        <f t="shared" si="63"/>
        <v>16</v>
      </c>
    </row>
    <row r="4103" spans="1:4" x14ac:dyDescent="0.25">
      <c r="A4103" s="20">
        <v>43726.708333323397</v>
      </c>
      <c r="B4103" s="22">
        <v>2.468329906463623</v>
      </c>
      <c r="C4103" s="21">
        <v>338636.75308971218</v>
      </c>
      <c r="D4103">
        <f t="shared" ref="D4103:D4166" si="64">HOUR(A4103)</f>
        <v>17</v>
      </c>
    </row>
    <row r="4104" spans="1:4" x14ac:dyDescent="0.25">
      <c r="A4104" s="20">
        <v>43726.749999990061</v>
      </c>
      <c r="B4104" s="22">
        <v>2.6109936237335205</v>
      </c>
      <c r="C4104" s="21">
        <v>358209.16837888322</v>
      </c>
      <c r="D4104">
        <f t="shared" si="64"/>
        <v>18</v>
      </c>
    </row>
    <row r="4105" spans="1:4" x14ac:dyDescent="0.25">
      <c r="A4105" s="20">
        <v>43726.791666656725</v>
      </c>
      <c r="B4105" s="22">
        <v>2.3698062896728516</v>
      </c>
      <c r="C4105" s="21">
        <v>325120.03573142271</v>
      </c>
      <c r="D4105">
        <f t="shared" si="64"/>
        <v>19</v>
      </c>
    </row>
    <row r="4106" spans="1:4" x14ac:dyDescent="0.25">
      <c r="A4106" s="20">
        <v>43726.83333332339</v>
      </c>
      <c r="B4106" s="22">
        <v>2.2502925395965576</v>
      </c>
      <c r="C4106" s="21">
        <v>308723.62609046209</v>
      </c>
      <c r="D4106">
        <f t="shared" si="64"/>
        <v>20</v>
      </c>
    </row>
    <row r="4107" spans="1:4" x14ac:dyDescent="0.25">
      <c r="A4107" s="20">
        <v>43726.874999990054</v>
      </c>
      <c r="B4107" s="22">
        <v>1.9794788360595703</v>
      </c>
      <c r="C4107" s="21">
        <v>271569.97291881026</v>
      </c>
      <c r="D4107">
        <f t="shared" si="64"/>
        <v>21</v>
      </c>
    </row>
    <row r="4108" spans="1:4" x14ac:dyDescent="0.25">
      <c r="A4108" s="20">
        <v>43726.916666656718</v>
      </c>
      <c r="B4108" s="22">
        <v>1.631223201751709</v>
      </c>
      <c r="C4108" s="21">
        <v>223791.85503497606</v>
      </c>
      <c r="D4108">
        <f t="shared" si="64"/>
        <v>22</v>
      </c>
    </row>
    <row r="4109" spans="1:4" x14ac:dyDescent="0.25">
      <c r="A4109" s="20">
        <v>43726.958333323382</v>
      </c>
      <c r="B4109" s="22">
        <v>1.3428746461868286</v>
      </c>
      <c r="C4109" s="21">
        <v>184232.54881788447</v>
      </c>
      <c r="D4109">
        <f t="shared" si="64"/>
        <v>23</v>
      </c>
    </row>
    <row r="4110" spans="1:4" x14ac:dyDescent="0.25">
      <c r="A4110" s="20">
        <v>43726.999999990046</v>
      </c>
      <c r="B4110" s="22">
        <v>1.0519635677337646</v>
      </c>
      <c r="C4110" s="21">
        <v>144321.68326170283</v>
      </c>
      <c r="D4110">
        <f t="shared" si="64"/>
        <v>0</v>
      </c>
    </row>
    <row r="4111" spans="1:4" x14ac:dyDescent="0.25">
      <c r="A4111" s="20">
        <v>43727.041666656711</v>
      </c>
      <c r="B4111" s="22">
        <v>0.86375069618225098</v>
      </c>
      <c r="C4111" s="21">
        <v>118500.25819814236</v>
      </c>
      <c r="D4111">
        <f t="shared" si="64"/>
        <v>1</v>
      </c>
    </row>
    <row r="4112" spans="1:4" x14ac:dyDescent="0.25">
      <c r="A4112" s="20">
        <v>43727.083333323375</v>
      </c>
      <c r="B4112" s="22">
        <v>0.76534587144851685</v>
      </c>
      <c r="C4112" s="21">
        <v>104999.83823850394</v>
      </c>
      <c r="D4112">
        <f t="shared" si="64"/>
        <v>2</v>
      </c>
    </row>
    <row r="4113" spans="1:4" x14ac:dyDescent="0.25">
      <c r="A4113" s="20">
        <v>43727.124999990039</v>
      </c>
      <c r="B4113" s="22">
        <v>0.67185944318771362</v>
      </c>
      <c r="C4113" s="21">
        <v>92174.186188795124</v>
      </c>
      <c r="D4113">
        <f t="shared" si="64"/>
        <v>3</v>
      </c>
    </row>
    <row r="4114" spans="1:4" x14ac:dyDescent="0.25">
      <c r="A4114" s="20">
        <v>43727.166666656703</v>
      </c>
      <c r="B4114" s="22">
        <v>0.71525532007217407</v>
      </c>
      <c r="C4114" s="21">
        <v>98127.782102839192</v>
      </c>
      <c r="D4114">
        <f t="shared" si="64"/>
        <v>4</v>
      </c>
    </row>
    <row r="4115" spans="1:4" x14ac:dyDescent="0.25">
      <c r="A4115" s="20">
        <v>43727.208333323368</v>
      </c>
      <c r="B4115" s="22">
        <v>0.7866247296333313</v>
      </c>
      <c r="C4115" s="21">
        <v>107919.14145899029</v>
      </c>
      <c r="D4115">
        <f t="shared" si="64"/>
        <v>5</v>
      </c>
    </row>
    <row r="4116" spans="1:4" x14ac:dyDescent="0.25">
      <c r="A4116" s="20">
        <v>43727.249999990032</v>
      </c>
      <c r="B4116" s="22">
        <v>1.0141311883926392</v>
      </c>
      <c r="C4116" s="21">
        <v>139131.3583913568</v>
      </c>
      <c r="D4116">
        <f t="shared" si="64"/>
        <v>6</v>
      </c>
    </row>
    <row r="4117" spans="1:4" x14ac:dyDescent="0.25">
      <c r="A4117" s="20">
        <v>43727.291666656696</v>
      </c>
      <c r="B4117" s="22">
        <v>1.0257240533828735</v>
      </c>
      <c r="C4117" s="21">
        <v>140721.81441144561</v>
      </c>
      <c r="D4117">
        <f t="shared" si="64"/>
        <v>7</v>
      </c>
    </row>
    <row r="4118" spans="1:4" x14ac:dyDescent="0.25">
      <c r="A4118" s="20">
        <v>43727.33333332336</v>
      </c>
      <c r="B4118" s="22">
        <v>0.939708411693573</v>
      </c>
      <c r="C4118" s="21">
        <v>128921.09946636576</v>
      </c>
      <c r="D4118">
        <f t="shared" si="64"/>
        <v>8</v>
      </c>
    </row>
    <row r="4119" spans="1:4" x14ac:dyDescent="0.25">
      <c r="A4119" s="20">
        <v>43727.374999990025</v>
      </c>
      <c r="B4119" s="22">
        <v>0.98037868738174438</v>
      </c>
      <c r="C4119" s="21">
        <v>134500.76289394932</v>
      </c>
      <c r="D4119">
        <f t="shared" si="64"/>
        <v>9</v>
      </c>
    </row>
    <row r="4120" spans="1:4" x14ac:dyDescent="0.25">
      <c r="A4120" s="20">
        <v>43727.416666656689</v>
      </c>
      <c r="B4120" s="22">
        <v>1.0645713806152344</v>
      </c>
      <c r="C4120" s="21">
        <v>146051.38268582089</v>
      </c>
      <c r="D4120">
        <f t="shared" si="64"/>
        <v>10</v>
      </c>
    </row>
    <row r="4121" spans="1:4" x14ac:dyDescent="0.25">
      <c r="A4121" s="20">
        <v>43727.458333323353</v>
      </c>
      <c r="B4121" s="22">
        <v>1.168997049331665</v>
      </c>
      <c r="C4121" s="21">
        <v>160377.81826509794</v>
      </c>
      <c r="D4121">
        <f t="shared" si="64"/>
        <v>11</v>
      </c>
    </row>
    <row r="4122" spans="1:4" x14ac:dyDescent="0.25">
      <c r="A4122" s="20">
        <v>43727.499999990017</v>
      </c>
      <c r="B4122" s="22">
        <v>1.2890329360961914</v>
      </c>
      <c r="C4122" s="21">
        <v>176845.86122877972</v>
      </c>
      <c r="D4122">
        <f t="shared" si="64"/>
        <v>12</v>
      </c>
    </row>
    <row r="4123" spans="1:4" x14ac:dyDescent="0.25">
      <c r="A4123" s="20">
        <v>43727.541666656682</v>
      </c>
      <c r="B4123" s="22">
        <v>1.3899179697036743</v>
      </c>
      <c r="C4123" s="21">
        <v>190686.54764866366</v>
      </c>
      <c r="D4123">
        <f t="shared" si="64"/>
        <v>13</v>
      </c>
    </row>
    <row r="4124" spans="1:4" x14ac:dyDescent="0.25">
      <c r="A4124" s="20">
        <v>43727.583333323346</v>
      </c>
      <c r="B4124" s="22">
        <v>1.5554931163787842</v>
      </c>
      <c r="C4124" s="21">
        <v>213402.24295162395</v>
      </c>
      <c r="D4124">
        <f t="shared" si="64"/>
        <v>14</v>
      </c>
    </row>
    <row r="4125" spans="1:4" x14ac:dyDescent="0.25">
      <c r="A4125" s="20">
        <v>43727.62499999001</v>
      </c>
      <c r="B4125" s="22">
        <v>1.6305187940597534</v>
      </c>
      <c r="C4125" s="21">
        <v>223695.21546786206</v>
      </c>
      <c r="D4125">
        <f t="shared" si="64"/>
        <v>15</v>
      </c>
    </row>
    <row r="4126" spans="1:4" x14ac:dyDescent="0.25">
      <c r="A4126" s="20">
        <v>43727.666666656674</v>
      </c>
      <c r="B4126" s="22">
        <v>1.8781182765960693</v>
      </c>
      <c r="C4126" s="21">
        <v>257664.04784040237</v>
      </c>
      <c r="D4126">
        <f t="shared" si="64"/>
        <v>16</v>
      </c>
    </row>
    <row r="4127" spans="1:4" x14ac:dyDescent="0.25">
      <c r="A4127" s="20">
        <v>43727.708333323339</v>
      </c>
      <c r="B4127" s="22">
        <v>1.9772202968597412</v>
      </c>
      <c r="C4127" s="21">
        <v>271260.11791144143</v>
      </c>
      <c r="D4127">
        <f t="shared" si="64"/>
        <v>17</v>
      </c>
    </row>
    <row r="4128" spans="1:4" x14ac:dyDescent="0.25">
      <c r="A4128" s="20">
        <v>43727.749999990003</v>
      </c>
      <c r="B4128" s="22">
        <v>1.8361291885375977</v>
      </c>
      <c r="C4128" s="21">
        <v>251903.4530317082</v>
      </c>
      <c r="D4128">
        <f t="shared" si="64"/>
        <v>18</v>
      </c>
    </row>
    <row r="4129" spans="1:4" x14ac:dyDescent="0.25">
      <c r="A4129" s="20">
        <v>43727.791666656667</v>
      </c>
      <c r="B4129" s="22">
        <v>1.7193796634674072</v>
      </c>
      <c r="C4129" s="21">
        <v>235886.27478053269</v>
      </c>
      <c r="D4129">
        <f t="shared" si="64"/>
        <v>19</v>
      </c>
    </row>
    <row r="4130" spans="1:4" x14ac:dyDescent="0.25">
      <c r="A4130" s="20">
        <v>43727.833333323331</v>
      </c>
      <c r="B4130" s="22">
        <v>1.6452605724334717</v>
      </c>
      <c r="C4130" s="21">
        <v>225717.67930066318</v>
      </c>
      <c r="D4130">
        <f t="shared" si="64"/>
        <v>20</v>
      </c>
    </row>
    <row r="4131" spans="1:4" x14ac:dyDescent="0.25">
      <c r="A4131" s="20">
        <v>43727.874999989996</v>
      </c>
      <c r="B4131" s="22">
        <v>1.6425936222076416</v>
      </c>
      <c r="C4131" s="21">
        <v>225351.7932970289</v>
      </c>
      <c r="D4131">
        <f t="shared" si="64"/>
        <v>21</v>
      </c>
    </row>
    <row r="4132" spans="1:4" x14ac:dyDescent="0.25">
      <c r="A4132" s="20">
        <v>43727.91666665666</v>
      </c>
      <c r="B4132" s="22">
        <v>1.524075984954834</v>
      </c>
      <c r="C4132" s="21">
        <v>209092.0430269948</v>
      </c>
      <c r="D4132">
        <f t="shared" si="64"/>
        <v>22</v>
      </c>
    </row>
    <row r="4133" spans="1:4" x14ac:dyDescent="0.25">
      <c r="A4133" s="20">
        <v>43727.958333323324</v>
      </c>
      <c r="B4133" s="22">
        <v>1.203076958656311</v>
      </c>
      <c r="C4133" s="21">
        <v>165053.33178096515</v>
      </c>
      <c r="D4133">
        <f t="shared" si="64"/>
        <v>23</v>
      </c>
    </row>
    <row r="4134" spans="1:4" x14ac:dyDescent="0.25">
      <c r="A4134" s="20">
        <v>43727.999999989988</v>
      </c>
      <c r="B4134" s="22">
        <v>0.99169903993606567</v>
      </c>
      <c r="C4134" s="21">
        <v>136053.83220724805</v>
      </c>
      <c r="D4134">
        <f t="shared" si="64"/>
        <v>0</v>
      </c>
    </row>
    <row r="4135" spans="1:4" x14ac:dyDescent="0.25">
      <c r="A4135" s="20">
        <v>43728.041666656653</v>
      </c>
      <c r="B4135" s="22">
        <v>0.83538001775741577</v>
      </c>
      <c r="C4135" s="21">
        <v>114608.00927323953</v>
      </c>
      <c r="D4135">
        <f t="shared" si="64"/>
        <v>1</v>
      </c>
    </row>
    <row r="4136" spans="1:4" x14ac:dyDescent="0.25">
      <c r="A4136" s="20">
        <v>43728.083333323317</v>
      </c>
      <c r="B4136" s="22">
        <v>0.83079361915588379</v>
      </c>
      <c r="C4136" s="21">
        <v>113978.78903540545</v>
      </c>
      <c r="D4136">
        <f t="shared" si="64"/>
        <v>2</v>
      </c>
    </row>
    <row r="4137" spans="1:4" x14ac:dyDescent="0.25">
      <c r="A4137" s="20">
        <v>43728.124999989981</v>
      </c>
      <c r="B4137" s="22">
        <v>0.75714820623397827</v>
      </c>
      <c r="C4137" s="21">
        <v>103875.17871714156</v>
      </c>
      <c r="D4137">
        <f t="shared" si="64"/>
        <v>3</v>
      </c>
    </row>
    <row r="4138" spans="1:4" x14ac:dyDescent="0.25">
      <c r="A4138" s="20">
        <v>43728.166666656645</v>
      </c>
      <c r="B4138" s="22">
        <v>0.7344132661819458</v>
      </c>
      <c r="C4138" s="21">
        <v>100756.11174771051</v>
      </c>
      <c r="D4138">
        <f t="shared" si="64"/>
        <v>4</v>
      </c>
    </row>
    <row r="4139" spans="1:4" x14ac:dyDescent="0.25">
      <c r="A4139" s="20">
        <v>43728.208333323309</v>
      </c>
      <c r="B4139" s="22">
        <v>0.80923056602478027</v>
      </c>
      <c r="C4139" s="21">
        <v>111020.49635341973</v>
      </c>
      <c r="D4139">
        <f t="shared" si="64"/>
        <v>5</v>
      </c>
    </row>
    <row r="4140" spans="1:4" x14ac:dyDescent="0.25">
      <c r="A4140" s="20">
        <v>43728.249999989974</v>
      </c>
      <c r="B4140" s="22">
        <v>0.96544080972671509</v>
      </c>
      <c r="C4140" s="21">
        <v>132451.395678528</v>
      </c>
      <c r="D4140">
        <f t="shared" si="64"/>
        <v>6</v>
      </c>
    </row>
    <row r="4141" spans="1:4" x14ac:dyDescent="0.25">
      <c r="A4141" s="20">
        <v>43728.291666656638</v>
      </c>
      <c r="B4141" s="22">
        <v>0.89169412851333618</v>
      </c>
      <c r="C4141" s="21">
        <v>122333.892093677</v>
      </c>
      <c r="D4141">
        <f t="shared" si="64"/>
        <v>7</v>
      </c>
    </row>
    <row r="4142" spans="1:4" x14ac:dyDescent="0.25">
      <c r="A4142" s="20">
        <v>43728.333333323302</v>
      </c>
      <c r="B4142" s="22">
        <v>0.84105384349822998</v>
      </c>
      <c r="C4142" s="21">
        <v>115386.41653615636</v>
      </c>
      <c r="D4142">
        <f t="shared" si="64"/>
        <v>8</v>
      </c>
    </row>
    <row r="4143" spans="1:4" x14ac:dyDescent="0.25">
      <c r="A4143" s="20">
        <v>43728.374999989966</v>
      </c>
      <c r="B4143" s="22">
        <v>0.98526585102081299</v>
      </c>
      <c r="C4143" s="21">
        <v>135171.24588822757</v>
      </c>
      <c r="D4143">
        <f t="shared" si="64"/>
        <v>9</v>
      </c>
    </row>
    <row r="4144" spans="1:4" x14ac:dyDescent="0.25">
      <c r="A4144" s="20">
        <v>43728.416666656631</v>
      </c>
      <c r="B4144" s="22">
        <v>1.1402732133865356</v>
      </c>
      <c r="C4144" s="21">
        <v>156437.11871951894</v>
      </c>
      <c r="D4144">
        <f t="shared" si="64"/>
        <v>10</v>
      </c>
    </row>
    <row r="4145" spans="1:4" x14ac:dyDescent="0.25">
      <c r="A4145" s="20">
        <v>43728.458333323295</v>
      </c>
      <c r="B4145" s="22">
        <v>1.3423389196395874</v>
      </c>
      <c r="C4145" s="21">
        <v>184159.05106621576</v>
      </c>
      <c r="D4145">
        <f t="shared" si="64"/>
        <v>11</v>
      </c>
    </row>
    <row r="4146" spans="1:4" x14ac:dyDescent="0.25">
      <c r="A4146" s="20">
        <v>43728.499999989959</v>
      </c>
      <c r="B4146" s="22">
        <v>1.6186674833297729</v>
      </c>
      <c r="C4146" s="21">
        <v>222069.30258849025</v>
      </c>
      <c r="D4146">
        <f t="shared" si="64"/>
        <v>12</v>
      </c>
    </row>
    <row r="4147" spans="1:4" x14ac:dyDescent="0.25">
      <c r="A4147" s="20">
        <v>43728.541666656623</v>
      </c>
      <c r="B4147" s="22">
        <v>1.8674284219741821</v>
      </c>
      <c r="C4147" s="21">
        <v>256197.47821748545</v>
      </c>
      <c r="D4147">
        <f t="shared" si="64"/>
        <v>13</v>
      </c>
    </row>
    <row r="4148" spans="1:4" x14ac:dyDescent="0.25">
      <c r="A4148" s="20">
        <v>43728.583333323288</v>
      </c>
      <c r="B4148" s="22">
        <v>2.0414021015167236</v>
      </c>
      <c r="C4148" s="21">
        <v>280065.39061002387</v>
      </c>
      <c r="D4148">
        <f t="shared" si="64"/>
        <v>14</v>
      </c>
    </row>
    <row r="4149" spans="1:4" x14ac:dyDescent="0.25">
      <c r="A4149" s="20">
        <v>43728.624999989952</v>
      </c>
      <c r="B4149" s="22">
        <v>2.2039980888366699</v>
      </c>
      <c r="C4149" s="21">
        <v>302372.36710747611</v>
      </c>
      <c r="D4149">
        <f t="shared" si="64"/>
        <v>15</v>
      </c>
    </row>
    <row r="4150" spans="1:4" x14ac:dyDescent="0.25">
      <c r="A4150" s="20">
        <v>43728.666666656616</v>
      </c>
      <c r="B4150" s="22">
        <v>2.4844295978546143</v>
      </c>
      <c r="C4150" s="21">
        <v>340845.51262550801</v>
      </c>
      <c r="D4150">
        <f t="shared" si="64"/>
        <v>16</v>
      </c>
    </row>
    <row r="4151" spans="1:4" x14ac:dyDescent="0.25">
      <c r="A4151" s="20">
        <v>43728.70833332328</v>
      </c>
      <c r="B4151" s="22">
        <v>2.436492919921875</v>
      </c>
      <c r="C4151" s="21">
        <v>334268.95212338812</v>
      </c>
      <c r="D4151">
        <f t="shared" si="64"/>
        <v>17</v>
      </c>
    </row>
    <row r="4152" spans="1:4" x14ac:dyDescent="0.25">
      <c r="A4152" s="20">
        <v>43728.749999989945</v>
      </c>
      <c r="B4152" s="22">
        <v>2.1430330276489258</v>
      </c>
      <c r="C4152" s="21">
        <v>294008.40801170381</v>
      </c>
      <c r="D4152">
        <f t="shared" si="64"/>
        <v>18</v>
      </c>
    </row>
    <row r="4153" spans="1:4" x14ac:dyDescent="0.25">
      <c r="A4153" s="20">
        <v>43728.791666656609</v>
      </c>
      <c r="B4153" s="22">
        <v>1.9598510265350342</v>
      </c>
      <c r="C4153" s="21">
        <v>268877.18146080984</v>
      </c>
      <c r="D4153">
        <f t="shared" si="64"/>
        <v>19</v>
      </c>
    </row>
    <row r="4154" spans="1:4" x14ac:dyDescent="0.25">
      <c r="A4154" s="20">
        <v>43728.833333323273</v>
      </c>
      <c r="B4154" s="22">
        <v>1.7717080116271973</v>
      </c>
      <c r="C4154" s="21">
        <v>243065.34021622528</v>
      </c>
      <c r="D4154">
        <f t="shared" si="64"/>
        <v>20</v>
      </c>
    </row>
    <row r="4155" spans="1:4" x14ac:dyDescent="0.25">
      <c r="A4155" s="20">
        <v>43728.874999989937</v>
      </c>
      <c r="B4155" s="22">
        <v>1.7345283031463623</v>
      </c>
      <c r="C4155" s="21">
        <v>237964.55699928073</v>
      </c>
      <c r="D4155">
        <f t="shared" si="64"/>
        <v>21</v>
      </c>
    </row>
    <row r="4156" spans="1:4" x14ac:dyDescent="0.25">
      <c r="A4156" s="20">
        <v>43728.916666656602</v>
      </c>
      <c r="B4156" s="22">
        <v>1.4348043203353882</v>
      </c>
      <c r="C4156" s="21">
        <v>196844.6256252609</v>
      </c>
      <c r="D4156">
        <f t="shared" si="64"/>
        <v>22</v>
      </c>
    </row>
    <row r="4157" spans="1:4" x14ac:dyDescent="0.25">
      <c r="A4157" s="20">
        <v>43728.958333323266</v>
      </c>
      <c r="B4157" s="22">
        <v>1.3743973970413208</v>
      </c>
      <c r="C4157" s="21">
        <v>188557.23895345672</v>
      </c>
      <c r="D4157">
        <f t="shared" si="64"/>
        <v>23</v>
      </c>
    </row>
    <row r="4158" spans="1:4" x14ac:dyDescent="0.25">
      <c r="A4158" s="20">
        <v>43728.99999998993</v>
      </c>
      <c r="B4158" s="22">
        <v>1.219502329826355</v>
      </c>
      <c r="C4158" s="21">
        <v>167306.77219294236</v>
      </c>
      <c r="D4158">
        <f t="shared" si="64"/>
        <v>0</v>
      </c>
    </row>
    <row r="4159" spans="1:4" x14ac:dyDescent="0.25">
      <c r="A4159" s="20">
        <v>43729.041666656594</v>
      </c>
      <c r="B4159" s="22">
        <v>1.0112196207046509</v>
      </c>
      <c r="C4159" s="21">
        <v>138731.91266666682</v>
      </c>
      <c r="D4159">
        <f t="shared" si="64"/>
        <v>1</v>
      </c>
    </row>
    <row r="4160" spans="1:4" x14ac:dyDescent="0.25">
      <c r="A4160" s="20">
        <v>43729.083333323259</v>
      </c>
      <c r="B4160" s="22">
        <v>0.86821985244750977</v>
      </c>
      <c r="C4160" s="21">
        <v>119113.39364764394</v>
      </c>
      <c r="D4160">
        <f t="shared" si="64"/>
        <v>2</v>
      </c>
    </row>
    <row r="4161" spans="1:4" x14ac:dyDescent="0.25">
      <c r="A4161" s="20">
        <v>43729.124999989923</v>
      </c>
      <c r="B4161" s="22">
        <v>0.81155139207839966</v>
      </c>
      <c r="C4161" s="21">
        <v>111338.89666013143</v>
      </c>
      <c r="D4161">
        <f t="shared" si="64"/>
        <v>3</v>
      </c>
    </row>
    <row r="4162" spans="1:4" x14ac:dyDescent="0.25">
      <c r="A4162" s="20">
        <v>43729.166666656587</v>
      </c>
      <c r="B4162" s="22">
        <v>0.7707933783531189</v>
      </c>
      <c r="C4162" s="21">
        <v>105747.19621758832</v>
      </c>
      <c r="D4162">
        <f t="shared" si="64"/>
        <v>4</v>
      </c>
    </row>
    <row r="4163" spans="1:4" x14ac:dyDescent="0.25">
      <c r="A4163" s="20">
        <v>43729.208333323251</v>
      </c>
      <c r="B4163" s="22">
        <v>0.7326427698135376</v>
      </c>
      <c r="C4163" s="21">
        <v>100513.21263605414</v>
      </c>
      <c r="D4163">
        <f t="shared" si="64"/>
        <v>5</v>
      </c>
    </row>
    <row r="4164" spans="1:4" x14ac:dyDescent="0.25">
      <c r="A4164" s="20">
        <v>43729.249999989916</v>
      </c>
      <c r="B4164" s="22">
        <v>0.78997194766998291</v>
      </c>
      <c r="C4164" s="21">
        <v>108378.35521516073</v>
      </c>
      <c r="D4164">
        <f t="shared" si="64"/>
        <v>6</v>
      </c>
    </row>
    <row r="4165" spans="1:4" x14ac:dyDescent="0.25">
      <c r="A4165" s="20">
        <v>43729.29166665658</v>
      </c>
      <c r="B4165" s="22">
        <v>0.92609727382659912</v>
      </c>
      <c r="C4165" s="21">
        <v>127053.75121560779</v>
      </c>
      <c r="D4165">
        <f t="shared" si="64"/>
        <v>7</v>
      </c>
    </row>
    <row r="4166" spans="1:4" x14ac:dyDescent="0.25">
      <c r="A4166" s="20">
        <v>43729.333333323244</v>
      </c>
      <c r="B4166" s="22">
        <v>1.0018578767776489</v>
      </c>
      <c r="C4166" s="21">
        <v>137447.55008677195</v>
      </c>
      <c r="D4166">
        <f t="shared" si="64"/>
        <v>8</v>
      </c>
    </row>
    <row r="4167" spans="1:4" x14ac:dyDescent="0.25">
      <c r="A4167" s="20">
        <v>43729.374999989908</v>
      </c>
      <c r="B4167" s="22">
        <v>1.255043625831604</v>
      </c>
      <c r="C4167" s="21">
        <v>172182.77723922941</v>
      </c>
      <c r="D4167">
        <f t="shared" ref="D4167:D4230" si="65">HOUR(A4167)</f>
        <v>9</v>
      </c>
    </row>
    <row r="4168" spans="1:4" x14ac:dyDescent="0.25">
      <c r="A4168" s="20">
        <v>43729.416666656572</v>
      </c>
      <c r="B4168" s="22">
        <v>1.5816081762313843</v>
      </c>
      <c r="C4168" s="21">
        <v>216985.03755783525</v>
      </c>
      <c r="D4168">
        <f t="shared" si="65"/>
        <v>10</v>
      </c>
    </row>
    <row r="4169" spans="1:4" x14ac:dyDescent="0.25">
      <c r="A4169" s="20">
        <v>43729.458333323237</v>
      </c>
      <c r="B4169" s="22">
        <v>1.8076292276382446</v>
      </c>
      <c r="C4169" s="21">
        <v>247993.46749984394</v>
      </c>
      <c r="D4169">
        <f t="shared" si="65"/>
        <v>11</v>
      </c>
    </row>
    <row r="4170" spans="1:4" x14ac:dyDescent="0.25">
      <c r="A4170" s="20">
        <v>43729.499999989901</v>
      </c>
      <c r="B4170" s="22">
        <v>2.0832929611206055</v>
      </c>
      <c r="C4170" s="21">
        <v>285812.50919544807</v>
      </c>
      <c r="D4170">
        <f t="shared" si="65"/>
        <v>12</v>
      </c>
    </row>
    <row r="4171" spans="1:4" x14ac:dyDescent="0.25">
      <c r="A4171" s="20">
        <v>43729.541666656565</v>
      </c>
      <c r="B4171" s="22">
        <v>2.3431220054626465</v>
      </c>
      <c r="C4171" s="21">
        <v>321459.14771973336</v>
      </c>
      <c r="D4171">
        <f t="shared" si="65"/>
        <v>13</v>
      </c>
    </row>
    <row r="4172" spans="1:4" x14ac:dyDescent="0.25">
      <c r="A4172" s="20">
        <v>43729.583333323229</v>
      </c>
      <c r="B4172" s="22">
        <v>2.4808969497680664</v>
      </c>
      <c r="C4172" s="21">
        <v>340360.85922698764</v>
      </c>
      <c r="D4172">
        <f t="shared" si="65"/>
        <v>14</v>
      </c>
    </row>
    <row r="4173" spans="1:4" x14ac:dyDescent="0.25">
      <c r="A4173" s="20">
        <v>43729.624999989894</v>
      </c>
      <c r="B4173" s="22">
        <v>2.567237377166748</v>
      </c>
      <c r="C4173" s="21">
        <v>352206.13238844968</v>
      </c>
      <c r="D4173">
        <f t="shared" si="65"/>
        <v>15</v>
      </c>
    </row>
    <row r="4174" spans="1:4" x14ac:dyDescent="0.25">
      <c r="A4174" s="20">
        <v>43729.666666656558</v>
      </c>
      <c r="B4174" s="22">
        <v>2.6173210144042969</v>
      </c>
      <c r="C4174" s="21">
        <v>359077.23995500075</v>
      </c>
      <c r="D4174">
        <f t="shared" si="65"/>
        <v>16</v>
      </c>
    </row>
    <row r="4175" spans="1:4" x14ac:dyDescent="0.25">
      <c r="A4175" s="20">
        <v>43729.708333323222</v>
      </c>
      <c r="B4175" s="22">
        <v>2.5221970081329346</v>
      </c>
      <c r="C4175" s="21">
        <v>346026.92421711358</v>
      </c>
      <c r="D4175">
        <f t="shared" si="65"/>
        <v>17</v>
      </c>
    </row>
    <row r="4176" spans="1:4" x14ac:dyDescent="0.25">
      <c r="A4176" s="20">
        <v>43729.749999989886</v>
      </c>
      <c r="B4176" s="22">
        <v>2.3174300193786621</v>
      </c>
      <c r="C4176" s="21">
        <v>317934.395730494</v>
      </c>
      <c r="D4176">
        <f t="shared" si="65"/>
        <v>18</v>
      </c>
    </row>
    <row r="4177" spans="1:4" x14ac:dyDescent="0.25">
      <c r="A4177" s="20">
        <v>43729.791666656551</v>
      </c>
      <c r="B4177" s="22">
        <v>2.1001510620117188</v>
      </c>
      <c r="C4177" s="21">
        <v>288125.31695022847</v>
      </c>
      <c r="D4177">
        <f t="shared" si="65"/>
        <v>19</v>
      </c>
    </row>
    <row r="4178" spans="1:4" x14ac:dyDescent="0.25">
      <c r="A4178" s="20">
        <v>43729.833333323215</v>
      </c>
      <c r="B4178" s="22">
        <v>2.0601930618286133</v>
      </c>
      <c r="C4178" s="21">
        <v>282643.3724959917</v>
      </c>
      <c r="D4178">
        <f t="shared" si="65"/>
        <v>20</v>
      </c>
    </row>
    <row r="4179" spans="1:4" x14ac:dyDescent="0.25">
      <c r="A4179" s="20">
        <v>43729.874999989879</v>
      </c>
      <c r="B4179" s="22">
        <v>1.8503289222717285</v>
      </c>
      <c r="C4179" s="21">
        <v>253851.55231692642</v>
      </c>
      <c r="D4179">
        <f t="shared" si="65"/>
        <v>21</v>
      </c>
    </row>
    <row r="4180" spans="1:4" x14ac:dyDescent="0.25">
      <c r="A4180" s="20">
        <v>43729.916666656543</v>
      </c>
      <c r="B4180" s="22">
        <v>1.6419235467910767</v>
      </c>
      <c r="C4180" s="21">
        <v>225259.86386620338</v>
      </c>
      <c r="D4180">
        <f t="shared" si="65"/>
        <v>22</v>
      </c>
    </row>
    <row r="4181" spans="1:4" x14ac:dyDescent="0.25">
      <c r="A4181" s="20">
        <v>43729.958333323208</v>
      </c>
      <c r="B4181" s="22">
        <v>1.3668349981307983</v>
      </c>
      <c r="C4181" s="21">
        <v>187519.73330807177</v>
      </c>
      <c r="D4181">
        <f t="shared" si="65"/>
        <v>23</v>
      </c>
    </row>
    <row r="4182" spans="1:4" x14ac:dyDescent="0.25">
      <c r="A4182" s="20">
        <v>43729.999999989872</v>
      </c>
      <c r="B4182" s="22">
        <v>1.0960839986801147</v>
      </c>
      <c r="C4182" s="21">
        <v>150374.68267700242</v>
      </c>
      <c r="D4182">
        <f t="shared" si="65"/>
        <v>0</v>
      </c>
    </row>
    <row r="4183" spans="1:4" x14ac:dyDescent="0.25">
      <c r="A4183" s="20">
        <v>43730.041666656536</v>
      </c>
      <c r="B4183" s="22">
        <v>0.91552048921585083</v>
      </c>
      <c r="C4183" s="21">
        <v>125602.69396862715</v>
      </c>
      <c r="D4183">
        <f t="shared" si="65"/>
        <v>1</v>
      </c>
    </row>
    <row r="4184" spans="1:4" x14ac:dyDescent="0.25">
      <c r="A4184" s="20">
        <v>43730.0833333232</v>
      </c>
      <c r="B4184" s="22">
        <v>0.79720121622085571</v>
      </c>
      <c r="C4184" s="21">
        <v>109370.15781937119</v>
      </c>
      <c r="D4184">
        <f t="shared" si="65"/>
        <v>2</v>
      </c>
    </row>
    <row r="4185" spans="1:4" x14ac:dyDescent="0.25">
      <c r="A4185" s="20">
        <v>43730.124999989865</v>
      </c>
      <c r="B4185" s="22">
        <v>0.69318300485610962</v>
      </c>
      <c r="C4185" s="21">
        <v>95099.622399240485</v>
      </c>
      <c r="D4185">
        <f t="shared" si="65"/>
        <v>3</v>
      </c>
    </row>
    <row r="4186" spans="1:4" x14ac:dyDescent="0.25">
      <c r="A4186" s="20">
        <v>43730.166666656529</v>
      </c>
      <c r="B4186" s="22">
        <v>0.69673514366149902</v>
      </c>
      <c r="C4186" s="21">
        <v>95586.949781383024</v>
      </c>
      <c r="D4186">
        <f t="shared" si="65"/>
        <v>4</v>
      </c>
    </row>
    <row r="4187" spans="1:4" x14ac:dyDescent="0.25">
      <c r="A4187" s="20">
        <v>43730.208333323193</v>
      </c>
      <c r="B4187" s="22">
        <v>0.68521106243133545</v>
      </c>
      <c r="C4187" s="21">
        <v>94005.9303885111</v>
      </c>
      <c r="D4187">
        <f t="shared" si="65"/>
        <v>5</v>
      </c>
    </row>
    <row r="4188" spans="1:4" x14ac:dyDescent="0.25">
      <c r="A4188" s="20">
        <v>43730.249999989857</v>
      </c>
      <c r="B4188" s="22">
        <v>0.70269668102264404</v>
      </c>
      <c r="C4188" s="21">
        <v>96404.828967676018</v>
      </c>
      <c r="D4188">
        <f t="shared" si="65"/>
        <v>6</v>
      </c>
    </row>
    <row r="4189" spans="1:4" x14ac:dyDescent="0.25">
      <c r="A4189" s="20">
        <v>43730.291666656522</v>
      </c>
      <c r="B4189" s="22">
        <v>0.7409483790397644</v>
      </c>
      <c r="C4189" s="21">
        <v>101652.68128383753</v>
      </c>
      <c r="D4189">
        <f t="shared" si="65"/>
        <v>7</v>
      </c>
    </row>
    <row r="4190" spans="1:4" x14ac:dyDescent="0.25">
      <c r="A4190" s="20">
        <v>43730.333333323186</v>
      </c>
      <c r="B4190" s="22">
        <v>1.007819652557373</v>
      </c>
      <c r="C4190" s="21">
        <v>138265.46198234474</v>
      </c>
      <c r="D4190">
        <f t="shared" si="65"/>
        <v>8</v>
      </c>
    </row>
    <row r="4191" spans="1:4" x14ac:dyDescent="0.25">
      <c r="A4191" s="20">
        <v>43730.37499998985</v>
      </c>
      <c r="B4191" s="22">
        <v>1.2159773111343384</v>
      </c>
      <c r="C4191" s="21">
        <v>166823.16549137494</v>
      </c>
      <c r="D4191">
        <f t="shared" si="65"/>
        <v>9</v>
      </c>
    </row>
    <row r="4192" spans="1:4" x14ac:dyDescent="0.25">
      <c r="A4192" s="20">
        <v>43730.416666656514</v>
      </c>
      <c r="B4192" s="22">
        <v>1.3526972532272339</v>
      </c>
      <c r="C4192" s="21">
        <v>185580.13843559672</v>
      </c>
      <c r="D4192">
        <f t="shared" si="65"/>
        <v>10</v>
      </c>
    </row>
    <row r="4193" spans="1:4" x14ac:dyDescent="0.25">
      <c r="A4193" s="20">
        <v>43730.458333323179</v>
      </c>
      <c r="B4193" s="22">
        <v>1.4351205825805664</v>
      </c>
      <c r="C4193" s="21">
        <v>196888.01448489088</v>
      </c>
      <c r="D4193">
        <f t="shared" si="65"/>
        <v>11</v>
      </c>
    </row>
    <row r="4194" spans="1:4" x14ac:dyDescent="0.25">
      <c r="A4194" s="20">
        <v>43730.499999989843</v>
      </c>
      <c r="B4194" s="22">
        <v>1.7501448392868042</v>
      </c>
      <c r="C4194" s="21">
        <v>240107.03117959967</v>
      </c>
      <c r="D4194">
        <f t="shared" si="65"/>
        <v>12</v>
      </c>
    </row>
    <row r="4195" spans="1:4" x14ac:dyDescent="0.25">
      <c r="A4195" s="20">
        <v>43730.541666656507</v>
      </c>
      <c r="B4195" s="22">
        <v>2.1454932689666748</v>
      </c>
      <c r="C4195" s="21">
        <v>294345.93506976764</v>
      </c>
      <c r="D4195">
        <f t="shared" si="65"/>
        <v>13</v>
      </c>
    </row>
    <row r="4196" spans="1:4" x14ac:dyDescent="0.25">
      <c r="A4196" s="20">
        <v>43730.583333323171</v>
      </c>
      <c r="B4196" s="22">
        <v>2.3362381458282471</v>
      </c>
      <c r="C4196" s="21">
        <v>320514.73268460616</v>
      </c>
      <c r="D4196">
        <f t="shared" si="65"/>
        <v>14</v>
      </c>
    </row>
    <row r="4197" spans="1:4" x14ac:dyDescent="0.25">
      <c r="A4197" s="20">
        <v>43730.624999989835</v>
      </c>
      <c r="B4197" s="22">
        <v>2.6474616527557373</v>
      </c>
      <c r="C4197" s="21">
        <v>363212.31439568038</v>
      </c>
      <c r="D4197">
        <f t="shared" si="65"/>
        <v>15</v>
      </c>
    </row>
    <row r="4198" spans="1:4" x14ac:dyDescent="0.25">
      <c r="A4198" s="20">
        <v>43730.6666666565</v>
      </c>
      <c r="B4198" s="22">
        <v>2.7006826400756836</v>
      </c>
      <c r="C4198" s="21">
        <v>370513.84337487444</v>
      </c>
      <c r="D4198">
        <f t="shared" si="65"/>
        <v>16</v>
      </c>
    </row>
    <row r="4199" spans="1:4" x14ac:dyDescent="0.25">
      <c r="A4199" s="20">
        <v>43730.708333323164</v>
      </c>
      <c r="B4199" s="22">
        <v>2.6215982437133789</v>
      </c>
      <c r="C4199" s="21">
        <v>359664.04443427833</v>
      </c>
      <c r="D4199">
        <f t="shared" si="65"/>
        <v>17</v>
      </c>
    </row>
    <row r="4200" spans="1:4" x14ac:dyDescent="0.25">
      <c r="A4200" s="20">
        <v>43730.749999989828</v>
      </c>
      <c r="B4200" s="22">
        <v>2.5765461921691895</v>
      </c>
      <c r="C4200" s="21">
        <v>353483.23350823304</v>
      </c>
      <c r="D4200">
        <f t="shared" si="65"/>
        <v>18</v>
      </c>
    </row>
    <row r="4201" spans="1:4" x14ac:dyDescent="0.25">
      <c r="A4201" s="20">
        <v>43730.791666656492</v>
      </c>
      <c r="B4201" s="22">
        <v>2.3819854259490967</v>
      </c>
      <c r="C4201" s="21">
        <v>326790.92387049389</v>
      </c>
      <c r="D4201">
        <f t="shared" si="65"/>
        <v>19</v>
      </c>
    </row>
    <row r="4202" spans="1:4" x14ac:dyDescent="0.25">
      <c r="A4202" s="20">
        <v>43730.833333323157</v>
      </c>
      <c r="B4202" s="22">
        <v>2.1289863586425781</v>
      </c>
      <c r="C4202" s="21">
        <v>292081.3080841052</v>
      </c>
      <c r="D4202">
        <f t="shared" si="65"/>
        <v>20</v>
      </c>
    </row>
    <row r="4203" spans="1:4" x14ac:dyDescent="0.25">
      <c r="A4203" s="20">
        <v>43730.874999989821</v>
      </c>
      <c r="B4203" s="22">
        <v>1.8526307344436646</v>
      </c>
      <c r="C4203" s="21">
        <v>254167.34405857557</v>
      </c>
      <c r="D4203">
        <f t="shared" si="65"/>
        <v>21</v>
      </c>
    </row>
    <row r="4204" spans="1:4" x14ac:dyDescent="0.25">
      <c r="A4204" s="20">
        <v>43730.916666656485</v>
      </c>
      <c r="B4204" s="22">
        <v>1.5652419328689575</v>
      </c>
      <c r="C4204" s="21">
        <v>214739.70904724381</v>
      </c>
      <c r="D4204">
        <f t="shared" si="65"/>
        <v>22</v>
      </c>
    </row>
    <row r="4205" spans="1:4" x14ac:dyDescent="0.25">
      <c r="A4205" s="20">
        <v>43730.958333323149</v>
      </c>
      <c r="B4205" s="22">
        <v>1.3261632919311523</v>
      </c>
      <c r="C4205" s="21">
        <v>181939.87362480952</v>
      </c>
      <c r="D4205">
        <f t="shared" si="65"/>
        <v>23</v>
      </c>
    </row>
    <row r="4206" spans="1:4" x14ac:dyDescent="0.25">
      <c r="A4206" s="20">
        <v>43730.999999989814</v>
      </c>
      <c r="B4206" s="22">
        <v>1.0472016334533691</v>
      </c>
      <c r="C4206" s="21">
        <v>143668.38081662971</v>
      </c>
      <c r="D4206">
        <f t="shared" si="65"/>
        <v>0</v>
      </c>
    </row>
    <row r="4207" spans="1:4" x14ac:dyDescent="0.25">
      <c r="A4207" s="20">
        <v>43731.041666656478</v>
      </c>
      <c r="B4207" s="22">
        <v>0.82634687423706055</v>
      </c>
      <c r="C4207" s="21">
        <v>113368.72825820332</v>
      </c>
      <c r="D4207">
        <f t="shared" si="65"/>
        <v>1</v>
      </c>
    </row>
    <row r="4208" spans="1:4" x14ac:dyDescent="0.25">
      <c r="A4208" s="20">
        <v>43731.083333323142</v>
      </c>
      <c r="B4208" s="22">
        <v>0.72873461246490479</v>
      </c>
      <c r="C4208" s="21">
        <v>99977.042121878083</v>
      </c>
      <c r="D4208">
        <f t="shared" si="65"/>
        <v>2</v>
      </c>
    </row>
    <row r="4209" spans="1:4" x14ac:dyDescent="0.25">
      <c r="A4209" s="20">
        <v>43731.124999989806</v>
      </c>
      <c r="B4209" s="22">
        <v>0.68817484378814697</v>
      </c>
      <c r="C4209" s="21">
        <v>94412.539445473187</v>
      </c>
      <c r="D4209">
        <f t="shared" si="65"/>
        <v>3</v>
      </c>
    </row>
    <row r="4210" spans="1:4" x14ac:dyDescent="0.25">
      <c r="A4210" s="20">
        <v>43731.166666656471</v>
      </c>
      <c r="B4210" s="22">
        <v>0.69415360689163208</v>
      </c>
      <c r="C4210" s="21">
        <v>95232.781877230402</v>
      </c>
      <c r="D4210">
        <f t="shared" si="65"/>
        <v>4</v>
      </c>
    </row>
    <row r="4211" spans="1:4" x14ac:dyDescent="0.25">
      <c r="A4211" s="20">
        <v>43731.208333323135</v>
      </c>
      <c r="B4211" s="22">
        <v>0.77810037136077881</v>
      </c>
      <c r="C4211" s="21">
        <v>106749.6620470075</v>
      </c>
      <c r="D4211">
        <f t="shared" si="65"/>
        <v>5</v>
      </c>
    </row>
    <row r="4212" spans="1:4" x14ac:dyDescent="0.25">
      <c r="A4212" s="20">
        <v>43731.249999989799</v>
      </c>
      <c r="B4212" s="22">
        <v>1.0372501611709595</v>
      </c>
      <c r="C4212" s="21">
        <v>142303.11183319567</v>
      </c>
      <c r="D4212">
        <f t="shared" si="65"/>
        <v>6</v>
      </c>
    </row>
    <row r="4213" spans="1:4" x14ac:dyDescent="0.25">
      <c r="A4213" s="20">
        <v>43731.291666656463</v>
      </c>
      <c r="B4213" s="22">
        <v>1.0477046966552734</v>
      </c>
      <c r="C4213" s="21">
        <v>143737.39739696839</v>
      </c>
      <c r="D4213">
        <f t="shared" si="65"/>
        <v>7</v>
      </c>
    </row>
    <row r="4214" spans="1:4" x14ac:dyDescent="0.25">
      <c r="A4214" s="20">
        <v>43731.333333323128</v>
      </c>
      <c r="B4214" s="22">
        <v>0.92902582883834839</v>
      </c>
      <c r="C4214" s="21">
        <v>127455.52747648217</v>
      </c>
      <c r="D4214">
        <f t="shared" si="65"/>
        <v>8</v>
      </c>
    </row>
    <row r="4215" spans="1:4" x14ac:dyDescent="0.25">
      <c r="A4215" s="20">
        <v>43731.374999989792</v>
      </c>
      <c r="B4215" s="22">
        <v>0.95590949058532715</v>
      </c>
      <c r="C4215" s="21">
        <v>131143.76862338866</v>
      </c>
      <c r="D4215">
        <f t="shared" si="65"/>
        <v>9</v>
      </c>
    </row>
    <row r="4216" spans="1:4" x14ac:dyDescent="0.25">
      <c r="A4216" s="20">
        <v>43731.416666656456</v>
      </c>
      <c r="B4216" s="22">
        <v>0.94812005758285522</v>
      </c>
      <c r="C4216" s="21">
        <v>130075.11556633192</v>
      </c>
      <c r="D4216">
        <f t="shared" si="65"/>
        <v>10</v>
      </c>
    </row>
    <row r="4217" spans="1:4" x14ac:dyDescent="0.25">
      <c r="A4217" s="20">
        <v>43731.45833332312</v>
      </c>
      <c r="B4217" s="22">
        <v>1.0244790315628052</v>
      </c>
      <c r="C4217" s="21">
        <v>140551.00655242734</v>
      </c>
      <c r="D4217">
        <f t="shared" si="65"/>
        <v>11</v>
      </c>
    </row>
    <row r="4218" spans="1:4" x14ac:dyDescent="0.25">
      <c r="A4218" s="20">
        <v>43731.499999989785</v>
      </c>
      <c r="B4218" s="22">
        <v>1.2138137817382813</v>
      </c>
      <c r="C4218" s="21">
        <v>166526.345131999</v>
      </c>
      <c r="D4218">
        <f t="shared" si="65"/>
        <v>12</v>
      </c>
    </row>
    <row r="4219" spans="1:4" x14ac:dyDescent="0.25">
      <c r="A4219" s="20">
        <v>43731.541666656449</v>
      </c>
      <c r="B4219" s="22">
        <v>1.1656779050827026</v>
      </c>
      <c r="C4219" s="21">
        <v>159922.45602662174</v>
      </c>
      <c r="D4219">
        <f t="shared" si="65"/>
        <v>13</v>
      </c>
    </row>
    <row r="4220" spans="1:4" x14ac:dyDescent="0.25">
      <c r="A4220" s="20">
        <v>43731.583333323113</v>
      </c>
      <c r="B4220" s="22">
        <v>1.3532384634017944</v>
      </c>
      <c r="C4220" s="21">
        <v>185654.38850070041</v>
      </c>
      <c r="D4220">
        <f t="shared" si="65"/>
        <v>14</v>
      </c>
    </row>
    <row r="4221" spans="1:4" x14ac:dyDescent="0.25">
      <c r="A4221" s="20">
        <v>43731.624999989777</v>
      </c>
      <c r="B4221" s="22">
        <v>1.445759654045105</v>
      </c>
      <c r="C4221" s="21">
        <v>198347.61703121435</v>
      </c>
      <c r="D4221">
        <f t="shared" si="65"/>
        <v>15</v>
      </c>
    </row>
    <row r="4222" spans="1:4" x14ac:dyDescent="0.25">
      <c r="A4222" s="20">
        <v>43731.666666656442</v>
      </c>
      <c r="B4222" s="22">
        <v>1.6189533472061157</v>
      </c>
      <c r="C4222" s="21">
        <v>222108.52101494808</v>
      </c>
      <c r="D4222">
        <f t="shared" si="65"/>
        <v>16</v>
      </c>
    </row>
    <row r="4223" spans="1:4" x14ac:dyDescent="0.25">
      <c r="A4223" s="20">
        <v>43731.708333323106</v>
      </c>
      <c r="B4223" s="22">
        <v>1.8459459543228149</v>
      </c>
      <c r="C4223" s="21">
        <v>253250.24127206579</v>
      </c>
      <c r="D4223">
        <f t="shared" si="65"/>
        <v>17</v>
      </c>
    </row>
    <row r="4224" spans="1:4" x14ac:dyDescent="0.25">
      <c r="A4224" s="20">
        <v>43731.74999998977</v>
      </c>
      <c r="B4224" s="22">
        <v>1.5996350049972534</v>
      </c>
      <c r="C4224" s="21">
        <v>219458.18620210385</v>
      </c>
      <c r="D4224">
        <f t="shared" si="65"/>
        <v>18</v>
      </c>
    </row>
    <row r="4225" spans="1:4" x14ac:dyDescent="0.25">
      <c r="A4225" s="20">
        <v>43731.791666656434</v>
      </c>
      <c r="B4225" s="22">
        <v>1.77985680103302</v>
      </c>
      <c r="C4225" s="21">
        <v>244183.29433523249</v>
      </c>
      <c r="D4225">
        <f t="shared" si="65"/>
        <v>19</v>
      </c>
    </row>
    <row r="4226" spans="1:4" x14ac:dyDescent="0.25">
      <c r="A4226" s="20">
        <v>43731.833333323098</v>
      </c>
      <c r="B4226" s="22">
        <v>1.6922216415405273</v>
      </c>
      <c r="C4226" s="21">
        <v>232160.39342991781</v>
      </c>
      <c r="D4226">
        <f t="shared" si="65"/>
        <v>20</v>
      </c>
    </row>
    <row r="4227" spans="1:4" x14ac:dyDescent="0.25">
      <c r="A4227" s="20">
        <v>43731.874999989763</v>
      </c>
      <c r="B4227" s="22">
        <v>1.441015362739563</v>
      </c>
      <c r="C4227" s="21">
        <v>197696.7350728451</v>
      </c>
      <c r="D4227">
        <f t="shared" si="65"/>
        <v>21</v>
      </c>
    </row>
    <row r="4228" spans="1:4" x14ac:dyDescent="0.25">
      <c r="A4228" s="20">
        <v>43731.916666656427</v>
      </c>
      <c r="B4228" s="22">
        <v>1.2719912528991699</v>
      </c>
      <c r="C4228" s="21">
        <v>174507.86732856769</v>
      </c>
      <c r="D4228">
        <f t="shared" si="65"/>
        <v>22</v>
      </c>
    </row>
    <row r="4229" spans="1:4" x14ac:dyDescent="0.25">
      <c r="A4229" s="20">
        <v>43731.958333323091</v>
      </c>
      <c r="B4229" s="22">
        <v>1.0325652360916138</v>
      </c>
      <c r="C4229" s="21">
        <v>141660.37448549195</v>
      </c>
      <c r="D4229">
        <f t="shared" si="65"/>
        <v>23</v>
      </c>
    </row>
    <row r="4230" spans="1:4" x14ac:dyDescent="0.25">
      <c r="A4230" s="20">
        <v>43731.999999989755</v>
      </c>
      <c r="B4230" s="22">
        <v>0.8771442174911499</v>
      </c>
      <c r="C4230" s="21">
        <v>120337.75105377991</v>
      </c>
      <c r="D4230">
        <f t="shared" si="65"/>
        <v>0</v>
      </c>
    </row>
    <row r="4231" spans="1:4" x14ac:dyDescent="0.25">
      <c r="A4231" s="20">
        <v>43732.04166665642</v>
      </c>
      <c r="B4231" s="22">
        <v>0.7628483772277832</v>
      </c>
      <c r="C4231" s="21">
        <v>104657.20035547426</v>
      </c>
      <c r="D4231">
        <f t="shared" ref="D4231:D4294" si="66">HOUR(A4231)</f>
        <v>1</v>
      </c>
    </row>
    <row r="4232" spans="1:4" x14ac:dyDescent="0.25">
      <c r="A4232" s="20">
        <v>43732.083333323084</v>
      </c>
      <c r="B4232" s="22">
        <v>0.72218871116638184</v>
      </c>
      <c r="C4232" s="21">
        <v>99078.992490840974</v>
      </c>
      <c r="D4232">
        <f t="shared" si="66"/>
        <v>2</v>
      </c>
    </row>
    <row r="4233" spans="1:4" x14ac:dyDescent="0.25">
      <c r="A4233" s="20">
        <v>43732.124999989748</v>
      </c>
      <c r="B4233" s="22">
        <v>0.68625092506408691</v>
      </c>
      <c r="C4233" s="21">
        <v>94148.591912277509</v>
      </c>
      <c r="D4233">
        <f t="shared" si="66"/>
        <v>3</v>
      </c>
    </row>
    <row r="4234" spans="1:4" x14ac:dyDescent="0.25">
      <c r="A4234" s="20">
        <v>43732.166666656412</v>
      </c>
      <c r="B4234" s="22">
        <v>0.63435423374176025</v>
      </c>
      <c r="C4234" s="21">
        <v>87028.74662762908</v>
      </c>
      <c r="D4234">
        <f t="shared" si="66"/>
        <v>4</v>
      </c>
    </row>
    <row r="4235" spans="1:4" x14ac:dyDescent="0.25">
      <c r="A4235" s="20">
        <v>43732.208333323077</v>
      </c>
      <c r="B4235" s="22">
        <v>0.79058825969696045</v>
      </c>
      <c r="C4235" s="21">
        <v>108462.90870339556</v>
      </c>
      <c r="D4235">
        <f t="shared" si="66"/>
        <v>5</v>
      </c>
    </row>
    <row r="4236" spans="1:4" x14ac:dyDescent="0.25">
      <c r="A4236" s="20">
        <v>43732.249999989741</v>
      </c>
      <c r="B4236" s="22">
        <v>1.0988918542861938</v>
      </c>
      <c r="C4236" s="21">
        <v>150759.8998649875</v>
      </c>
      <c r="D4236">
        <f t="shared" si="66"/>
        <v>6</v>
      </c>
    </row>
    <row r="4237" spans="1:4" x14ac:dyDescent="0.25">
      <c r="A4237" s="20">
        <v>43732.291666656405</v>
      </c>
      <c r="B4237" s="22">
        <v>0.80502539873123169</v>
      </c>
      <c r="C4237" s="21">
        <v>110443.57825395606</v>
      </c>
      <c r="D4237">
        <f t="shared" si="66"/>
        <v>7</v>
      </c>
    </row>
    <row r="4238" spans="1:4" x14ac:dyDescent="0.25">
      <c r="A4238" s="20">
        <v>43732.333333323069</v>
      </c>
      <c r="B4238" s="22">
        <v>0.79293638467788696</v>
      </c>
      <c r="C4238" s="21">
        <v>108785.05422264223</v>
      </c>
      <c r="D4238">
        <f t="shared" si="66"/>
        <v>8</v>
      </c>
    </row>
    <row r="4239" spans="1:4" x14ac:dyDescent="0.25">
      <c r="A4239" s="20">
        <v>43732.374999989734</v>
      </c>
      <c r="B4239" s="22">
        <v>0.83040380477905273</v>
      </c>
      <c r="C4239" s="21">
        <v>113925.30936296293</v>
      </c>
      <c r="D4239">
        <f t="shared" si="66"/>
        <v>9</v>
      </c>
    </row>
    <row r="4240" spans="1:4" x14ac:dyDescent="0.25">
      <c r="A4240" s="20">
        <v>43732.416666656398</v>
      </c>
      <c r="B4240" s="22">
        <v>0.91791945695877075</v>
      </c>
      <c r="C4240" s="21">
        <v>125931.81474178721</v>
      </c>
      <c r="D4240">
        <f t="shared" si="66"/>
        <v>10</v>
      </c>
    </row>
    <row r="4241" spans="1:4" x14ac:dyDescent="0.25">
      <c r="A4241" s="20">
        <v>43732.458333323062</v>
      </c>
      <c r="B4241" s="22">
        <v>1.0746403932571411</v>
      </c>
      <c r="C4241" s="21">
        <v>147432.77734418717</v>
      </c>
      <c r="D4241">
        <f t="shared" si="66"/>
        <v>11</v>
      </c>
    </row>
    <row r="4242" spans="1:4" x14ac:dyDescent="0.25">
      <c r="A4242" s="20">
        <v>43732.499999989726</v>
      </c>
      <c r="B4242" s="22">
        <v>1.1198022365570068</v>
      </c>
      <c r="C4242" s="21">
        <v>153628.65089357176</v>
      </c>
      <c r="D4242">
        <f t="shared" si="66"/>
        <v>12</v>
      </c>
    </row>
    <row r="4243" spans="1:4" x14ac:dyDescent="0.25">
      <c r="A4243" s="20">
        <v>43732.541666656391</v>
      </c>
      <c r="B4243" s="22">
        <v>1.2330480813980103</v>
      </c>
      <c r="C4243" s="21">
        <v>169165.14992372031</v>
      </c>
      <c r="D4243">
        <f t="shared" si="66"/>
        <v>13</v>
      </c>
    </row>
    <row r="4244" spans="1:4" x14ac:dyDescent="0.25">
      <c r="A4244" s="20">
        <v>43732.583333323055</v>
      </c>
      <c r="B4244" s="22">
        <v>1.3386906385421753</v>
      </c>
      <c r="C4244" s="21">
        <v>183658.53366700141</v>
      </c>
      <c r="D4244">
        <f t="shared" si="66"/>
        <v>14</v>
      </c>
    </row>
    <row r="4245" spans="1:4" x14ac:dyDescent="0.25">
      <c r="A4245" s="20">
        <v>43732.624999989719</v>
      </c>
      <c r="B4245" s="22">
        <v>1.4248706102371216</v>
      </c>
      <c r="C4245" s="21">
        <v>195481.79348317056</v>
      </c>
      <c r="D4245">
        <f t="shared" si="66"/>
        <v>15</v>
      </c>
    </row>
    <row r="4246" spans="1:4" x14ac:dyDescent="0.25">
      <c r="A4246" s="20">
        <v>43732.666666656383</v>
      </c>
      <c r="B4246" s="22">
        <v>1.6466349363327026</v>
      </c>
      <c r="C4246" s="21">
        <v>225906.23194396283</v>
      </c>
      <c r="D4246">
        <f t="shared" si="66"/>
        <v>16</v>
      </c>
    </row>
    <row r="4247" spans="1:4" x14ac:dyDescent="0.25">
      <c r="A4247" s="20">
        <v>43732.708333323048</v>
      </c>
      <c r="B4247" s="22">
        <v>1.6562439203262329</v>
      </c>
      <c r="C4247" s="21">
        <v>227224.51404699098</v>
      </c>
      <c r="D4247">
        <f t="shared" si="66"/>
        <v>17</v>
      </c>
    </row>
    <row r="4248" spans="1:4" x14ac:dyDescent="0.25">
      <c r="A4248" s="20">
        <v>43732.749999989712</v>
      </c>
      <c r="B4248" s="22">
        <v>1.5106004476547241</v>
      </c>
      <c r="C4248" s="21">
        <v>207243.29817911249</v>
      </c>
      <c r="D4248">
        <f t="shared" si="66"/>
        <v>18</v>
      </c>
    </row>
    <row r="4249" spans="1:4" x14ac:dyDescent="0.25">
      <c r="A4249" s="20">
        <v>43732.791666656376</v>
      </c>
      <c r="B4249" s="22">
        <v>1.4399491548538208</v>
      </c>
      <c r="C4249" s="21">
        <v>197550.45917366288</v>
      </c>
      <c r="D4249">
        <f t="shared" si="66"/>
        <v>19</v>
      </c>
    </row>
    <row r="4250" spans="1:4" x14ac:dyDescent="0.25">
      <c r="A4250" s="20">
        <v>43732.83333332304</v>
      </c>
      <c r="B4250" s="22">
        <v>1.5178128480911255</v>
      </c>
      <c r="C4250" s="21">
        <v>208232.78660177841</v>
      </c>
      <c r="D4250">
        <f t="shared" si="66"/>
        <v>20</v>
      </c>
    </row>
    <row r="4251" spans="1:4" x14ac:dyDescent="0.25">
      <c r="A4251" s="20">
        <v>43732.874999989705</v>
      </c>
      <c r="B4251" s="22">
        <v>1.3313461542129517</v>
      </c>
      <c r="C4251" s="21">
        <v>182650.92430333662</v>
      </c>
      <c r="D4251">
        <f t="shared" si="66"/>
        <v>21</v>
      </c>
    </row>
    <row r="4252" spans="1:4" x14ac:dyDescent="0.25">
      <c r="A4252" s="20">
        <v>43732.916666656369</v>
      </c>
      <c r="B4252" s="22">
        <v>1.1297470331192017</v>
      </c>
      <c r="C4252" s="21">
        <v>154993.00401717194</v>
      </c>
      <c r="D4252">
        <f t="shared" si="66"/>
        <v>22</v>
      </c>
    </row>
    <row r="4253" spans="1:4" x14ac:dyDescent="0.25">
      <c r="A4253" s="20">
        <v>43732.958333323033</v>
      </c>
      <c r="B4253" s="22">
        <v>0.9071725606918335</v>
      </c>
      <c r="C4253" s="21">
        <v>124457.41942368259</v>
      </c>
      <c r="D4253">
        <f t="shared" si="66"/>
        <v>23</v>
      </c>
    </row>
    <row r="4254" spans="1:4" x14ac:dyDescent="0.25">
      <c r="A4254" s="20">
        <v>43732.999999989697</v>
      </c>
      <c r="B4254" s="22">
        <v>0.72658771276473999</v>
      </c>
      <c r="C4254" s="21">
        <v>99682.503234766889</v>
      </c>
      <c r="D4254">
        <f t="shared" si="66"/>
        <v>0</v>
      </c>
    </row>
    <row r="4255" spans="1:4" x14ac:dyDescent="0.25">
      <c r="A4255" s="20">
        <v>43733.041666656361</v>
      </c>
      <c r="B4255" s="22">
        <v>0.64378345012664795</v>
      </c>
      <c r="C4255" s="21">
        <v>88322.365933702065</v>
      </c>
      <c r="D4255">
        <f t="shared" si="66"/>
        <v>1</v>
      </c>
    </row>
    <row r="4256" spans="1:4" x14ac:dyDescent="0.25">
      <c r="A4256" s="20">
        <v>43733.083333323026</v>
      </c>
      <c r="B4256" s="22">
        <v>0.59704738855361938</v>
      </c>
      <c r="C4256" s="21">
        <v>81910.521187241102</v>
      </c>
      <c r="D4256">
        <f t="shared" si="66"/>
        <v>2</v>
      </c>
    </row>
    <row r="4257" spans="1:4" x14ac:dyDescent="0.25">
      <c r="A4257" s="20">
        <v>43733.12499998969</v>
      </c>
      <c r="B4257" s="22">
        <v>0.62571197748184204</v>
      </c>
      <c r="C4257" s="21">
        <v>85843.092476794409</v>
      </c>
      <c r="D4257">
        <f t="shared" si="66"/>
        <v>3</v>
      </c>
    </row>
    <row r="4258" spans="1:4" x14ac:dyDescent="0.25">
      <c r="A4258" s="20">
        <v>43733.166666656354</v>
      </c>
      <c r="B4258" s="22">
        <v>0.69878333806991577</v>
      </c>
      <c r="C4258" s="21">
        <v>95867.947026664726</v>
      </c>
      <c r="D4258">
        <f t="shared" si="66"/>
        <v>4</v>
      </c>
    </row>
    <row r="4259" spans="1:4" x14ac:dyDescent="0.25">
      <c r="A4259" s="20">
        <v>43733.208333323018</v>
      </c>
      <c r="B4259" s="22">
        <v>0.73705863952636719</v>
      </c>
      <c r="C4259" s="21">
        <v>101119.03756152457</v>
      </c>
      <c r="D4259">
        <f t="shared" si="66"/>
        <v>5</v>
      </c>
    </row>
    <row r="4260" spans="1:4" x14ac:dyDescent="0.25">
      <c r="A4260" s="20">
        <v>43733.249999989683</v>
      </c>
      <c r="B4260" s="22">
        <v>0.97669327259063721</v>
      </c>
      <c r="C4260" s="21">
        <v>133995.15102440902</v>
      </c>
      <c r="D4260">
        <f t="shared" si="66"/>
        <v>6</v>
      </c>
    </row>
    <row r="4261" spans="1:4" x14ac:dyDescent="0.25">
      <c r="A4261" s="20">
        <v>43733.291666656347</v>
      </c>
      <c r="B4261" s="22">
        <v>0.91807466745376587</v>
      </c>
      <c r="C4261" s="21">
        <v>125953.10848292487</v>
      </c>
      <c r="D4261">
        <f t="shared" si="66"/>
        <v>7</v>
      </c>
    </row>
    <row r="4262" spans="1:4" x14ac:dyDescent="0.25">
      <c r="A4262" s="20">
        <v>43733.333333323011</v>
      </c>
      <c r="B4262" s="22">
        <v>0.89718765020370483</v>
      </c>
      <c r="C4262" s="21">
        <v>123087.56296375919</v>
      </c>
      <c r="D4262">
        <f t="shared" si="66"/>
        <v>8</v>
      </c>
    </row>
    <row r="4263" spans="1:4" x14ac:dyDescent="0.25">
      <c r="A4263" s="20">
        <v>43733.374999989675</v>
      </c>
      <c r="B4263" s="22">
        <v>0.88560241460800171</v>
      </c>
      <c r="C4263" s="21">
        <v>121498.15364062335</v>
      </c>
      <c r="D4263">
        <f t="shared" si="66"/>
        <v>9</v>
      </c>
    </row>
    <row r="4264" spans="1:4" x14ac:dyDescent="0.25">
      <c r="A4264" s="20">
        <v>43733.41666665634</v>
      </c>
      <c r="B4264" s="22">
        <v>0.86243236064910889</v>
      </c>
      <c r="C4264" s="21">
        <v>118319.39223559132</v>
      </c>
      <c r="D4264">
        <f t="shared" si="66"/>
        <v>10</v>
      </c>
    </row>
    <row r="4265" spans="1:4" x14ac:dyDescent="0.25">
      <c r="A4265" s="20">
        <v>43733.458333323004</v>
      </c>
      <c r="B4265" s="22">
        <v>0.95968466997146606</v>
      </c>
      <c r="C4265" s="21">
        <v>131661.69553676667</v>
      </c>
      <c r="D4265">
        <f t="shared" si="66"/>
        <v>11</v>
      </c>
    </row>
    <row r="4266" spans="1:4" x14ac:dyDescent="0.25">
      <c r="A4266" s="20">
        <v>43733.499999989668</v>
      </c>
      <c r="B4266" s="22">
        <v>1.075806736946106</v>
      </c>
      <c r="C4266" s="21">
        <v>147592.79114087758</v>
      </c>
      <c r="D4266">
        <f t="shared" si="66"/>
        <v>12</v>
      </c>
    </row>
    <row r="4267" spans="1:4" x14ac:dyDescent="0.25">
      <c r="A4267" s="20">
        <v>43733.541666656332</v>
      </c>
      <c r="B4267" s="22">
        <v>1.2850821018218994</v>
      </c>
      <c r="C4267" s="21">
        <v>176303.83575352281</v>
      </c>
      <c r="D4267">
        <f t="shared" si="66"/>
        <v>13</v>
      </c>
    </row>
    <row r="4268" spans="1:4" x14ac:dyDescent="0.25">
      <c r="A4268" s="20">
        <v>43733.583333322997</v>
      </c>
      <c r="B4268" s="22">
        <v>1.5284141302108765</v>
      </c>
      <c r="C4268" s="21">
        <v>209687.20472725655</v>
      </c>
      <c r="D4268">
        <f t="shared" si="66"/>
        <v>14</v>
      </c>
    </row>
    <row r="4269" spans="1:4" x14ac:dyDescent="0.25">
      <c r="A4269" s="20">
        <v>43733.624999989661</v>
      </c>
      <c r="B4269" s="22">
        <v>1.7338768243789673</v>
      </c>
      <c r="C4269" s="21">
        <v>237875.17889227814</v>
      </c>
      <c r="D4269">
        <f t="shared" si="66"/>
        <v>15</v>
      </c>
    </row>
    <row r="4270" spans="1:4" x14ac:dyDescent="0.25">
      <c r="A4270" s="20">
        <v>43733.666666656325</v>
      </c>
      <c r="B4270" s="22">
        <v>1.8859977722167969</v>
      </c>
      <c r="C4270" s="21">
        <v>258745.05682789651</v>
      </c>
      <c r="D4270">
        <f t="shared" si="66"/>
        <v>16</v>
      </c>
    </row>
    <row r="4271" spans="1:4" x14ac:dyDescent="0.25">
      <c r="A4271" s="20">
        <v>43733.708333322989</v>
      </c>
      <c r="B4271" s="22">
        <v>2.1067593097686768</v>
      </c>
      <c r="C4271" s="21">
        <v>289031.92005792842</v>
      </c>
      <c r="D4271">
        <f t="shared" si="66"/>
        <v>17</v>
      </c>
    </row>
    <row r="4272" spans="1:4" x14ac:dyDescent="0.25">
      <c r="A4272" s="20">
        <v>43733.749999989654</v>
      </c>
      <c r="B4272" s="22">
        <v>2.005596399307251</v>
      </c>
      <c r="C4272" s="21">
        <v>275153.11097245931</v>
      </c>
      <c r="D4272">
        <f t="shared" si="66"/>
        <v>18</v>
      </c>
    </row>
    <row r="4273" spans="1:4" x14ac:dyDescent="0.25">
      <c r="A4273" s="20">
        <v>43733.791666656318</v>
      </c>
      <c r="B4273" s="22">
        <v>1.6899408102035522</v>
      </c>
      <c r="C4273" s="21">
        <v>231847.48010488946</v>
      </c>
      <c r="D4273">
        <f t="shared" si="66"/>
        <v>19</v>
      </c>
    </row>
    <row r="4274" spans="1:4" x14ac:dyDescent="0.25">
      <c r="A4274" s="20">
        <v>43733.833333322982</v>
      </c>
      <c r="B4274" s="22">
        <v>1.6191492080688477</v>
      </c>
      <c r="C4274" s="21">
        <v>222135.39168828848</v>
      </c>
      <c r="D4274">
        <f t="shared" si="66"/>
        <v>20</v>
      </c>
    </row>
    <row r="4275" spans="1:4" x14ac:dyDescent="0.25">
      <c r="A4275" s="20">
        <v>43733.874999989646</v>
      </c>
      <c r="B4275" s="22">
        <v>1.5662928819656372</v>
      </c>
      <c r="C4275" s="21">
        <v>214883.89155252004</v>
      </c>
      <c r="D4275">
        <f t="shared" si="66"/>
        <v>21</v>
      </c>
    </row>
    <row r="4276" spans="1:4" x14ac:dyDescent="0.25">
      <c r="A4276" s="20">
        <v>43733.916666656311</v>
      </c>
      <c r="B4276" s="22">
        <v>1.3224440813064575</v>
      </c>
      <c r="C4276" s="21">
        <v>181429.62521486019</v>
      </c>
      <c r="D4276">
        <f t="shared" si="66"/>
        <v>22</v>
      </c>
    </row>
    <row r="4277" spans="1:4" x14ac:dyDescent="0.25">
      <c r="A4277" s="20">
        <v>43733.958333322975</v>
      </c>
      <c r="B4277" s="22">
        <v>0.93361949920654297</v>
      </c>
      <c r="C4277" s="21">
        <v>128085.74534734957</v>
      </c>
      <c r="D4277">
        <f t="shared" si="66"/>
        <v>23</v>
      </c>
    </row>
    <row r="4278" spans="1:4" x14ac:dyDescent="0.25">
      <c r="A4278" s="20">
        <v>43733.999999989639</v>
      </c>
      <c r="B4278" s="22">
        <v>0.80757701396942139</v>
      </c>
      <c r="C4278" s="21">
        <v>110793.6411434961</v>
      </c>
      <c r="D4278">
        <f t="shared" si="66"/>
        <v>0</v>
      </c>
    </row>
    <row r="4279" spans="1:4" x14ac:dyDescent="0.25">
      <c r="A4279" s="20">
        <v>43734.041666656303</v>
      </c>
      <c r="B4279" s="22">
        <v>0.75866800546646118</v>
      </c>
      <c r="C4279" s="21">
        <v>104083.68402110784</v>
      </c>
      <c r="D4279">
        <f t="shared" si="66"/>
        <v>1</v>
      </c>
    </row>
    <row r="4280" spans="1:4" x14ac:dyDescent="0.25">
      <c r="A4280" s="20">
        <v>43734.083333322968</v>
      </c>
      <c r="B4280" s="22">
        <v>0.67476201057434082</v>
      </c>
      <c r="C4280" s="21">
        <v>92572.397138173357</v>
      </c>
      <c r="D4280">
        <f t="shared" si="66"/>
        <v>2</v>
      </c>
    </row>
    <row r="4281" spans="1:4" x14ac:dyDescent="0.25">
      <c r="A4281" s="20">
        <v>43734.124999989632</v>
      </c>
      <c r="B4281" s="22">
        <v>0.65298217535018921</v>
      </c>
      <c r="C4281" s="21">
        <v>89584.363543546424</v>
      </c>
      <c r="D4281">
        <f t="shared" si="66"/>
        <v>3</v>
      </c>
    </row>
    <row r="4282" spans="1:4" x14ac:dyDescent="0.25">
      <c r="A4282" s="20">
        <v>43734.166666656296</v>
      </c>
      <c r="B4282" s="22">
        <v>0.73235565423965454</v>
      </c>
      <c r="C4282" s="21">
        <v>100473.82248587743</v>
      </c>
      <c r="D4282">
        <f t="shared" si="66"/>
        <v>4</v>
      </c>
    </row>
    <row r="4283" spans="1:4" x14ac:dyDescent="0.25">
      <c r="A4283" s="20">
        <v>43734.20833332296</v>
      </c>
      <c r="B4283" s="22">
        <v>0.79839944839477539</v>
      </c>
      <c r="C4283" s="21">
        <v>109534.54648223236</v>
      </c>
      <c r="D4283">
        <f t="shared" si="66"/>
        <v>5</v>
      </c>
    </row>
    <row r="4284" spans="1:4" x14ac:dyDescent="0.25">
      <c r="A4284" s="20">
        <v>43734.249999989624</v>
      </c>
      <c r="B4284" s="22">
        <v>1.027108907699585</v>
      </c>
      <c r="C4284" s="21">
        <v>140911.80626305565</v>
      </c>
      <c r="D4284">
        <f t="shared" si="66"/>
        <v>6</v>
      </c>
    </row>
    <row r="4285" spans="1:4" x14ac:dyDescent="0.25">
      <c r="A4285" s="20">
        <v>43734.291666656289</v>
      </c>
      <c r="B4285" s="22">
        <v>0.80550003051757813</v>
      </c>
      <c r="C4285" s="21">
        <v>110508.6942526808</v>
      </c>
      <c r="D4285">
        <f t="shared" si="66"/>
        <v>7</v>
      </c>
    </row>
    <row r="4286" spans="1:4" x14ac:dyDescent="0.25">
      <c r="A4286" s="20">
        <v>43734.333333322953</v>
      </c>
      <c r="B4286" s="22">
        <v>0.73564445972442627</v>
      </c>
      <c r="C4286" s="21">
        <v>100925.02246850145</v>
      </c>
      <c r="D4286">
        <f t="shared" si="66"/>
        <v>8</v>
      </c>
    </row>
    <row r="4287" spans="1:4" x14ac:dyDescent="0.25">
      <c r="A4287" s="20">
        <v>43734.374999989617</v>
      </c>
      <c r="B4287" s="22">
        <v>0.7866051197052002</v>
      </c>
      <c r="C4287" s="21">
        <v>107916.45112072826</v>
      </c>
      <c r="D4287">
        <f t="shared" si="66"/>
        <v>9</v>
      </c>
    </row>
    <row r="4288" spans="1:4" x14ac:dyDescent="0.25">
      <c r="A4288" s="20">
        <v>43734.416666656281</v>
      </c>
      <c r="B4288" s="22">
        <v>0.96422266960144043</v>
      </c>
      <c r="C4288" s="21">
        <v>132284.27579080511</v>
      </c>
      <c r="D4288">
        <f t="shared" si="66"/>
        <v>10</v>
      </c>
    </row>
    <row r="4289" spans="1:4" x14ac:dyDescent="0.25">
      <c r="A4289" s="20">
        <v>43734.458333322946</v>
      </c>
      <c r="B4289" s="22">
        <v>1.0441898107528687</v>
      </c>
      <c r="C4289" s="21">
        <v>143255.18083979169</v>
      </c>
      <c r="D4289">
        <f t="shared" si="66"/>
        <v>11</v>
      </c>
    </row>
    <row r="4290" spans="1:4" x14ac:dyDescent="0.25">
      <c r="A4290" s="20">
        <v>43734.49999998961</v>
      </c>
      <c r="B4290" s="22">
        <v>1.1122481822967529</v>
      </c>
      <c r="C4290" s="21">
        <v>152592.29007297914</v>
      </c>
      <c r="D4290">
        <f t="shared" si="66"/>
        <v>12</v>
      </c>
    </row>
    <row r="4291" spans="1:4" x14ac:dyDescent="0.25">
      <c r="A4291" s="20">
        <v>43734.541666656274</v>
      </c>
      <c r="B4291" s="22">
        <v>1.3143613338470459</v>
      </c>
      <c r="C4291" s="21">
        <v>180320.73156635245</v>
      </c>
      <c r="D4291">
        <f t="shared" si="66"/>
        <v>13</v>
      </c>
    </row>
    <row r="4292" spans="1:4" x14ac:dyDescent="0.25">
      <c r="A4292" s="20">
        <v>43734.583333322938</v>
      </c>
      <c r="B4292" s="22">
        <v>1.5182226896286011</v>
      </c>
      <c r="C4292" s="21">
        <v>208289.01385372257</v>
      </c>
      <c r="D4292">
        <f t="shared" si="66"/>
        <v>14</v>
      </c>
    </row>
    <row r="4293" spans="1:4" x14ac:dyDescent="0.25">
      <c r="A4293" s="20">
        <v>43734.624999989603</v>
      </c>
      <c r="B4293" s="22">
        <v>1.610873818397522</v>
      </c>
      <c r="C4293" s="21">
        <v>221000.06894171736</v>
      </c>
      <c r="D4293">
        <f t="shared" si="66"/>
        <v>15</v>
      </c>
    </row>
    <row r="4294" spans="1:4" x14ac:dyDescent="0.25">
      <c r="A4294" s="20">
        <v>43734.666666656267</v>
      </c>
      <c r="B4294" s="22">
        <v>1.6130485534667969</v>
      </c>
      <c r="C4294" s="21">
        <v>221298.42663724304</v>
      </c>
      <c r="D4294">
        <f t="shared" si="66"/>
        <v>16</v>
      </c>
    </row>
    <row r="4295" spans="1:4" x14ac:dyDescent="0.25">
      <c r="A4295" s="20">
        <v>43734.708333322931</v>
      </c>
      <c r="B4295" s="22">
        <v>1.7226330041885376</v>
      </c>
      <c r="C4295" s="21">
        <v>236332.60925778924</v>
      </c>
      <c r="D4295">
        <f t="shared" ref="D4295:D4358" si="67">HOUR(A4295)</f>
        <v>17</v>
      </c>
    </row>
    <row r="4296" spans="1:4" x14ac:dyDescent="0.25">
      <c r="A4296" s="20">
        <v>43734.749999989595</v>
      </c>
      <c r="B4296" s="22">
        <v>1.7562313079833984</v>
      </c>
      <c r="C4296" s="21">
        <v>240942.05002849811</v>
      </c>
      <c r="D4296">
        <f t="shared" si="67"/>
        <v>18</v>
      </c>
    </row>
    <row r="4297" spans="1:4" x14ac:dyDescent="0.25">
      <c r="A4297" s="20">
        <v>43734.79166665626</v>
      </c>
      <c r="B4297" s="22">
        <v>1.5851123332977295</v>
      </c>
      <c r="C4297" s="21">
        <v>217465.78219742177</v>
      </c>
      <c r="D4297">
        <f t="shared" si="67"/>
        <v>19</v>
      </c>
    </row>
    <row r="4298" spans="1:4" x14ac:dyDescent="0.25">
      <c r="A4298" s="20">
        <v>43734.833333322924</v>
      </c>
      <c r="B4298" s="22">
        <v>1.6795183420181274</v>
      </c>
      <c r="C4298" s="21">
        <v>230417.59393924728</v>
      </c>
      <c r="D4298">
        <f t="shared" si="67"/>
        <v>20</v>
      </c>
    </row>
    <row r="4299" spans="1:4" x14ac:dyDescent="0.25">
      <c r="A4299" s="20">
        <v>43734.874999989588</v>
      </c>
      <c r="B4299" s="22">
        <v>1.614732027053833</v>
      </c>
      <c r="C4299" s="21">
        <v>221529.3868617792</v>
      </c>
      <c r="D4299">
        <f t="shared" si="67"/>
        <v>21</v>
      </c>
    </row>
    <row r="4300" spans="1:4" x14ac:dyDescent="0.25">
      <c r="A4300" s="20">
        <v>43734.916666656252</v>
      </c>
      <c r="B4300" s="22">
        <v>1.3780139684677124</v>
      </c>
      <c r="C4300" s="21">
        <v>189053.40601846017</v>
      </c>
      <c r="D4300">
        <f t="shared" si="67"/>
        <v>22</v>
      </c>
    </row>
    <row r="4301" spans="1:4" x14ac:dyDescent="0.25">
      <c r="A4301" s="20">
        <v>43734.958333322917</v>
      </c>
      <c r="B4301" s="22">
        <v>1.0221552848815918</v>
      </c>
      <c r="C4301" s="21">
        <v>140232.20555703834</v>
      </c>
      <c r="D4301">
        <f t="shared" si="67"/>
        <v>23</v>
      </c>
    </row>
    <row r="4302" spans="1:4" x14ac:dyDescent="0.25">
      <c r="A4302" s="20">
        <v>43734.999999989581</v>
      </c>
      <c r="B4302" s="22">
        <v>0.76255029439926147</v>
      </c>
      <c r="C4302" s="21">
        <v>104616.30557842761</v>
      </c>
      <c r="D4302">
        <f t="shared" si="67"/>
        <v>0</v>
      </c>
    </row>
    <row r="4303" spans="1:4" x14ac:dyDescent="0.25">
      <c r="A4303" s="20">
        <v>43735.041666656245</v>
      </c>
      <c r="B4303" s="22">
        <v>0.7269018292427063</v>
      </c>
      <c r="C4303" s="21">
        <v>99725.597710878836</v>
      </c>
      <c r="D4303">
        <f t="shared" si="67"/>
        <v>1</v>
      </c>
    </row>
    <row r="4304" spans="1:4" x14ac:dyDescent="0.25">
      <c r="A4304" s="20">
        <v>43735.083333322909</v>
      </c>
      <c r="B4304" s="22">
        <v>0.78748553991317749</v>
      </c>
      <c r="C4304" s="21">
        <v>108037.23831364088</v>
      </c>
      <c r="D4304">
        <f t="shared" si="67"/>
        <v>2</v>
      </c>
    </row>
    <row r="4305" spans="1:4" x14ac:dyDescent="0.25">
      <c r="A4305" s="20">
        <v>43735.124999989574</v>
      </c>
      <c r="B4305" s="22">
        <v>0.65631163120269775</v>
      </c>
      <c r="C4305" s="21">
        <v>90041.140458373164</v>
      </c>
      <c r="D4305">
        <f t="shared" si="67"/>
        <v>3</v>
      </c>
    </row>
    <row r="4306" spans="1:4" x14ac:dyDescent="0.25">
      <c r="A4306" s="20">
        <v>43735.166666656238</v>
      </c>
      <c r="B4306" s="22">
        <v>0.61232364177703857</v>
      </c>
      <c r="C4306" s="21">
        <v>84006.311047992102</v>
      </c>
      <c r="D4306">
        <f t="shared" si="67"/>
        <v>4</v>
      </c>
    </row>
    <row r="4307" spans="1:4" x14ac:dyDescent="0.25">
      <c r="A4307" s="20">
        <v>43735.208333322902</v>
      </c>
      <c r="B4307" s="22">
        <v>0.73477655649185181</v>
      </c>
      <c r="C4307" s="21">
        <v>100805.95251277735</v>
      </c>
      <c r="D4307">
        <f t="shared" si="67"/>
        <v>5</v>
      </c>
    </row>
    <row r="4308" spans="1:4" x14ac:dyDescent="0.25">
      <c r="A4308" s="20">
        <v>43735.249999989566</v>
      </c>
      <c r="B4308" s="22">
        <v>1.075344443321228</v>
      </c>
      <c r="C4308" s="21">
        <v>147529.36784738154</v>
      </c>
      <c r="D4308">
        <f t="shared" si="67"/>
        <v>6</v>
      </c>
    </row>
    <row r="4309" spans="1:4" x14ac:dyDescent="0.25">
      <c r="A4309" s="20">
        <v>43735.291666656231</v>
      </c>
      <c r="B4309" s="22">
        <v>0.91329997777938843</v>
      </c>
      <c r="C4309" s="21">
        <v>125298.05609138348</v>
      </c>
      <c r="D4309">
        <f t="shared" si="67"/>
        <v>7</v>
      </c>
    </row>
    <row r="4310" spans="1:4" x14ac:dyDescent="0.25">
      <c r="A4310" s="20">
        <v>43735.333333322895</v>
      </c>
      <c r="B4310" s="22">
        <v>0.79530662298202515</v>
      </c>
      <c r="C4310" s="21">
        <v>109110.2335275886</v>
      </c>
      <c r="D4310">
        <f t="shared" si="67"/>
        <v>8</v>
      </c>
    </row>
    <row r="4311" spans="1:4" x14ac:dyDescent="0.25">
      <c r="A4311" s="20">
        <v>43735.374999989559</v>
      </c>
      <c r="B4311" s="22">
        <v>0.96978336572647095</v>
      </c>
      <c r="C4311" s="21">
        <v>133047.1625004657</v>
      </c>
      <c r="D4311">
        <f t="shared" si="67"/>
        <v>9</v>
      </c>
    </row>
    <row r="4312" spans="1:4" x14ac:dyDescent="0.25">
      <c r="A4312" s="20">
        <v>43735.416666656223</v>
      </c>
      <c r="B4312" s="22">
        <v>0.95627719163894653</v>
      </c>
      <c r="C4312" s="21">
        <v>131194.21451013145</v>
      </c>
      <c r="D4312">
        <f t="shared" si="67"/>
        <v>10</v>
      </c>
    </row>
    <row r="4313" spans="1:4" x14ac:dyDescent="0.25">
      <c r="A4313" s="20">
        <v>43735.458333322887</v>
      </c>
      <c r="B4313" s="22">
        <v>1.039935827255249</v>
      </c>
      <c r="C4313" s="21">
        <v>142671.56551529278</v>
      </c>
      <c r="D4313">
        <f t="shared" si="67"/>
        <v>11</v>
      </c>
    </row>
    <row r="4314" spans="1:4" x14ac:dyDescent="0.25">
      <c r="A4314" s="20">
        <v>43735.499999989552</v>
      </c>
      <c r="B4314" s="22">
        <v>1.1326318979263306</v>
      </c>
      <c r="C4314" s="21">
        <v>155388.78630252639</v>
      </c>
      <c r="D4314">
        <f t="shared" si="67"/>
        <v>12</v>
      </c>
    </row>
    <row r="4315" spans="1:4" x14ac:dyDescent="0.25">
      <c r="A4315" s="20">
        <v>43735.541666656216</v>
      </c>
      <c r="B4315" s="22">
        <v>1.5118268728256226</v>
      </c>
      <c r="C4315" s="21">
        <v>207411.5547143078</v>
      </c>
      <c r="D4315">
        <f t="shared" si="67"/>
        <v>13</v>
      </c>
    </row>
    <row r="4316" spans="1:4" x14ac:dyDescent="0.25">
      <c r="A4316" s="20">
        <v>43735.58333332288</v>
      </c>
      <c r="B4316" s="22">
        <v>1.7154791355133057</v>
      </c>
      <c r="C4316" s="21">
        <v>235351.15096330966</v>
      </c>
      <c r="D4316">
        <f t="shared" si="67"/>
        <v>14</v>
      </c>
    </row>
    <row r="4317" spans="1:4" x14ac:dyDescent="0.25">
      <c r="A4317" s="20">
        <v>43735.624999989544</v>
      </c>
      <c r="B4317" s="22">
        <v>2.1048352718353271</v>
      </c>
      <c r="C4317" s="21">
        <v>288767.95617009286</v>
      </c>
      <c r="D4317">
        <f t="shared" si="67"/>
        <v>15</v>
      </c>
    </row>
    <row r="4318" spans="1:4" x14ac:dyDescent="0.25">
      <c r="A4318" s="20">
        <v>43735.666666656209</v>
      </c>
      <c r="B4318" s="22">
        <v>2.3706490993499756</v>
      </c>
      <c r="C4318" s="21">
        <v>325235.6630354498</v>
      </c>
      <c r="D4318">
        <f t="shared" si="67"/>
        <v>16</v>
      </c>
    </row>
    <row r="4319" spans="1:4" x14ac:dyDescent="0.25">
      <c r="A4319" s="20">
        <v>43735.708333322873</v>
      </c>
      <c r="B4319" s="22">
        <v>2.346691370010376</v>
      </c>
      <c r="C4319" s="21">
        <v>321948.83834734006</v>
      </c>
      <c r="D4319">
        <f t="shared" si="67"/>
        <v>17</v>
      </c>
    </row>
    <row r="4320" spans="1:4" x14ac:dyDescent="0.25">
      <c r="A4320" s="20">
        <v>43735.749999989537</v>
      </c>
      <c r="B4320" s="22">
        <v>2.4366521835327148</v>
      </c>
      <c r="C4320" s="21">
        <v>334290.80192228203</v>
      </c>
      <c r="D4320">
        <f t="shared" si="67"/>
        <v>18</v>
      </c>
    </row>
    <row r="4321" spans="1:4" x14ac:dyDescent="0.25">
      <c r="A4321" s="20">
        <v>43735.791666656201</v>
      </c>
      <c r="B4321" s="22">
        <v>2.2050912380218506</v>
      </c>
      <c r="C4321" s="21">
        <v>302522.33915527363</v>
      </c>
      <c r="D4321">
        <f t="shared" si="67"/>
        <v>19</v>
      </c>
    </row>
    <row r="4322" spans="1:4" x14ac:dyDescent="0.25">
      <c r="A4322" s="20">
        <v>43735.833333322866</v>
      </c>
      <c r="B4322" s="22">
        <v>1.9500186443328857</v>
      </c>
      <c r="C4322" s="21">
        <v>267528.25076262653</v>
      </c>
      <c r="D4322">
        <f t="shared" si="67"/>
        <v>20</v>
      </c>
    </row>
    <row r="4323" spans="1:4" x14ac:dyDescent="0.25">
      <c r="A4323" s="20">
        <v>43735.87499998953</v>
      </c>
      <c r="B4323" s="22">
        <v>1.6089260578155518</v>
      </c>
      <c r="C4323" s="21">
        <v>220732.85048054357</v>
      </c>
      <c r="D4323">
        <f t="shared" si="67"/>
        <v>21</v>
      </c>
    </row>
    <row r="4324" spans="1:4" x14ac:dyDescent="0.25">
      <c r="A4324" s="20">
        <v>43735.916666656194</v>
      </c>
      <c r="B4324" s="22">
        <v>1.6350418329238892</v>
      </c>
      <c r="C4324" s="21">
        <v>224315.74321459423</v>
      </c>
      <c r="D4324">
        <f t="shared" si="67"/>
        <v>22</v>
      </c>
    </row>
    <row r="4325" spans="1:4" x14ac:dyDescent="0.25">
      <c r="A4325" s="20">
        <v>43735.958333322858</v>
      </c>
      <c r="B4325" s="22">
        <v>1.4685965776443481</v>
      </c>
      <c r="C4325" s="21">
        <v>201480.67539507191</v>
      </c>
      <c r="D4325">
        <f t="shared" si="67"/>
        <v>23</v>
      </c>
    </row>
    <row r="4326" spans="1:4" x14ac:dyDescent="0.25">
      <c r="A4326" s="20">
        <v>43735.999999989523</v>
      </c>
      <c r="B4326" s="22">
        <v>1.2793732881546021</v>
      </c>
      <c r="C4326" s="21">
        <v>175520.62840379804</v>
      </c>
      <c r="D4326">
        <f t="shared" si="67"/>
        <v>0</v>
      </c>
    </row>
    <row r="4327" spans="1:4" x14ac:dyDescent="0.25">
      <c r="A4327" s="20">
        <v>43736.041666656187</v>
      </c>
      <c r="B4327" s="22">
        <v>0.97721189260482788</v>
      </c>
      <c r="C4327" s="21">
        <v>134066.30188525343</v>
      </c>
      <c r="D4327">
        <f t="shared" si="67"/>
        <v>1</v>
      </c>
    </row>
    <row r="4328" spans="1:4" x14ac:dyDescent="0.25">
      <c r="A4328" s="20">
        <v>43736.083333322851</v>
      </c>
      <c r="B4328" s="22">
        <v>0.91351383924484253</v>
      </c>
      <c r="C4328" s="21">
        <v>125327.39631534735</v>
      </c>
      <c r="D4328">
        <f t="shared" si="67"/>
        <v>2</v>
      </c>
    </row>
    <row r="4329" spans="1:4" x14ac:dyDescent="0.25">
      <c r="A4329" s="20">
        <v>43736.124999989515</v>
      </c>
      <c r="B4329" s="22">
        <v>0.87695711851119995</v>
      </c>
      <c r="C4329" s="21">
        <v>120312.08244647148</v>
      </c>
      <c r="D4329">
        <f t="shared" si="67"/>
        <v>3</v>
      </c>
    </row>
    <row r="4330" spans="1:4" x14ac:dyDescent="0.25">
      <c r="A4330" s="20">
        <v>43736.16666665618</v>
      </c>
      <c r="B4330" s="22">
        <v>0.82062792778015137</v>
      </c>
      <c r="C4330" s="21">
        <v>112584.13076408785</v>
      </c>
      <c r="D4330">
        <f t="shared" si="67"/>
        <v>4</v>
      </c>
    </row>
    <row r="4331" spans="1:4" x14ac:dyDescent="0.25">
      <c r="A4331" s="20">
        <v>43736.208333322844</v>
      </c>
      <c r="B4331" s="22">
        <v>0.81244593858718872</v>
      </c>
      <c r="C4331" s="21">
        <v>111461.62187787109</v>
      </c>
      <c r="D4331">
        <f t="shared" si="67"/>
        <v>5</v>
      </c>
    </row>
    <row r="4332" spans="1:4" x14ac:dyDescent="0.25">
      <c r="A4332" s="20">
        <v>43736.249999989508</v>
      </c>
      <c r="B4332" s="22">
        <v>0.83934909105300903</v>
      </c>
      <c r="C4332" s="21">
        <v>115152.53700839971</v>
      </c>
      <c r="D4332">
        <f t="shared" si="67"/>
        <v>6</v>
      </c>
    </row>
    <row r="4333" spans="1:4" x14ac:dyDescent="0.25">
      <c r="A4333" s="20">
        <v>43736.291666656172</v>
      </c>
      <c r="B4333" s="22">
        <v>1.1103286743164063</v>
      </c>
      <c r="C4333" s="21">
        <v>152328.94766145942</v>
      </c>
      <c r="D4333">
        <f t="shared" si="67"/>
        <v>7</v>
      </c>
    </row>
    <row r="4334" spans="1:4" x14ac:dyDescent="0.25">
      <c r="A4334" s="20">
        <v>43736.333333322837</v>
      </c>
      <c r="B4334" s="22">
        <v>1.1084541082382202</v>
      </c>
      <c r="C4334" s="21">
        <v>152071.77094917849</v>
      </c>
      <c r="D4334">
        <f t="shared" si="67"/>
        <v>8</v>
      </c>
    </row>
    <row r="4335" spans="1:4" x14ac:dyDescent="0.25">
      <c r="A4335" s="20">
        <v>43736.374999989501</v>
      </c>
      <c r="B4335" s="22">
        <v>1.0606167316436768</v>
      </c>
      <c r="C4335" s="21">
        <v>145508.83386208749</v>
      </c>
      <c r="D4335">
        <f t="shared" si="67"/>
        <v>9</v>
      </c>
    </row>
    <row r="4336" spans="1:4" x14ac:dyDescent="0.25">
      <c r="A4336" s="20">
        <v>43736.416666656165</v>
      </c>
      <c r="B4336" s="22">
        <v>1.3683301210403442</v>
      </c>
      <c r="C4336" s="21">
        <v>187724.8532015807</v>
      </c>
      <c r="D4336">
        <f t="shared" si="67"/>
        <v>10</v>
      </c>
    </row>
    <row r="4337" spans="1:4" x14ac:dyDescent="0.25">
      <c r="A4337" s="20">
        <v>43736.458333322829</v>
      </c>
      <c r="B4337" s="22">
        <v>1.6629425287246704</v>
      </c>
      <c r="C4337" s="21">
        <v>228143.51397172804</v>
      </c>
      <c r="D4337">
        <f t="shared" si="67"/>
        <v>11</v>
      </c>
    </row>
    <row r="4338" spans="1:4" x14ac:dyDescent="0.25">
      <c r="A4338" s="20">
        <v>43736.499999989494</v>
      </c>
      <c r="B4338" s="22">
        <v>1.9818744659423828</v>
      </c>
      <c r="C4338" s="21">
        <v>271898.63576205331</v>
      </c>
      <c r="D4338">
        <f t="shared" si="67"/>
        <v>12</v>
      </c>
    </row>
    <row r="4339" spans="1:4" x14ac:dyDescent="0.25">
      <c r="A4339" s="20">
        <v>43736.541666656158</v>
      </c>
      <c r="B4339" s="22">
        <v>2.0840339660644531</v>
      </c>
      <c r="C4339" s="21">
        <v>285914.16963700857</v>
      </c>
      <c r="D4339">
        <f t="shared" si="67"/>
        <v>13</v>
      </c>
    </row>
    <row r="4340" spans="1:4" x14ac:dyDescent="0.25">
      <c r="A4340" s="20">
        <v>43736.583333322822</v>
      </c>
      <c r="B4340" s="22">
        <v>2.4369251728057861</v>
      </c>
      <c r="C4340" s="21">
        <v>334328.25404763169</v>
      </c>
      <c r="D4340">
        <f t="shared" si="67"/>
        <v>14</v>
      </c>
    </row>
    <row r="4341" spans="1:4" x14ac:dyDescent="0.25">
      <c r="A4341" s="20">
        <v>43736.624999989486</v>
      </c>
      <c r="B4341" s="22">
        <v>2.5571019649505615</v>
      </c>
      <c r="C4341" s="21">
        <v>350815.62819566426</v>
      </c>
      <c r="D4341">
        <f t="shared" si="67"/>
        <v>15</v>
      </c>
    </row>
    <row r="4342" spans="1:4" x14ac:dyDescent="0.25">
      <c r="A4342" s="20">
        <v>43736.66666665615</v>
      </c>
      <c r="B4342" s="22">
        <v>2.5945758819580078</v>
      </c>
      <c r="C4342" s="21">
        <v>355956.77466385899</v>
      </c>
      <c r="D4342">
        <f t="shared" si="67"/>
        <v>16</v>
      </c>
    </row>
    <row r="4343" spans="1:4" x14ac:dyDescent="0.25">
      <c r="A4343" s="20">
        <v>43736.708333322815</v>
      </c>
      <c r="B4343" s="22">
        <v>2.6784977912902832</v>
      </c>
      <c r="C4343" s="21">
        <v>367470.2448912189</v>
      </c>
      <c r="D4343">
        <f t="shared" si="67"/>
        <v>17</v>
      </c>
    </row>
    <row r="4344" spans="1:4" x14ac:dyDescent="0.25">
      <c r="A4344" s="20">
        <v>43736.749999989479</v>
      </c>
      <c r="B4344" s="22">
        <v>2.5622467994689941</v>
      </c>
      <c r="C4344" s="21">
        <v>351521.46174406621</v>
      </c>
      <c r="D4344">
        <f t="shared" si="67"/>
        <v>18</v>
      </c>
    </row>
    <row r="4345" spans="1:4" x14ac:dyDescent="0.25">
      <c r="A4345" s="20">
        <v>43736.791666656143</v>
      </c>
      <c r="B4345" s="22">
        <v>2.4204757213592529</v>
      </c>
      <c r="C4345" s="21">
        <v>332071.50999839656</v>
      </c>
      <c r="D4345">
        <f t="shared" si="67"/>
        <v>19</v>
      </c>
    </row>
    <row r="4346" spans="1:4" x14ac:dyDescent="0.25">
      <c r="A4346" s="20">
        <v>43736.833333322807</v>
      </c>
      <c r="B4346" s="22">
        <v>2.2040731906890869</v>
      </c>
      <c r="C4346" s="21">
        <v>302382.67053060728</v>
      </c>
      <c r="D4346">
        <f t="shared" si="67"/>
        <v>20</v>
      </c>
    </row>
    <row r="4347" spans="1:4" x14ac:dyDescent="0.25">
      <c r="A4347" s="20">
        <v>43736.874999989472</v>
      </c>
      <c r="B4347" s="22">
        <v>1.9813096523284912</v>
      </c>
      <c r="C4347" s="21">
        <v>271821.14747825131</v>
      </c>
      <c r="D4347">
        <f t="shared" si="67"/>
        <v>21</v>
      </c>
    </row>
    <row r="4348" spans="1:4" x14ac:dyDescent="0.25">
      <c r="A4348" s="20">
        <v>43736.916666656136</v>
      </c>
      <c r="B4348" s="22">
        <v>1.7279899120330811</v>
      </c>
      <c r="C4348" s="21">
        <v>237067.5377105567</v>
      </c>
      <c r="D4348">
        <f t="shared" si="67"/>
        <v>22</v>
      </c>
    </row>
    <row r="4349" spans="1:4" x14ac:dyDescent="0.25">
      <c r="A4349" s="20">
        <v>43736.9583333228</v>
      </c>
      <c r="B4349" s="22">
        <v>1.545142650604248</v>
      </c>
      <c r="C4349" s="21">
        <v>211982.23498847577</v>
      </c>
      <c r="D4349">
        <f t="shared" si="67"/>
        <v>23</v>
      </c>
    </row>
    <row r="4350" spans="1:4" x14ac:dyDescent="0.25">
      <c r="A4350" s="20">
        <v>43736.999999989464</v>
      </c>
      <c r="B4350" s="22">
        <v>1.4249485731124878</v>
      </c>
      <c r="C4350" s="21">
        <v>195492.48941765906</v>
      </c>
      <c r="D4350">
        <f t="shared" si="67"/>
        <v>0</v>
      </c>
    </row>
    <row r="4351" spans="1:4" x14ac:dyDescent="0.25">
      <c r="A4351" s="20">
        <v>43737.041666656129</v>
      </c>
      <c r="B4351" s="22">
        <v>1.1459430456161499</v>
      </c>
      <c r="C4351" s="21">
        <v>157214.97810199947</v>
      </c>
      <c r="D4351">
        <f t="shared" si="67"/>
        <v>1</v>
      </c>
    </row>
    <row r="4352" spans="1:4" x14ac:dyDescent="0.25">
      <c r="A4352" s="20">
        <v>43737.083333322793</v>
      </c>
      <c r="B4352" s="22">
        <v>0.9466407299041748</v>
      </c>
      <c r="C4352" s="21">
        <v>129872.16266260853</v>
      </c>
      <c r="D4352">
        <f t="shared" si="67"/>
        <v>2</v>
      </c>
    </row>
    <row r="4353" spans="1:4" x14ac:dyDescent="0.25">
      <c r="A4353" s="20">
        <v>43737.124999989457</v>
      </c>
      <c r="B4353" s="22">
        <v>0.9397849440574646</v>
      </c>
      <c r="C4353" s="21">
        <v>128931.59914517558</v>
      </c>
      <c r="D4353">
        <f t="shared" si="67"/>
        <v>3</v>
      </c>
    </row>
    <row r="4354" spans="1:4" x14ac:dyDescent="0.25">
      <c r="A4354" s="20">
        <v>43737.166666656121</v>
      </c>
      <c r="B4354" s="22">
        <v>0.84027141332626343</v>
      </c>
      <c r="C4354" s="21">
        <v>115279.0728572339</v>
      </c>
      <c r="D4354">
        <f t="shared" si="67"/>
        <v>4</v>
      </c>
    </row>
    <row r="4355" spans="1:4" x14ac:dyDescent="0.25">
      <c r="A4355" s="20">
        <v>43737.208333322786</v>
      </c>
      <c r="B4355" s="22">
        <v>0.82956427335739136</v>
      </c>
      <c r="C4355" s="21">
        <v>113810.13181153282</v>
      </c>
      <c r="D4355">
        <f t="shared" si="67"/>
        <v>5</v>
      </c>
    </row>
    <row r="4356" spans="1:4" x14ac:dyDescent="0.25">
      <c r="A4356" s="20">
        <v>43737.24999998945</v>
      </c>
      <c r="B4356" s="22">
        <v>0.85945338010787964</v>
      </c>
      <c r="C4356" s="21">
        <v>117910.6979620432</v>
      </c>
      <c r="D4356">
        <f t="shared" si="67"/>
        <v>6</v>
      </c>
    </row>
    <row r="4357" spans="1:4" x14ac:dyDescent="0.25">
      <c r="A4357" s="20">
        <v>43737.291666656114</v>
      </c>
      <c r="B4357" s="22">
        <v>1.0007088184356689</v>
      </c>
      <c r="C4357" s="21">
        <v>137289.90771286568</v>
      </c>
      <c r="D4357">
        <f t="shared" si="67"/>
        <v>7</v>
      </c>
    </row>
    <row r="4358" spans="1:4" x14ac:dyDescent="0.25">
      <c r="A4358" s="20">
        <v>43737.333333322778</v>
      </c>
      <c r="B4358" s="22">
        <v>1.1278446912765503</v>
      </c>
      <c r="C4358" s="21">
        <v>154732.01667379646</v>
      </c>
      <c r="D4358">
        <f t="shared" si="67"/>
        <v>8</v>
      </c>
    </row>
    <row r="4359" spans="1:4" x14ac:dyDescent="0.25">
      <c r="A4359" s="20">
        <v>43737.374999989443</v>
      </c>
      <c r="B4359" s="22">
        <v>1.2444808483123779</v>
      </c>
      <c r="C4359" s="21">
        <v>170733.64166243596</v>
      </c>
      <c r="D4359">
        <f t="shared" ref="D4359:D4422" si="68">HOUR(A4359)</f>
        <v>9</v>
      </c>
    </row>
    <row r="4360" spans="1:4" x14ac:dyDescent="0.25">
      <c r="A4360" s="20">
        <v>43737.416666656107</v>
      </c>
      <c r="B4360" s="22">
        <v>1.5243958234786987</v>
      </c>
      <c r="C4360" s="21">
        <v>209135.92252582152</v>
      </c>
      <c r="D4360">
        <f t="shared" si="68"/>
        <v>10</v>
      </c>
    </row>
    <row r="4361" spans="1:4" x14ac:dyDescent="0.25">
      <c r="A4361" s="20">
        <v>43737.458333322771</v>
      </c>
      <c r="B4361" s="22">
        <v>1.7830265760421753</v>
      </c>
      <c r="C4361" s="21">
        <v>244618.16420992569</v>
      </c>
      <c r="D4361">
        <f t="shared" si="68"/>
        <v>11</v>
      </c>
    </row>
    <row r="4362" spans="1:4" x14ac:dyDescent="0.25">
      <c r="A4362" s="20">
        <v>43737.499999989435</v>
      </c>
      <c r="B4362" s="22">
        <v>2.2299308776855469</v>
      </c>
      <c r="C4362" s="21">
        <v>305930.15546929464</v>
      </c>
      <c r="D4362">
        <f t="shared" si="68"/>
        <v>12</v>
      </c>
    </row>
    <row r="4363" spans="1:4" x14ac:dyDescent="0.25">
      <c r="A4363" s="20">
        <v>43737.5416666561</v>
      </c>
      <c r="B4363" s="22">
        <v>2.3718500137329102</v>
      </c>
      <c r="C4363" s="21">
        <v>325400.41967770847</v>
      </c>
      <c r="D4363">
        <f t="shared" si="68"/>
        <v>13</v>
      </c>
    </row>
    <row r="4364" spans="1:4" x14ac:dyDescent="0.25">
      <c r="A4364" s="20">
        <v>43737.583333322764</v>
      </c>
      <c r="B4364" s="22">
        <v>2.6671230792999268</v>
      </c>
      <c r="C4364" s="21">
        <v>365909.71786213003</v>
      </c>
      <c r="D4364">
        <f t="shared" si="68"/>
        <v>14</v>
      </c>
    </row>
    <row r="4365" spans="1:4" x14ac:dyDescent="0.25">
      <c r="A4365" s="20">
        <v>43737.624999989428</v>
      </c>
      <c r="B4365" s="22">
        <v>2.7911770343780518</v>
      </c>
      <c r="C4365" s="21">
        <v>382929.01031796704</v>
      </c>
      <c r="D4365">
        <f t="shared" si="68"/>
        <v>15</v>
      </c>
    </row>
    <row r="4366" spans="1:4" x14ac:dyDescent="0.25">
      <c r="A4366" s="20">
        <v>43737.666666656092</v>
      </c>
      <c r="B4366" s="22">
        <v>2.8710072040557861</v>
      </c>
      <c r="C4366" s="21">
        <v>393881.12388571922</v>
      </c>
      <c r="D4366">
        <f t="shared" si="68"/>
        <v>16</v>
      </c>
    </row>
    <row r="4367" spans="1:4" x14ac:dyDescent="0.25">
      <c r="A4367" s="20">
        <v>43737.708333322757</v>
      </c>
      <c r="B4367" s="22">
        <v>2.7771570682525635</v>
      </c>
      <c r="C4367" s="21">
        <v>381005.57382970396</v>
      </c>
      <c r="D4367">
        <f t="shared" si="68"/>
        <v>17</v>
      </c>
    </row>
    <row r="4368" spans="1:4" x14ac:dyDescent="0.25">
      <c r="A4368" s="20">
        <v>43737.749999989421</v>
      </c>
      <c r="B4368" s="22">
        <v>2.66257643699646</v>
      </c>
      <c r="C4368" s="21">
        <v>365285.95189669944</v>
      </c>
      <c r="D4368">
        <f t="shared" si="68"/>
        <v>18</v>
      </c>
    </row>
    <row r="4369" spans="1:4" x14ac:dyDescent="0.25">
      <c r="A4369" s="20">
        <v>43737.791666656085</v>
      </c>
      <c r="B4369" s="22">
        <v>2.5579524040222168</v>
      </c>
      <c r="C4369" s="21">
        <v>350932.30219664436</v>
      </c>
      <c r="D4369">
        <f t="shared" si="68"/>
        <v>19</v>
      </c>
    </row>
    <row r="4370" spans="1:4" x14ac:dyDescent="0.25">
      <c r="A4370" s="20">
        <v>43737.833333322749</v>
      </c>
      <c r="B4370" s="22">
        <v>2.3573226928710938</v>
      </c>
      <c r="C4370" s="21">
        <v>323407.37784207065</v>
      </c>
      <c r="D4370">
        <f t="shared" si="68"/>
        <v>20</v>
      </c>
    </row>
    <row r="4371" spans="1:4" x14ac:dyDescent="0.25">
      <c r="A4371" s="20">
        <v>43737.874999989413</v>
      </c>
      <c r="B4371" s="22">
        <v>1.9577641487121582</v>
      </c>
      <c r="C4371" s="21">
        <v>268590.8771348836</v>
      </c>
      <c r="D4371">
        <f t="shared" si="68"/>
        <v>21</v>
      </c>
    </row>
    <row r="4372" spans="1:4" x14ac:dyDescent="0.25">
      <c r="A4372" s="20">
        <v>43737.916666656078</v>
      </c>
      <c r="B4372" s="22">
        <v>1.6572288274765015</v>
      </c>
      <c r="C4372" s="21">
        <v>227359.63608176779</v>
      </c>
      <c r="D4372">
        <f t="shared" si="68"/>
        <v>22</v>
      </c>
    </row>
    <row r="4373" spans="1:4" x14ac:dyDescent="0.25">
      <c r="A4373" s="20">
        <v>43737.958333322742</v>
      </c>
      <c r="B4373" s="22">
        <v>1.4148687124252319</v>
      </c>
      <c r="C4373" s="21">
        <v>194109.60648706273</v>
      </c>
      <c r="D4373">
        <f t="shared" si="68"/>
        <v>23</v>
      </c>
    </row>
    <row r="4374" spans="1:4" x14ac:dyDescent="0.25">
      <c r="A4374" s="20">
        <v>43737.999999989406</v>
      </c>
      <c r="B4374" s="22">
        <v>1.1712380647659302</v>
      </c>
      <c r="C4374" s="21">
        <v>160685.26914040282</v>
      </c>
      <c r="D4374">
        <f t="shared" si="68"/>
        <v>0</v>
      </c>
    </row>
    <row r="4375" spans="1:4" x14ac:dyDescent="0.25">
      <c r="A4375" s="20">
        <v>43738.04166665607</v>
      </c>
      <c r="B4375" s="22">
        <v>0.99191540479660034</v>
      </c>
      <c r="C4375" s="21">
        <v>136083.51587864963</v>
      </c>
      <c r="D4375">
        <f t="shared" si="68"/>
        <v>1</v>
      </c>
    </row>
    <row r="4376" spans="1:4" x14ac:dyDescent="0.25">
      <c r="A4376" s="20">
        <v>43738.083333322735</v>
      </c>
      <c r="B4376" s="22">
        <v>0.90430581569671631</v>
      </c>
      <c r="C4376" s="21">
        <v>124064.12304359152</v>
      </c>
      <c r="D4376">
        <f t="shared" si="68"/>
        <v>2</v>
      </c>
    </row>
    <row r="4377" spans="1:4" x14ac:dyDescent="0.25">
      <c r="A4377" s="20">
        <v>43738.124999989399</v>
      </c>
      <c r="B4377" s="22">
        <v>0.8009178638458252</v>
      </c>
      <c r="C4377" s="21">
        <v>109880.05460456284</v>
      </c>
      <c r="D4377">
        <f t="shared" si="68"/>
        <v>3</v>
      </c>
    </row>
    <row r="4378" spans="1:4" x14ac:dyDescent="0.25">
      <c r="A4378" s="20">
        <v>43738.166666656063</v>
      </c>
      <c r="B4378" s="22">
        <v>0.84552508592605591</v>
      </c>
      <c r="C4378" s="21">
        <v>115999.83819185606</v>
      </c>
      <c r="D4378">
        <f t="shared" si="68"/>
        <v>4</v>
      </c>
    </row>
    <row r="4379" spans="1:4" x14ac:dyDescent="0.25">
      <c r="A4379" s="20">
        <v>43738.208333322727</v>
      </c>
      <c r="B4379" s="22">
        <v>0.90252429246902466</v>
      </c>
      <c r="C4379" s="21">
        <v>123819.71112774526</v>
      </c>
      <c r="D4379">
        <f t="shared" si="68"/>
        <v>5</v>
      </c>
    </row>
    <row r="4380" spans="1:4" x14ac:dyDescent="0.25">
      <c r="A4380" s="20">
        <v>43738.249999989392</v>
      </c>
      <c r="B4380" s="22">
        <v>1.1759868860244751</v>
      </c>
      <c r="C4380" s="21">
        <v>161336.77257508793</v>
      </c>
      <c r="D4380">
        <f t="shared" si="68"/>
        <v>6</v>
      </c>
    </row>
    <row r="4381" spans="1:4" x14ac:dyDescent="0.25">
      <c r="A4381" s="20">
        <v>43738.291666656056</v>
      </c>
      <c r="B4381" s="22">
        <v>0.93589603900909424</v>
      </c>
      <c r="C4381" s="21">
        <v>128398.06990534189</v>
      </c>
      <c r="D4381">
        <f t="shared" si="68"/>
        <v>7</v>
      </c>
    </row>
    <row r="4382" spans="1:4" x14ac:dyDescent="0.25">
      <c r="A4382" s="20">
        <v>43738.33333332272</v>
      </c>
      <c r="B4382" s="22">
        <v>0.98654842376708984</v>
      </c>
      <c r="C4382" s="21">
        <v>135347.2054588114</v>
      </c>
      <c r="D4382">
        <f t="shared" si="68"/>
        <v>8</v>
      </c>
    </row>
    <row r="4383" spans="1:4" x14ac:dyDescent="0.25">
      <c r="A4383" s="20">
        <v>43738.374999989384</v>
      </c>
      <c r="B4383" s="22">
        <v>1.1259180307388306</v>
      </c>
      <c r="C4383" s="21">
        <v>154467.69298388329</v>
      </c>
      <c r="D4383">
        <f t="shared" si="68"/>
        <v>9</v>
      </c>
    </row>
    <row r="4384" spans="1:4" x14ac:dyDescent="0.25">
      <c r="A4384" s="20">
        <v>43738.416666656049</v>
      </c>
      <c r="B4384" s="22">
        <v>1.3689109086990356</v>
      </c>
      <c r="C4384" s="21">
        <v>187804.53300712808</v>
      </c>
      <c r="D4384">
        <f t="shared" si="68"/>
        <v>10</v>
      </c>
    </row>
    <row r="4385" spans="1:4" x14ac:dyDescent="0.25">
      <c r="A4385" s="20">
        <v>43738.458333322713</v>
      </c>
      <c r="B4385" s="22">
        <v>1.5378314256668091</v>
      </c>
      <c r="C4385" s="21">
        <v>210979.18856934048</v>
      </c>
      <c r="D4385">
        <f t="shared" si="68"/>
        <v>11</v>
      </c>
    </row>
    <row r="4386" spans="1:4" x14ac:dyDescent="0.25">
      <c r="A4386" s="20">
        <v>43738.499999989377</v>
      </c>
      <c r="B4386" s="22">
        <v>2.002830982208252</v>
      </c>
      <c r="C4386" s="21">
        <v>274773.71603627526</v>
      </c>
      <c r="D4386">
        <f t="shared" si="68"/>
        <v>12</v>
      </c>
    </row>
    <row r="4387" spans="1:4" x14ac:dyDescent="0.25">
      <c r="A4387" s="20">
        <v>43738.541666656041</v>
      </c>
      <c r="B4387" s="22">
        <v>2.2624275684356689</v>
      </c>
      <c r="C4387" s="21">
        <v>310388.46301277372</v>
      </c>
      <c r="D4387">
        <f t="shared" si="68"/>
        <v>13</v>
      </c>
    </row>
    <row r="4388" spans="1:4" x14ac:dyDescent="0.25">
      <c r="A4388" s="20">
        <v>43738.583333322706</v>
      </c>
      <c r="B4388" s="22">
        <v>2.5955379009246826</v>
      </c>
      <c r="C4388" s="21">
        <v>356088.75660777674</v>
      </c>
      <c r="D4388">
        <f t="shared" si="68"/>
        <v>14</v>
      </c>
    </row>
    <row r="4389" spans="1:4" x14ac:dyDescent="0.25">
      <c r="A4389" s="20">
        <v>43738.62499998937</v>
      </c>
      <c r="B4389" s="22">
        <v>2.6635692119598389</v>
      </c>
      <c r="C4389" s="21">
        <v>365422.15333770908</v>
      </c>
      <c r="D4389">
        <f t="shared" si="68"/>
        <v>15</v>
      </c>
    </row>
    <row r="4390" spans="1:4" x14ac:dyDescent="0.25">
      <c r="A4390" s="20">
        <v>43738.666666656034</v>
      </c>
      <c r="B4390" s="22">
        <v>2.7471382617950439</v>
      </c>
      <c r="C4390" s="21">
        <v>376887.21383099252</v>
      </c>
      <c r="D4390">
        <f t="shared" si="68"/>
        <v>16</v>
      </c>
    </row>
    <row r="4391" spans="1:4" x14ac:dyDescent="0.25">
      <c r="A4391" s="20">
        <v>43738.708333322698</v>
      </c>
      <c r="B4391" s="22">
        <v>2.7409076690673828</v>
      </c>
      <c r="C4391" s="21">
        <v>376032.42222246632</v>
      </c>
      <c r="D4391">
        <f t="shared" si="68"/>
        <v>17</v>
      </c>
    </row>
    <row r="4392" spans="1:4" x14ac:dyDescent="0.25">
      <c r="A4392" s="20">
        <v>43738.749999989363</v>
      </c>
      <c r="B4392" s="22">
        <v>2.697138786315918</v>
      </c>
      <c r="C4392" s="21">
        <v>370027.65264020429</v>
      </c>
      <c r="D4392">
        <f t="shared" si="68"/>
        <v>18</v>
      </c>
    </row>
    <row r="4393" spans="1:4" x14ac:dyDescent="0.25">
      <c r="A4393" s="20">
        <v>43738.791666656027</v>
      </c>
      <c r="B4393" s="22">
        <v>2.6095871925354004</v>
      </c>
      <c r="C4393" s="21">
        <v>358016.21633745293</v>
      </c>
      <c r="D4393">
        <f t="shared" si="68"/>
        <v>19</v>
      </c>
    </row>
    <row r="4394" spans="1:4" x14ac:dyDescent="0.25">
      <c r="A4394" s="20">
        <v>43738.833333322691</v>
      </c>
      <c r="B4394" s="22">
        <v>2.5048732757568359</v>
      </c>
      <c r="C4394" s="21">
        <v>343650.23523892032</v>
      </c>
      <c r="D4394">
        <f t="shared" si="68"/>
        <v>20</v>
      </c>
    </row>
    <row r="4395" spans="1:4" x14ac:dyDescent="0.25">
      <c r="A4395" s="20">
        <v>43738.874999989355</v>
      </c>
      <c r="B4395" s="22">
        <v>2.19785475730896</v>
      </c>
      <c r="C4395" s="21">
        <v>301529.54709534987</v>
      </c>
      <c r="D4395">
        <f t="shared" si="68"/>
        <v>21</v>
      </c>
    </row>
    <row r="4396" spans="1:4" x14ac:dyDescent="0.25">
      <c r="A4396" s="20">
        <v>43738.91666665602</v>
      </c>
      <c r="B4396" s="22">
        <v>1.8335459232330322</v>
      </c>
      <c r="C4396" s="21">
        <v>251549.0479852772</v>
      </c>
      <c r="D4396">
        <f t="shared" si="68"/>
        <v>22</v>
      </c>
    </row>
    <row r="4397" spans="1:4" x14ac:dyDescent="0.25">
      <c r="A4397" s="20">
        <v>43738.958333322684</v>
      </c>
      <c r="B4397" s="22">
        <v>1.5841689109802246</v>
      </c>
      <c r="C4397" s="21">
        <v>217336.35157732695</v>
      </c>
      <c r="D4397">
        <f t="shared" si="68"/>
        <v>23</v>
      </c>
    </row>
    <row r="4398" spans="1:4" x14ac:dyDescent="0.25">
      <c r="A4398" s="20">
        <v>43738.999999989348</v>
      </c>
      <c r="B4398" s="22">
        <v>1.2526630163192749</v>
      </c>
      <c r="C4398" s="21">
        <v>158874.66022666689</v>
      </c>
      <c r="D4398">
        <f t="shared" si="68"/>
        <v>0</v>
      </c>
    </row>
    <row r="4399" spans="1:4" x14ac:dyDescent="0.25">
      <c r="A4399" s="20">
        <v>43739.041666656012</v>
      </c>
      <c r="B4399" s="22">
        <v>1.0862642526626587</v>
      </c>
      <c r="C4399" s="21">
        <v>137770.38342302866</v>
      </c>
      <c r="D4399">
        <f t="shared" si="68"/>
        <v>1</v>
      </c>
    </row>
    <row r="4400" spans="1:4" x14ac:dyDescent="0.25">
      <c r="A4400" s="20">
        <v>43739.083333322676</v>
      </c>
      <c r="B4400" s="22">
        <v>0.94553011655807495</v>
      </c>
      <c r="C4400" s="21">
        <v>119921.13924113577</v>
      </c>
      <c r="D4400">
        <f t="shared" si="68"/>
        <v>2</v>
      </c>
    </row>
    <row r="4401" spans="1:4" x14ac:dyDescent="0.25">
      <c r="A4401" s="20">
        <v>43739.124999989341</v>
      </c>
      <c r="B4401" s="22">
        <v>0.90322732925415039</v>
      </c>
      <c r="C4401" s="21">
        <v>114555.89665634233</v>
      </c>
      <c r="D4401">
        <f t="shared" si="68"/>
        <v>3</v>
      </c>
    </row>
    <row r="4402" spans="1:4" x14ac:dyDescent="0.25">
      <c r="A4402" s="20">
        <v>43739.166666656005</v>
      </c>
      <c r="B4402" s="22">
        <v>0.9421379566192627</v>
      </c>
      <c r="C4402" s="21">
        <v>119490.91319415238</v>
      </c>
      <c r="D4402">
        <f t="shared" si="68"/>
        <v>4</v>
      </c>
    </row>
    <row r="4403" spans="1:4" x14ac:dyDescent="0.25">
      <c r="A4403" s="20">
        <v>43739.208333322669</v>
      </c>
      <c r="B4403" s="22">
        <v>1.008771538734436</v>
      </c>
      <c r="C4403" s="21">
        <v>127942.01902254994</v>
      </c>
      <c r="D4403">
        <f t="shared" si="68"/>
        <v>5</v>
      </c>
    </row>
    <row r="4404" spans="1:4" x14ac:dyDescent="0.25">
      <c r="A4404" s="20">
        <v>43739.249999989333</v>
      </c>
      <c r="B4404" s="22">
        <v>1.2585457563400269</v>
      </c>
      <c r="C4404" s="21">
        <v>159620.76537212331</v>
      </c>
      <c r="D4404">
        <f t="shared" si="68"/>
        <v>6</v>
      </c>
    </row>
    <row r="4405" spans="1:4" x14ac:dyDescent="0.25">
      <c r="A4405" s="20">
        <v>43739.291666655998</v>
      </c>
      <c r="B4405" s="22">
        <v>1.0463002920150757</v>
      </c>
      <c r="C4405" s="21">
        <v>132701.77312123115</v>
      </c>
      <c r="D4405">
        <f t="shared" si="68"/>
        <v>7</v>
      </c>
    </row>
    <row r="4406" spans="1:4" x14ac:dyDescent="0.25">
      <c r="A4406" s="20">
        <v>43739.333333322662</v>
      </c>
      <c r="B4406" s="22">
        <v>0.93214786052703857</v>
      </c>
      <c r="C4406" s="21">
        <v>118223.87401313827</v>
      </c>
      <c r="D4406">
        <f t="shared" si="68"/>
        <v>8</v>
      </c>
    </row>
    <row r="4407" spans="1:4" x14ac:dyDescent="0.25">
      <c r="A4407" s="20">
        <v>43739.374999989326</v>
      </c>
      <c r="B4407" s="22">
        <v>1.1067080497741699</v>
      </c>
      <c r="C4407" s="21">
        <v>140363.26057955073</v>
      </c>
      <c r="D4407">
        <f t="shared" si="68"/>
        <v>9</v>
      </c>
    </row>
    <row r="4408" spans="1:4" x14ac:dyDescent="0.25">
      <c r="A4408" s="20">
        <v>43739.41666665599</v>
      </c>
      <c r="B4408" s="22">
        <v>1.4094141721725464</v>
      </c>
      <c r="C4408" s="21">
        <v>178755.33547762231</v>
      </c>
      <c r="D4408">
        <f t="shared" si="68"/>
        <v>10</v>
      </c>
    </row>
    <row r="4409" spans="1:4" x14ac:dyDescent="0.25">
      <c r="A4409" s="20">
        <v>43739.458333322655</v>
      </c>
      <c r="B4409" s="22">
        <v>1.7516134977340698</v>
      </c>
      <c r="C4409" s="21">
        <v>222156.31472751562</v>
      </c>
      <c r="D4409">
        <f t="shared" si="68"/>
        <v>11</v>
      </c>
    </row>
    <row r="4410" spans="1:4" x14ac:dyDescent="0.25">
      <c r="A4410" s="20">
        <v>43739.499999989319</v>
      </c>
      <c r="B4410" s="22">
        <v>2.1463277339935303</v>
      </c>
      <c r="C4410" s="21">
        <v>272217.7353613046</v>
      </c>
      <c r="D4410">
        <f t="shared" si="68"/>
        <v>12</v>
      </c>
    </row>
    <row r="4411" spans="1:4" x14ac:dyDescent="0.25">
      <c r="A4411" s="20">
        <v>43739.541666655983</v>
      </c>
      <c r="B4411" s="22">
        <v>2.3266503810882568</v>
      </c>
      <c r="C4411" s="21">
        <v>295087.97174181731</v>
      </c>
      <c r="D4411">
        <f t="shared" si="68"/>
        <v>13</v>
      </c>
    </row>
    <row r="4412" spans="1:4" x14ac:dyDescent="0.25">
      <c r="A4412" s="20">
        <v>43739.583333322647</v>
      </c>
      <c r="B4412" s="22">
        <v>2.5448017120361328</v>
      </c>
      <c r="C4412" s="21">
        <v>322756.00227422448</v>
      </c>
      <c r="D4412">
        <f t="shared" si="68"/>
        <v>14</v>
      </c>
    </row>
    <row r="4413" spans="1:4" x14ac:dyDescent="0.25">
      <c r="A4413" s="20">
        <v>43739.624999989312</v>
      </c>
      <c r="B4413" s="22">
        <v>2.7150094509124756</v>
      </c>
      <c r="C4413" s="21">
        <v>344343.36961056152</v>
      </c>
      <c r="D4413">
        <f t="shared" si="68"/>
        <v>15</v>
      </c>
    </row>
    <row r="4414" spans="1:4" x14ac:dyDescent="0.25">
      <c r="A4414" s="20">
        <v>43739.666666655976</v>
      </c>
      <c r="B4414" s="22">
        <v>2.7731890678405762</v>
      </c>
      <c r="C4414" s="21">
        <v>351722.26301696966</v>
      </c>
      <c r="D4414">
        <f t="shared" si="68"/>
        <v>16</v>
      </c>
    </row>
    <row r="4415" spans="1:4" x14ac:dyDescent="0.25">
      <c r="A4415" s="20">
        <v>43739.70833332264</v>
      </c>
      <c r="B4415" s="22">
        <v>2.7207586765289307</v>
      </c>
      <c r="C4415" s="21">
        <v>345072.54118702002</v>
      </c>
      <c r="D4415">
        <f t="shared" si="68"/>
        <v>17</v>
      </c>
    </row>
    <row r="4416" spans="1:4" x14ac:dyDescent="0.25">
      <c r="A4416" s="20">
        <v>43739.749999989304</v>
      </c>
      <c r="B4416" s="22">
        <v>2.6737747192382813</v>
      </c>
      <c r="C4416" s="21">
        <v>339113.58801812271</v>
      </c>
      <c r="D4416">
        <f t="shared" si="68"/>
        <v>18</v>
      </c>
    </row>
    <row r="4417" spans="1:4" x14ac:dyDescent="0.25">
      <c r="A4417" s="20">
        <v>43739.791666655969</v>
      </c>
      <c r="B4417" s="22">
        <v>2.6039934158325195</v>
      </c>
      <c r="C4417" s="21">
        <v>330263.25818134035</v>
      </c>
      <c r="D4417">
        <f t="shared" si="68"/>
        <v>19</v>
      </c>
    </row>
    <row r="4418" spans="1:4" x14ac:dyDescent="0.25">
      <c r="A4418" s="20">
        <v>43739.833333322633</v>
      </c>
      <c r="B4418" s="22">
        <v>2.4000236988067627</v>
      </c>
      <c r="C4418" s="21">
        <v>304393.8750616769</v>
      </c>
      <c r="D4418">
        <f t="shared" si="68"/>
        <v>20</v>
      </c>
    </row>
    <row r="4419" spans="1:4" x14ac:dyDescent="0.25">
      <c r="A4419" s="20">
        <v>43739.874999989297</v>
      </c>
      <c r="B4419" s="22">
        <v>2.11842942237854</v>
      </c>
      <c r="C4419" s="21">
        <v>268679.40564214927</v>
      </c>
      <c r="D4419">
        <f t="shared" si="68"/>
        <v>21</v>
      </c>
    </row>
    <row r="4420" spans="1:4" x14ac:dyDescent="0.25">
      <c r="A4420" s="20">
        <v>43739.916666655961</v>
      </c>
      <c r="B4420" s="22">
        <v>1.7883882522583008</v>
      </c>
      <c r="C4420" s="21">
        <v>226820.43951913246</v>
      </c>
      <c r="D4420">
        <f t="shared" si="68"/>
        <v>22</v>
      </c>
    </row>
    <row r="4421" spans="1:4" x14ac:dyDescent="0.25">
      <c r="A4421" s="20">
        <v>43739.958333322626</v>
      </c>
      <c r="B4421" s="22">
        <v>1.567552924156189</v>
      </c>
      <c r="C4421" s="21">
        <v>198811.99889209229</v>
      </c>
      <c r="D4421">
        <f t="shared" si="68"/>
        <v>23</v>
      </c>
    </row>
    <row r="4422" spans="1:4" x14ac:dyDescent="0.25">
      <c r="A4422" s="20">
        <v>43739.99999998929</v>
      </c>
      <c r="B4422" s="22">
        <v>1.3829632997512817</v>
      </c>
      <c r="C4422" s="21">
        <v>175400.58378951449</v>
      </c>
      <c r="D4422">
        <f t="shared" si="68"/>
        <v>0</v>
      </c>
    </row>
    <row r="4423" spans="1:4" x14ac:dyDescent="0.25">
      <c r="A4423" s="20">
        <v>43740.041666655954</v>
      </c>
      <c r="B4423" s="22">
        <v>1.041623592376709</v>
      </c>
      <c r="C4423" s="21">
        <v>132108.62950930357</v>
      </c>
      <c r="D4423">
        <f t="shared" ref="D4423:D4486" si="69">HOUR(A4423)</f>
        <v>1</v>
      </c>
    </row>
    <row r="4424" spans="1:4" x14ac:dyDescent="0.25">
      <c r="A4424" s="20">
        <v>43740.083333322618</v>
      </c>
      <c r="B4424" s="22">
        <v>0.94948577880859375</v>
      </c>
      <c r="C4424" s="21">
        <v>120422.83402084533</v>
      </c>
      <c r="D4424">
        <f t="shared" si="69"/>
        <v>2</v>
      </c>
    </row>
    <row r="4425" spans="1:4" x14ac:dyDescent="0.25">
      <c r="A4425" s="20">
        <v>43740.124999989283</v>
      </c>
      <c r="B4425" s="22">
        <v>0.89100182056427002</v>
      </c>
      <c r="C4425" s="21">
        <v>113005.3411486767</v>
      </c>
      <c r="D4425">
        <f t="shared" si="69"/>
        <v>3</v>
      </c>
    </row>
    <row r="4426" spans="1:4" x14ac:dyDescent="0.25">
      <c r="A4426" s="20">
        <v>43740.166666655947</v>
      </c>
      <c r="B4426" s="22">
        <v>0.92353767156600952</v>
      </c>
      <c r="C4426" s="21">
        <v>117131.84780349543</v>
      </c>
      <c r="D4426">
        <f t="shared" si="69"/>
        <v>4</v>
      </c>
    </row>
    <row r="4427" spans="1:4" x14ac:dyDescent="0.25">
      <c r="A4427" s="20">
        <v>43740.208333322611</v>
      </c>
      <c r="B4427" s="22">
        <v>0.81645804643630981</v>
      </c>
      <c r="C4427" s="21">
        <v>103550.98939381132</v>
      </c>
      <c r="D4427">
        <f t="shared" si="69"/>
        <v>5</v>
      </c>
    </row>
    <row r="4428" spans="1:4" x14ac:dyDescent="0.25">
      <c r="A4428" s="20">
        <v>43740.249999989275</v>
      </c>
      <c r="B4428" s="22">
        <v>1.1189917325973511</v>
      </c>
      <c r="C4428" s="21">
        <v>141921.19428513691</v>
      </c>
      <c r="D4428">
        <f t="shared" si="69"/>
        <v>6</v>
      </c>
    </row>
    <row r="4429" spans="1:4" x14ac:dyDescent="0.25">
      <c r="A4429" s="20">
        <v>43740.291666655939</v>
      </c>
      <c r="B4429" s="22">
        <v>1.0370841026306152</v>
      </c>
      <c r="C4429" s="21">
        <v>131532.88816337302</v>
      </c>
      <c r="D4429">
        <f t="shared" si="69"/>
        <v>7</v>
      </c>
    </row>
    <row r="4430" spans="1:4" x14ac:dyDescent="0.25">
      <c r="A4430" s="20">
        <v>43740.333333322604</v>
      </c>
      <c r="B4430" s="22">
        <v>1.0257478952407837</v>
      </c>
      <c r="C4430" s="21">
        <v>130095.12232064022</v>
      </c>
      <c r="D4430">
        <f t="shared" si="69"/>
        <v>8</v>
      </c>
    </row>
    <row r="4431" spans="1:4" x14ac:dyDescent="0.25">
      <c r="A4431" s="20">
        <v>43740.374999989268</v>
      </c>
      <c r="B4431" s="22">
        <v>1.1798375844955444</v>
      </c>
      <c r="C4431" s="21">
        <v>149638.24501673103</v>
      </c>
      <c r="D4431">
        <f t="shared" si="69"/>
        <v>9</v>
      </c>
    </row>
    <row r="4432" spans="1:4" x14ac:dyDescent="0.25">
      <c r="A4432" s="20">
        <v>43740.416666655932</v>
      </c>
      <c r="B4432" s="22">
        <v>1.2676680088043213</v>
      </c>
      <c r="C4432" s="21">
        <v>160777.7363546507</v>
      </c>
      <c r="D4432">
        <f t="shared" si="69"/>
        <v>10</v>
      </c>
    </row>
    <row r="4433" spans="1:4" x14ac:dyDescent="0.25">
      <c r="A4433" s="20">
        <v>43740.458333322596</v>
      </c>
      <c r="B4433" s="22">
        <v>1.6578221321105957</v>
      </c>
      <c r="C4433" s="21">
        <v>210260.80001086928</v>
      </c>
      <c r="D4433">
        <f t="shared" si="69"/>
        <v>11</v>
      </c>
    </row>
    <row r="4434" spans="1:4" x14ac:dyDescent="0.25">
      <c r="A4434" s="20">
        <v>43740.499999989261</v>
      </c>
      <c r="B4434" s="22">
        <v>1.7874503135681152</v>
      </c>
      <c r="C4434" s="21">
        <v>226701.48119692184</v>
      </c>
      <c r="D4434">
        <f t="shared" si="69"/>
        <v>12</v>
      </c>
    </row>
    <row r="4435" spans="1:4" x14ac:dyDescent="0.25">
      <c r="A4435" s="20">
        <v>43740.541666655925</v>
      </c>
      <c r="B4435" s="22">
        <v>2.0274245738983154</v>
      </c>
      <c r="C4435" s="21">
        <v>257137.30358204516</v>
      </c>
      <c r="D4435">
        <f t="shared" si="69"/>
        <v>13</v>
      </c>
    </row>
    <row r="4436" spans="1:4" x14ac:dyDescent="0.25">
      <c r="A4436" s="20">
        <v>43740.583333322589</v>
      </c>
      <c r="B4436" s="22">
        <v>2.321911096572876</v>
      </c>
      <c r="C4436" s="21">
        <v>294486.89051942196</v>
      </c>
      <c r="D4436">
        <f t="shared" si="69"/>
        <v>14</v>
      </c>
    </row>
    <row r="4437" spans="1:4" x14ac:dyDescent="0.25">
      <c r="A4437" s="20">
        <v>43740.624999989253</v>
      </c>
      <c r="B4437" s="22">
        <v>2.6300675868988037</v>
      </c>
      <c r="C4437" s="21">
        <v>333570.23301406106</v>
      </c>
      <c r="D4437">
        <f t="shared" si="69"/>
        <v>15</v>
      </c>
    </row>
    <row r="4438" spans="1:4" x14ac:dyDescent="0.25">
      <c r="A4438" s="20">
        <v>43740.666666655918</v>
      </c>
      <c r="B4438" s="22">
        <v>2.6997027397155762</v>
      </c>
      <c r="C4438" s="21">
        <v>342402.02664049395</v>
      </c>
      <c r="D4438">
        <f t="shared" si="69"/>
        <v>16</v>
      </c>
    </row>
    <row r="4439" spans="1:4" x14ac:dyDescent="0.25">
      <c r="A4439" s="20">
        <v>43740.708333322582</v>
      </c>
      <c r="B4439" s="22">
        <v>2.7108454704284668</v>
      </c>
      <c r="C4439" s="21">
        <v>343815.25392743776</v>
      </c>
      <c r="D4439">
        <f t="shared" si="69"/>
        <v>17</v>
      </c>
    </row>
    <row r="4440" spans="1:4" x14ac:dyDescent="0.25">
      <c r="A4440" s="20">
        <v>43740.749999989246</v>
      </c>
      <c r="B4440" s="22">
        <v>2.6416127681732178</v>
      </c>
      <c r="C4440" s="21">
        <v>335034.50291612733</v>
      </c>
      <c r="D4440">
        <f t="shared" si="69"/>
        <v>18</v>
      </c>
    </row>
    <row r="4441" spans="1:4" x14ac:dyDescent="0.25">
      <c r="A4441" s="20">
        <v>43740.79166665591</v>
      </c>
      <c r="B4441" s="22">
        <v>2.4187004566192627</v>
      </c>
      <c r="C4441" s="21">
        <v>306762.63945636264</v>
      </c>
      <c r="D4441">
        <f t="shared" si="69"/>
        <v>19</v>
      </c>
    </row>
    <row r="4442" spans="1:4" x14ac:dyDescent="0.25">
      <c r="A4442" s="20">
        <v>43740.833333322575</v>
      </c>
      <c r="B4442" s="22">
        <v>2.2531919479370117</v>
      </c>
      <c r="C4442" s="21">
        <v>285771.2732717215</v>
      </c>
      <c r="D4442">
        <f t="shared" si="69"/>
        <v>20</v>
      </c>
    </row>
    <row r="4443" spans="1:4" x14ac:dyDescent="0.25">
      <c r="A4443" s="20">
        <v>43740.874999989239</v>
      </c>
      <c r="B4443" s="22">
        <v>2.0610642433166504</v>
      </c>
      <c r="C4443" s="21">
        <v>261403.80700662869</v>
      </c>
      <c r="D4443">
        <f t="shared" si="69"/>
        <v>21</v>
      </c>
    </row>
    <row r="4444" spans="1:4" x14ac:dyDescent="0.25">
      <c r="A4444" s="20">
        <v>43740.916666655903</v>
      </c>
      <c r="B4444" s="22">
        <v>1.6544184684753418</v>
      </c>
      <c r="C4444" s="21">
        <v>209829.11495548562</v>
      </c>
      <c r="D4444">
        <f t="shared" si="69"/>
        <v>22</v>
      </c>
    </row>
    <row r="4445" spans="1:4" x14ac:dyDescent="0.25">
      <c r="A4445" s="20">
        <v>43740.958333322567</v>
      </c>
      <c r="B4445" s="22">
        <v>1.3575176000595093</v>
      </c>
      <c r="C4445" s="21">
        <v>172173.31768514845</v>
      </c>
      <c r="D4445">
        <f t="shared" si="69"/>
        <v>23</v>
      </c>
    </row>
    <row r="4446" spans="1:4" x14ac:dyDescent="0.25">
      <c r="A4446" s="20">
        <v>43740.999999989232</v>
      </c>
      <c r="B4446" s="22">
        <v>1.117073655128479</v>
      </c>
      <c r="C4446" s="21">
        <v>141677.92542337161</v>
      </c>
      <c r="D4446">
        <f t="shared" si="69"/>
        <v>0</v>
      </c>
    </row>
    <row r="4447" spans="1:4" x14ac:dyDescent="0.25">
      <c r="A4447" s="20">
        <v>43741.041666655896</v>
      </c>
      <c r="B4447" s="22">
        <v>0.97564452886581421</v>
      </c>
      <c r="C4447" s="21">
        <v>123740.53596714111</v>
      </c>
      <c r="D4447">
        <f t="shared" si="69"/>
        <v>1</v>
      </c>
    </row>
    <row r="4448" spans="1:4" x14ac:dyDescent="0.25">
      <c r="A4448" s="20">
        <v>43741.08333332256</v>
      </c>
      <c r="B4448" s="22">
        <v>0.90015304088592529</v>
      </c>
      <c r="C4448" s="21">
        <v>114165.98611090632</v>
      </c>
      <c r="D4448">
        <f t="shared" si="69"/>
        <v>2</v>
      </c>
    </row>
    <row r="4449" spans="1:4" x14ac:dyDescent="0.25">
      <c r="A4449" s="20">
        <v>43741.124999989224</v>
      </c>
      <c r="B4449" s="22">
        <v>0.79133397340774536</v>
      </c>
      <c r="C4449" s="21">
        <v>100364.51504762069</v>
      </c>
      <c r="D4449">
        <f t="shared" si="69"/>
        <v>3</v>
      </c>
    </row>
    <row r="4450" spans="1:4" x14ac:dyDescent="0.25">
      <c r="A4450" s="20">
        <v>43741.166666655889</v>
      </c>
      <c r="B4450" s="22">
        <v>0.82975655794143677</v>
      </c>
      <c r="C4450" s="21">
        <v>105237.63334304001</v>
      </c>
      <c r="D4450">
        <f t="shared" si="69"/>
        <v>4</v>
      </c>
    </row>
    <row r="4451" spans="1:4" x14ac:dyDescent="0.25">
      <c r="A4451" s="20">
        <v>43741.208333322553</v>
      </c>
      <c r="B4451" s="22">
        <v>0.93824654817581177</v>
      </c>
      <c r="C4451" s="21">
        <v>118997.3676945231</v>
      </c>
      <c r="D4451">
        <f t="shared" si="69"/>
        <v>5</v>
      </c>
    </row>
    <row r="4452" spans="1:4" x14ac:dyDescent="0.25">
      <c r="A4452" s="20">
        <v>43741.249999989217</v>
      </c>
      <c r="B4452" s="22">
        <v>1.1045892238616943</v>
      </c>
      <c r="C4452" s="21">
        <v>140094.53088725635</v>
      </c>
      <c r="D4452">
        <f t="shared" si="69"/>
        <v>6</v>
      </c>
    </row>
    <row r="4453" spans="1:4" x14ac:dyDescent="0.25">
      <c r="A4453" s="20">
        <v>43741.291666655881</v>
      </c>
      <c r="B4453" s="22">
        <v>1.0428781509399414</v>
      </c>
      <c r="C4453" s="21">
        <v>132267.74458085225</v>
      </c>
      <c r="D4453">
        <f t="shared" si="69"/>
        <v>7</v>
      </c>
    </row>
    <row r="4454" spans="1:4" x14ac:dyDescent="0.25">
      <c r="A4454" s="20">
        <v>43741.333333322546</v>
      </c>
      <c r="B4454" s="22">
        <v>0.90300267934799194</v>
      </c>
      <c r="C4454" s="21">
        <v>114527.40441457747</v>
      </c>
      <c r="D4454">
        <f t="shared" si="69"/>
        <v>8</v>
      </c>
    </row>
    <row r="4455" spans="1:4" x14ac:dyDescent="0.25">
      <c r="A4455" s="20">
        <v>43741.37499998921</v>
      </c>
      <c r="B4455" s="22">
        <v>1.2305101156234741</v>
      </c>
      <c r="C4455" s="21">
        <v>156065.01826771293</v>
      </c>
      <c r="D4455">
        <f t="shared" si="69"/>
        <v>9</v>
      </c>
    </row>
    <row r="4456" spans="1:4" x14ac:dyDescent="0.25">
      <c r="A4456" s="20">
        <v>43741.416666655874</v>
      </c>
      <c r="B4456" s="22">
        <v>1.2646808624267578</v>
      </c>
      <c r="C4456" s="21">
        <v>160398.8779868375</v>
      </c>
      <c r="D4456">
        <f t="shared" si="69"/>
        <v>10</v>
      </c>
    </row>
    <row r="4457" spans="1:4" x14ac:dyDescent="0.25">
      <c r="A4457" s="20">
        <v>43741.458333322538</v>
      </c>
      <c r="B4457" s="22">
        <v>1.5159720182418823</v>
      </c>
      <c r="C4457" s="21">
        <v>192270.01689489212</v>
      </c>
      <c r="D4457">
        <f t="shared" si="69"/>
        <v>11</v>
      </c>
    </row>
    <row r="4458" spans="1:4" x14ac:dyDescent="0.25">
      <c r="A4458" s="20">
        <v>43741.499999989202</v>
      </c>
      <c r="B4458" s="22">
        <v>1.8855482339859009</v>
      </c>
      <c r="C4458" s="21">
        <v>239143.19422930051</v>
      </c>
      <c r="D4458">
        <f t="shared" si="69"/>
        <v>12</v>
      </c>
    </row>
    <row r="4459" spans="1:4" x14ac:dyDescent="0.25">
      <c r="A4459" s="20">
        <v>43741.541666655867</v>
      </c>
      <c r="B4459" s="22">
        <v>2.0915162563323975</v>
      </c>
      <c r="C4459" s="21">
        <v>265266.02147138602</v>
      </c>
      <c r="D4459">
        <f t="shared" si="69"/>
        <v>13</v>
      </c>
    </row>
    <row r="4460" spans="1:4" x14ac:dyDescent="0.25">
      <c r="A4460" s="20">
        <v>43741.583333322531</v>
      </c>
      <c r="B4460" s="22">
        <v>2.4028890132904053</v>
      </c>
      <c r="C4460" s="21">
        <v>304757.28154777951</v>
      </c>
      <c r="D4460">
        <f t="shared" si="69"/>
        <v>14</v>
      </c>
    </row>
    <row r="4461" spans="1:4" x14ac:dyDescent="0.25">
      <c r="A4461" s="20">
        <v>43741.624999989195</v>
      </c>
      <c r="B4461" s="22">
        <v>2.7243556976318359</v>
      </c>
      <c r="C4461" s="21">
        <v>345528.74967893463</v>
      </c>
      <c r="D4461">
        <f t="shared" si="69"/>
        <v>15</v>
      </c>
    </row>
    <row r="4462" spans="1:4" x14ac:dyDescent="0.25">
      <c r="A4462" s="20">
        <v>43741.666666655859</v>
      </c>
      <c r="B4462" s="22">
        <v>2.6976680755615234</v>
      </c>
      <c r="C4462" s="21">
        <v>342143.97114437149</v>
      </c>
      <c r="D4462">
        <f t="shared" si="69"/>
        <v>16</v>
      </c>
    </row>
    <row r="4463" spans="1:4" x14ac:dyDescent="0.25">
      <c r="A4463" s="20">
        <v>43741.708333322524</v>
      </c>
      <c r="B4463" s="22">
        <v>2.786959171295166</v>
      </c>
      <c r="C4463" s="21">
        <v>353468.71875098045</v>
      </c>
      <c r="D4463">
        <f t="shared" si="69"/>
        <v>17</v>
      </c>
    </row>
    <row r="4464" spans="1:4" x14ac:dyDescent="0.25">
      <c r="A4464" s="20">
        <v>43741.749999989188</v>
      </c>
      <c r="B4464" s="22">
        <v>2.5631899833679199</v>
      </c>
      <c r="C4464" s="21">
        <v>325088.17806446814</v>
      </c>
      <c r="D4464">
        <f t="shared" si="69"/>
        <v>18</v>
      </c>
    </row>
    <row r="4465" spans="1:4" x14ac:dyDescent="0.25">
      <c r="A4465" s="20">
        <v>43741.791666655852</v>
      </c>
      <c r="B4465" s="22">
        <v>2.3642370700836182</v>
      </c>
      <c r="C4465" s="21">
        <v>299855.07379990298</v>
      </c>
      <c r="D4465">
        <f t="shared" si="69"/>
        <v>19</v>
      </c>
    </row>
    <row r="4466" spans="1:4" x14ac:dyDescent="0.25">
      <c r="A4466" s="20">
        <v>43741.833333322516</v>
      </c>
      <c r="B4466" s="22">
        <v>2.3323662281036377</v>
      </c>
      <c r="C4466" s="21">
        <v>295812.9099260263</v>
      </c>
      <c r="D4466">
        <f t="shared" si="69"/>
        <v>20</v>
      </c>
    </row>
    <row r="4467" spans="1:4" x14ac:dyDescent="0.25">
      <c r="A4467" s="20">
        <v>43741.874999989181</v>
      </c>
      <c r="B4467" s="22">
        <v>2.1010289192199707</v>
      </c>
      <c r="C4467" s="21">
        <v>266472.50802397443</v>
      </c>
      <c r="D4467">
        <f t="shared" si="69"/>
        <v>21</v>
      </c>
    </row>
    <row r="4468" spans="1:4" x14ac:dyDescent="0.25">
      <c r="A4468" s="20">
        <v>43741.916666655845</v>
      </c>
      <c r="B4468" s="22">
        <v>1.8912918567657471</v>
      </c>
      <c r="C4468" s="21">
        <v>239871.65520063136</v>
      </c>
      <c r="D4468">
        <f t="shared" si="69"/>
        <v>22</v>
      </c>
    </row>
    <row r="4469" spans="1:4" x14ac:dyDescent="0.25">
      <c r="A4469" s="20">
        <v>43741.958333322509</v>
      </c>
      <c r="B4469" s="22">
        <v>1.4987678527832031</v>
      </c>
      <c r="C4469" s="21">
        <v>190088.02069469908</v>
      </c>
      <c r="D4469">
        <f t="shared" si="69"/>
        <v>23</v>
      </c>
    </row>
    <row r="4470" spans="1:4" x14ac:dyDescent="0.25">
      <c r="A4470" s="20">
        <v>43741.999999989173</v>
      </c>
      <c r="B4470" s="22">
        <v>1.3700040578842163</v>
      </c>
      <c r="C4470" s="21">
        <v>173756.96924865028</v>
      </c>
      <c r="D4470">
        <f t="shared" si="69"/>
        <v>0</v>
      </c>
    </row>
    <row r="4471" spans="1:4" x14ac:dyDescent="0.25">
      <c r="A4471" s="20">
        <v>43742.041666655838</v>
      </c>
      <c r="B4471" s="22">
        <v>1.1795414686203003</v>
      </c>
      <c r="C4471" s="21">
        <v>149600.68877977485</v>
      </c>
      <c r="D4471">
        <f t="shared" si="69"/>
        <v>1</v>
      </c>
    </row>
    <row r="4472" spans="1:4" x14ac:dyDescent="0.25">
      <c r="A4472" s="20">
        <v>43742.083333322502</v>
      </c>
      <c r="B4472" s="22">
        <v>1.0441321134567261</v>
      </c>
      <c r="C4472" s="21">
        <v>132426.78405611074</v>
      </c>
      <c r="D4472">
        <f t="shared" si="69"/>
        <v>2</v>
      </c>
    </row>
    <row r="4473" spans="1:4" x14ac:dyDescent="0.25">
      <c r="A4473" s="20">
        <v>43742.124999989166</v>
      </c>
      <c r="B4473" s="22">
        <v>0.89919334650039673</v>
      </c>
      <c r="C4473" s="21">
        <v>114044.2685241045</v>
      </c>
      <c r="D4473">
        <f t="shared" si="69"/>
        <v>3</v>
      </c>
    </row>
    <row r="4474" spans="1:4" x14ac:dyDescent="0.25">
      <c r="A4474" s="20">
        <v>43742.16666665583</v>
      </c>
      <c r="B4474" s="22">
        <v>0.87405085563659668</v>
      </c>
      <c r="C4474" s="21">
        <v>110855.45825254763</v>
      </c>
      <c r="D4474">
        <f t="shared" si="69"/>
        <v>4</v>
      </c>
    </row>
    <row r="4475" spans="1:4" x14ac:dyDescent="0.25">
      <c r="A4475" s="20">
        <v>43742.208333322495</v>
      </c>
      <c r="B4475" s="22">
        <v>0.86768579483032227</v>
      </c>
      <c r="C4475" s="21">
        <v>110048.18058908609</v>
      </c>
      <c r="D4475">
        <f t="shared" si="69"/>
        <v>5</v>
      </c>
    </row>
    <row r="4476" spans="1:4" x14ac:dyDescent="0.25">
      <c r="A4476" s="20">
        <v>43742.249999989159</v>
      </c>
      <c r="B4476" s="22">
        <v>1.0214533805847168</v>
      </c>
      <c r="C4476" s="21">
        <v>129550.45104996933</v>
      </c>
      <c r="D4476">
        <f t="shared" si="69"/>
        <v>6</v>
      </c>
    </row>
    <row r="4477" spans="1:4" x14ac:dyDescent="0.25">
      <c r="A4477" s="20">
        <v>43742.291666655823</v>
      </c>
      <c r="B4477" s="22">
        <v>0.98421096801757813</v>
      </c>
      <c r="C4477" s="21">
        <v>124827.01340908551</v>
      </c>
      <c r="D4477">
        <f t="shared" si="69"/>
        <v>7</v>
      </c>
    </row>
    <row r="4478" spans="1:4" x14ac:dyDescent="0.25">
      <c r="A4478" s="20">
        <v>43742.333333322487</v>
      </c>
      <c r="B4478" s="22">
        <v>0.92335802316665649</v>
      </c>
      <c r="C4478" s="21">
        <v>117109.06308163836</v>
      </c>
      <c r="D4478">
        <f t="shared" si="69"/>
        <v>8</v>
      </c>
    </row>
    <row r="4479" spans="1:4" x14ac:dyDescent="0.25">
      <c r="A4479" s="20">
        <v>43742.374999989152</v>
      </c>
      <c r="B4479" s="22">
        <v>1.039148211479187</v>
      </c>
      <c r="C4479" s="21">
        <v>131794.67811622986</v>
      </c>
      <c r="D4479">
        <f t="shared" si="69"/>
        <v>9</v>
      </c>
    </row>
    <row r="4480" spans="1:4" x14ac:dyDescent="0.25">
      <c r="A4480" s="20">
        <v>43742.416666655816</v>
      </c>
      <c r="B4480" s="22">
        <v>1.0467853546142578</v>
      </c>
      <c r="C4480" s="21">
        <v>132763.29338217105</v>
      </c>
      <c r="D4480">
        <f t="shared" si="69"/>
        <v>10</v>
      </c>
    </row>
    <row r="4481" spans="1:4" x14ac:dyDescent="0.25">
      <c r="A4481" s="20">
        <v>43742.45833332248</v>
      </c>
      <c r="B4481" s="22">
        <v>1.1268399953842163</v>
      </c>
      <c r="C4481" s="21">
        <v>142916.58575705613</v>
      </c>
      <c r="D4481">
        <f t="shared" si="69"/>
        <v>11</v>
      </c>
    </row>
    <row r="4482" spans="1:4" x14ac:dyDescent="0.25">
      <c r="A4482" s="20">
        <v>43742.499999989144</v>
      </c>
      <c r="B4482" s="22">
        <v>1.2310456037521362</v>
      </c>
      <c r="C4482" s="21">
        <v>156132.93397480118</v>
      </c>
      <c r="D4482">
        <f t="shared" si="69"/>
        <v>12</v>
      </c>
    </row>
    <row r="4483" spans="1:4" x14ac:dyDescent="0.25">
      <c r="A4483" s="20">
        <v>43742.541666655809</v>
      </c>
      <c r="B4483" s="22">
        <v>1.4564753770828247</v>
      </c>
      <c r="C4483" s="21">
        <v>184724.08592572558</v>
      </c>
      <c r="D4483">
        <f t="shared" si="69"/>
        <v>13</v>
      </c>
    </row>
    <row r="4484" spans="1:4" x14ac:dyDescent="0.25">
      <c r="A4484" s="20">
        <v>43742.583333322473</v>
      </c>
      <c r="B4484" s="22">
        <v>1.7532652616500854</v>
      </c>
      <c r="C4484" s="21">
        <v>222365.8071668332</v>
      </c>
      <c r="D4484">
        <f t="shared" si="69"/>
        <v>14</v>
      </c>
    </row>
    <row r="4485" spans="1:4" x14ac:dyDescent="0.25">
      <c r="A4485" s="20">
        <v>43742.624999989137</v>
      </c>
      <c r="B4485" s="22">
        <v>1.8078371286392212</v>
      </c>
      <c r="C4485" s="21">
        <v>229287.13134810369</v>
      </c>
      <c r="D4485">
        <f t="shared" si="69"/>
        <v>15</v>
      </c>
    </row>
    <row r="4486" spans="1:4" x14ac:dyDescent="0.25">
      <c r="A4486" s="20">
        <v>43742.666666655801</v>
      </c>
      <c r="B4486" s="22">
        <v>1.8378095626831055</v>
      </c>
      <c r="C4486" s="21">
        <v>233088.52103779069</v>
      </c>
      <c r="D4486">
        <f t="shared" si="69"/>
        <v>16</v>
      </c>
    </row>
    <row r="4487" spans="1:4" x14ac:dyDescent="0.25">
      <c r="A4487" s="20">
        <v>43742.708333322465</v>
      </c>
      <c r="B4487" s="22">
        <v>1.7713241577148438</v>
      </c>
      <c r="C4487" s="21">
        <v>224656.20844712926</v>
      </c>
      <c r="D4487">
        <f t="shared" ref="D4487:D4550" si="70">HOUR(A4487)</f>
        <v>17</v>
      </c>
    </row>
    <row r="4488" spans="1:4" x14ac:dyDescent="0.25">
      <c r="A4488" s="20">
        <v>43742.74999998913</v>
      </c>
      <c r="B4488" s="22">
        <v>1.5011388063430786</v>
      </c>
      <c r="C4488" s="21">
        <v>190388.72761773513</v>
      </c>
      <c r="D4488">
        <f t="shared" si="70"/>
        <v>18</v>
      </c>
    </row>
    <row r="4489" spans="1:4" x14ac:dyDescent="0.25">
      <c r="A4489" s="20">
        <v>43742.791666655794</v>
      </c>
      <c r="B4489" s="22">
        <v>1.2813345193862915</v>
      </c>
      <c r="C4489" s="21">
        <v>162511.05345343001</v>
      </c>
      <c r="D4489">
        <f t="shared" si="70"/>
        <v>19</v>
      </c>
    </row>
    <row r="4490" spans="1:4" x14ac:dyDescent="0.25">
      <c r="A4490" s="20">
        <v>43742.833333322458</v>
      </c>
      <c r="B4490" s="22">
        <v>1.3784500360488892</v>
      </c>
      <c r="C4490" s="21">
        <v>174828.1686803514</v>
      </c>
      <c r="D4490">
        <f t="shared" si="70"/>
        <v>20</v>
      </c>
    </row>
    <row r="4491" spans="1:4" x14ac:dyDescent="0.25">
      <c r="A4491" s="20">
        <v>43742.874999989122</v>
      </c>
      <c r="B4491" s="22">
        <v>1.2007986307144165</v>
      </c>
      <c r="C4491" s="21">
        <v>152296.72463386215</v>
      </c>
      <c r="D4491">
        <f t="shared" si="70"/>
        <v>21</v>
      </c>
    </row>
    <row r="4492" spans="1:4" x14ac:dyDescent="0.25">
      <c r="A4492" s="20">
        <v>43742.916666655787</v>
      </c>
      <c r="B4492" s="22">
        <v>0.99434864521026611</v>
      </c>
      <c r="C4492" s="21">
        <v>126112.77023154558</v>
      </c>
      <c r="D4492">
        <f t="shared" si="70"/>
        <v>22</v>
      </c>
    </row>
    <row r="4493" spans="1:4" x14ac:dyDescent="0.25">
      <c r="A4493" s="20">
        <v>43742.958333322451</v>
      </c>
      <c r="B4493" s="22">
        <v>0.8467143177986145</v>
      </c>
      <c r="C4493" s="21">
        <v>107388.37803687699</v>
      </c>
      <c r="D4493">
        <f t="shared" si="70"/>
        <v>23</v>
      </c>
    </row>
    <row r="4494" spans="1:4" x14ac:dyDescent="0.25">
      <c r="A4494" s="20">
        <v>43742.999999989115</v>
      </c>
      <c r="B4494" s="22">
        <v>0.7190244197845459</v>
      </c>
      <c r="C4494" s="21">
        <v>91193.528426826495</v>
      </c>
      <c r="D4494">
        <f t="shared" si="70"/>
        <v>0</v>
      </c>
    </row>
    <row r="4495" spans="1:4" x14ac:dyDescent="0.25">
      <c r="A4495" s="20">
        <v>43743.041666655779</v>
      </c>
      <c r="B4495" s="22">
        <v>0.69003009796142578</v>
      </c>
      <c r="C4495" s="21">
        <v>87516.192249307584</v>
      </c>
      <c r="D4495">
        <f t="shared" si="70"/>
        <v>1</v>
      </c>
    </row>
    <row r="4496" spans="1:4" x14ac:dyDescent="0.25">
      <c r="A4496" s="20">
        <v>43743.083333322444</v>
      </c>
      <c r="B4496" s="22">
        <v>0.62047940492630005</v>
      </c>
      <c r="C4496" s="21">
        <v>78695.11061719172</v>
      </c>
      <c r="D4496">
        <f t="shared" si="70"/>
        <v>2</v>
      </c>
    </row>
    <row r="4497" spans="1:4" x14ac:dyDescent="0.25">
      <c r="A4497" s="20">
        <v>43743.124999989108</v>
      </c>
      <c r="B4497" s="22">
        <v>0.5641244649887085</v>
      </c>
      <c r="C4497" s="21">
        <v>71547.640133879337</v>
      </c>
      <c r="D4497">
        <f t="shared" si="70"/>
        <v>3</v>
      </c>
    </row>
    <row r="4498" spans="1:4" x14ac:dyDescent="0.25">
      <c r="A4498" s="20">
        <v>43743.166666655772</v>
      </c>
      <c r="B4498" s="22">
        <v>0.6293179988861084</v>
      </c>
      <c r="C4498" s="21">
        <v>79816.105325227487</v>
      </c>
      <c r="D4498">
        <f t="shared" si="70"/>
        <v>4</v>
      </c>
    </row>
    <row r="4499" spans="1:4" x14ac:dyDescent="0.25">
      <c r="A4499" s="20">
        <v>43743.208333322436</v>
      </c>
      <c r="B4499" s="22">
        <v>0.61354291439056396</v>
      </c>
      <c r="C4499" s="21">
        <v>77815.358790344719</v>
      </c>
      <c r="D4499">
        <f t="shared" si="70"/>
        <v>5</v>
      </c>
    </row>
    <row r="4500" spans="1:4" x14ac:dyDescent="0.25">
      <c r="A4500" s="20">
        <v>43743.249999989101</v>
      </c>
      <c r="B4500" s="22">
        <v>0.59811246395111084</v>
      </c>
      <c r="C4500" s="21">
        <v>75858.322030437921</v>
      </c>
      <c r="D4500">
        <f t="shared" si="70"/>
        <v>6</v>
      </c>
    </row>
    <row r="4501" spans="1:4" x14ac:dyDescent="0.25">
      <c r="A4501" s="20">
        <v>43743.291666655765</v>
      </c>
      <c r="B4501" s="22">
        <v>0.89622914791107178</v>
      </c>
      <c r="C4501" s="21">
        <v>113668.32061346277</v>
      </c>
      <c r="D4501">
        <f t="shared" si="70"/>
        <v>7</v>
      </c>
    </row>
    <row r="4502" spans="1:4" x14ac:dyDescent="0.25">
      <c r="A4502" s="20">
        <v>43743.333333322429</v>
      </c>
      <c r="B4502" s="22">
        <v>0.99967360496520996</v>
      </c>
      <c r="C4502" s="21">
        <v>126788.13236866145</v>
      </c>
      <c r="D4502">
        <f t="shared" si="70"/>
        <v>8</v>
      </c>
    </row>
    <row r="4503" spans="1:4" x14ac:dyDescent="0.25">
      <c r="A4503" s="20">
        <v>43743.374999989093</v>
      </c>
      <c r="B4503" s="22">
        <v>0.91988271474838257</v>
      </c>
      <c r="C4503" s="21">
        <v>116668.29135217637</v>
      </c>
      <c r="D4503">
        <f t="shared" si="70"/>
        <v>9</v>
      </c>
    </row>
    <row r="4504" spans="1:4" x14ac:dyDescent="0.25">
      <c r="A4504" s="20">
        <v>43743.416666655758</v>
      </c>
      <c r="B4504" s="22">
        <v>1.0527083873748779</v>
      </c>
      <c r="C4504" s="21">
        <v>133514.50883684293</v>
      </c>
      <c r="D4504">
        <f t="shared" si="70"/>
        <v>10</v>
      </c>
    </row>
    <row r="4505" spans="1:4" x14ac:dyDescent="0.25">
      <c r="A4505" s="20">
        <v>43743.458333322422</v>
      </c>
      <c r="B4505" s="22">
        <v>0.95960980653762817</v>
      </c>
      <c r="C4505" s="21">
        <v>121706.85968826055</v>
      </c>
      <c r="D4505">
        <f t="shared" si="70"/>
        <v>11</v>
      </c>
    </row>
    <row r="4506" spans="1:4" x14ac:dyDescent="0.25">
      <c r="A4506" s="20">
        <v>43743.499999989086</v>
      </c>
      <c r="B4506" s="22">
        <v>1.064706563949585</v>
      </c>
      <c r="C4506" s="21">
        <v>135036.23191943794</v>
      </c>
      <c r="D4506">
        <f t="shared" si="70"/>
        <v>12</v>
      </c>
    </row>
    <row r="4507" spans="1:4" x14ac:dyDescent="0.25">
      <c r="A4507" s="20">
        <v>43743.54166665575</v>
      </c>
      <c r="B4507" s="22">
        <v>1.1748294830322266</v>
      </c>
      <c r="C4507" s="21">
        <v>149003.06986746925</v>
      </c>
      <c r="D4507">
        <f t="shared" si="70"/>
        <v>13</v>
      </c>
    </row>
    <row r="4508" spans="1:4" x14ac:dyDescent="0.25">
      <c r="A4508" s="20">
        <v>43743.583333322415</v>
      </c>
      <c r="B4508" s="22">
        <v>1.4404548406600952</v>
      </c>
      <c r="C4508" s="21">
        <v>182692.20883855101</v>
      </c>
      <c r="D4508">
        <f t="shared" si="70"/>
        <v>14</v>
      </c>
    </row>
    <row r="4509" spans="1:4" x14ac:dyDescent="0.25">
      <c r="A4509" s="20">
        <v>43743.624999989079</v>
      </c>
      <c r="B4509" s="22">
        <v>1.7038639783859253</v>
      </c>
      <c r="C4509" s="21">
        <v>216100.26568352475</v>
      </c>
      <c r="D4509">
        <f t="shared" si="70"/>
        <v>15</v>
      </c>
    </row>
    <row r="4510" spans="1:4" x14ac:dyDescent="0.25">
      <c r="A4510" s="20">
        <v>43743.666666655743</v>
      </c>
      <c r="B4510" s="22">
        <v>1.8946733474731445</v>
      </c>
      <c r="C4510" s="21">
        <v>240300.52807402072</v>
      </c>
      <c r="D4510">
        <f t="shared" si="70"/>
        <v>16</v>
      </c>
    </row>
    <row r="4511" spans="1:4" x14ac:dyDescent="0.25">
      <c r="A4511" s="20">
        <v>43743.708333322407</v>
      </c>
      <c r="B4511" s="22">
        <v>1.8298780918121338</v>
      </c>
      <c r="C4511" s="21">
        <v>232082.57632376382</v>
      </c>
      <c r="D4511">
        <f t="shared" si="70"/>
        <v>17</v>
      </c>
    </row>
    <row r="4512" spans="1:4" x14ac:dyDescent="0.25">
      <c r="A4512" s="20">
        <v>43743.749999989072</v>
      </c>
      <c r="B4512" s="22">
        <v>1.6742240190505981</v>
      </c>
      <c r="C4512" s="21">
        <v>212341.04360449425</v>
      </c>
      <c r="D4512">
        <f t="shared" si="70"/>
        <v>18</v>
      </c>
    </row>
    <row r="4513" spans="1:4" x14ac:dyDescent="0.25">
      <c r="A4513" s="20">
        <v>43743.791666655736</v>
      </c>
      <c r="B4513" s="22">
        <v>1.7245275974273682</v>
      </c>
      <c r="C4513" s="21">
        <v>218721.02275186125</v>
      </c>
      <c r="D4513">
        <f t="shared" si="70"/>
        <v>19</v>
      </c>
    </row>
    <row r="4514" spans="1:4" x14ac:dyDescent="0.25">
      <c r="A4514" s="20">
        <v>43743.8333333224</v>
      </c>
      <c r="B4514" s="22">
        <v>1.7191256284713745</v>
      </c>
      <c r="C4514" s="21">
        <v>218035.89357405549</v>
      </c>
      <c r="D4514">
        <f t="shared" si="70"/>
        <v>20</v>
      </c>
    </row>
    <row r="4515" spans="1:4" x14ac:dyDescent="0.25">
      <c r="A4515" s="20">
        <v>43743.874999989064</v>
      </c>
      <c r="B4515" s="22">
        <v>1.4064955711364746</v>
      </c>
      <c r="C4515" s="21">
        <v>178385.17068317859</v>
      </c>
      <c r="D4515">
        <f t="shared" si="70"/>
        <v>21</v>
      </c>
    </row>
    <row r="4516" spans="1:4" x14ac:dyDescent="0.25">
      <c r="A4516" s="20">
        <v>43743.916666655728</v>
      </c>
      <c r="B4516" s="22">
        <v>1.2301064729690552</v>
      </c>
      <c r="C4516" s="21">
        <v>156013.82446001019</v>
      </c>
      <c r="D4516">
        <f t="shared" si="70"/>
        <v>22</v>
      </c>
    </row>
    <row r="4517" spans="1:4" x14ac:dyDescent="0.25">
      <c r="A4517" s="20">
        <v>43743.958333322393</v>
      </c>
      <c r="B4517" s="22">
        <v>1.0935665369033813</v>
      </c>
      <c r="C4517" s="21">
        <v>138696.52869315268</v>
      </c>
      <c r="D4517">
        <f t="shared" si="70"/>
        <v>23</v>
      </c>
    </row>
    <row r="4518" spans="1:4" x14ac:dyDescent="0.25">
      <c r="A4518" s="20">
        <v>43743.999999989057</v>
      </c>
      <c r="B4518" s="22">
        <v>0.90184855461120605</v>
      </c>
      <c r="C4518" s="21">
        <v>114381.02731792234</v>
      </c>
      <c r="D4518">
        <f t="shared" si="70"/>
        <v>0</v>
      </c>
    </row>
    <row r="4519" spans="1:4" x14ac:dyDescent="0.25">
      <c r="A4519" s="20">
        <v>43744.041666655721</v>
      </c>
      <c r="B4519" s="22">
        <v>0.76571410894393921</v>
      </c>
      <c r="C4519" s="21">
        <v>97115.159707267099</v>
      </c>
      <c r="D4519">
        <f t="shared" si="70"/>
        <v>1</v>
      </c>
    </row>
    <row r="4520" spans="1:4" x14ac:dyDescent="0.25">
      <c r="A4520" s="20">
        <v>43744.083333322385</v>
      </c>
      <c r="B4520" s="22">
        <v>0.67574614286422729</v>
      </c>
      <c r="C4520" s="21">
        <v>85704.564953541732</v>
      </c>
      <c r="D4520">
        <f t="shared" si="70"/>
        <v>2</v>
      </c>
    </row>
    <row r="4521" spans="1:4" x14ac:dyDescent="0.25">
      <c r="A4521" s="20">
        <v>43744.12499998905</v>
      </c>
      <c r="B4521" s="22">
        <v>0.66876673698425293</v>
      </c>
      <c r="C4521" s="21">
        <v>84819.370193802533</v>
      </c>
      <c r="D4521">
        <f t="shared" si="70"/>
        <v>3</v>
      </c>
    </row>
    <row r="4522" spans="1:4" x14ac:dyDescent="0.25">
      <c r="A4522" s="20">
        <v>43744.166666655714</v>
      </c>
      <c r="B4522" s="22">
        <v>0.60923177003860474</v>
      </c>
      <c r="C4522" s="21">
        <v>77268.578383178086</v>
      </c>
      <c r="D4522">
        <f t="shared" si="70"/>
        <v>4</v>
      </c>
    </row>
    <row r="4523" spans="1:4" x14ac:dyDescent="0.25">
      <c r="A4523" s="20">
        <v>43744.208333322378</v>
      </c>
      <c r="B4523" s="22">
        <v>0.72487705945968628</v>
      </c>
      <c r="C4523" s="21">
        <v>91935.81595962937</v>
      </c>
      <c r="D4523">
        <f t="shared" si="70"/>
        <v>5</v>
      </c>
    </row>
    <row r="4524" spans="1:4" x14ac:dyDescent="0.25">
      <c r="A4524" s="20">
        <v>43744.249999989042</v>
      </c>
      <c r="B4524" s="22">
        <v>0.67764168977737427</v>
      </c>
      <c r="C4524" s="21">
        <v>85944.976275538633</v>
      </c>
      <c r="D4524">
        <f t="shared" si="70"/>
        <v>6</v>
      </c>
    </row>
    <row r="4525" spans="1:4" x14ac:dyDescent="0.25">
      <c r="A4525" s="20">
        <v>43744.291666655707</v>
      </c>
      <c r="B4525" s="22">
        <v>0.75904667377471924</v>
      </c>
      <c r="C4525" s="21">
        <v>96269.532045802596</v>
      </c>
      <c r="D4525">
        <f t="shared" si="70"/>
        <v>7</v>
      </c>
    </row>
    <row r="4526" spans="1:4" x14ac:dyDescent="0.25">
      <c r="A4526" s="20">
        <v>43744.333333322371</v>
      </c>
      <c r="B4526" s="22">
        <v>0.95725154876708984</v>
      </c>
      <c r="C4526" s="21">
        <v>121407.7629662051</v>
      </c>
      <c r="D4526">
        <f t="shared" si="70"/>
        <v>8</v>
      </c>
    </row>
    <row r="4527" spans="1:4" x14ac:dyDescent="0.25">
      <c r="A4527" s="20">
        <v>43744.374999989035</v>
      </c>
      <c r="B4527" s="22">
        <v>1.1353871822357178</v>
      </c>
      <c r="C4527" s="21">
        <v>144000.62143882804</v>
      </c>
      <c r="D4527">
        <f t="shared" si="70"/>
        <v>9</v>
      </c>
    </row>
    <row r="4528" spans="1:4" x14ac:dyDescent="0.25">
      <c r="A4528" s="20">
        <v>43744.416666655699</v>
      </c>
      <c r="B4528" s="22">
        <v>1.0122110843658447</v>
      </c>
      <c r="C4528" s="21">
        <v>128378.25497460179</v>
      </c>
      <c r="D4528">
        <f t="shared" si="70"/>
        <v>10</v>
      </c>
    </row>
    <row r="4529" spans="1:4" x14ac:dyDescent="0.25">
      <c r="A4529" s="20">
        <v>43744.458333322364</v>
      </c>
      <c r="B4529" s="22">
        <v>1.0137827396392822</v>
      </c>
      <c r="C4529" s="21">
        <v>128577.5872725206</v>
      </c>
      <c r="D4529">
        <f t="shared" si="70"/>
        <v>11</v>
      </c>
    </row>
    <row r="4530" spans="1:4" x14ac:dyDescent="0.25">
      <c r="A4530" s="20">
        <v>43744.499999989028</v>
      </c>
      <c r="B4530" s="22">
        <v>1.1825613975524902</v>
      </c>
      <c r="C4530" s="21">
        <v>149983.7049435474</v>
      </c>
      <c r="D4530">
        <f t="shared" si="70"/>
        <v>12</v>
      </c>
    </row>
    <row r="4531" spans="1:4" x14ac:dyDescent="0.25">
      <c r="A4531" s="20">
        <v>43744.541666655692</v>
      </c>
      <c r="B4531" s="22">
        <v>1.4483468532562256</v>
      </c>
      <c r="C4531" s="21">
        <v>183693.14907816867</v>
      </c>
      <c r="D4531">
        <f t="shared" si="70"/>
        <v>13</v>
      </c>
    </row>
    <row r="4532" spans="1:4" x14ac:dyDescent="0.25">
      <c r="A4532" s="20">
        <v>43744.583333322356</v>
      </c>
      <c r="B4532" s="22">
        <v>1.4801565408706665</v>
      </c>
      <c r="C4532" s="21">
        <v>187727.55677267397</v>
      </c>
      <c r="D4532">
        <f t="shared" si="70"/>
        <v>14</v>
      </c>
    </row>
    <row r="4533" spans="1:4" x14ac:dyDescent="0.25">
      <c r="A4533" s="20">
        <v>43744.624999989021</v>
      </c>
      <c r="B4533" s="22">
        <v>1.604804515838623</v>
      </c>
      <c r="C4533" s="21">
        <v>203536.60071584469</v>
      </c>
      <c r="D4533">
        <f t="shared" si="70"/>
        <v>15</v>
      </c>
    </row>
    <row r="4534" spans="1:4" x14ac:dyDescent="0.25">
      <c r="A4534" s="20">
        <v>43744.666666655685</v>
      </c>
      <c r="B4534" s="22">
        <v>1.5140706300735474</v>
      </c>
      <c r="C4534" s="21">
        <v>192028.86472925157</v>
      </c>
      <c r="D4534">
        <f t="shared" si="70"/>
        <v>16</v>
      </c>
    </row>
    <row r="4535" spans="1:4" x14ac:dyDescent="0.25">
      <c r="A4535" s="20">
        <v>43744.708333322349</v>
      </c>
      <c r="B4535" s="22">
        <v>1.44797682762146</v>
      </c>
      <c r="C4535" s="21">
        <v>183646.21890123145</v>
      </c>
      <c r="D4535">
        <f t="shared" si="70"/>
        <v>17</v>
      </c>
    </row>
    <row r="4536" spans="1:4" x14ac:dyDescent="0.25">
      <c r="A4536" s="20">
        <v>43744.749999989013</v>
      </c>
      <c r="B4536" s="22">
        <v>1.4974868297576904</v>
      </c>
      <c r="C4536" s="21">
        <v>189925.54914786687</v>
      </c>
      <c r="D4536">
        <f t="shared" si="70"/>
        <v>18</v>
      </c>
    </row>
    <row r="4537" spans="1:4" x14ac:dyDescent="0.25">
      <c r="A4537" s="20">
        <v>43744.791666655678</v>
      </c>
      <c r="B4537" s="22">
        <v>1.6364234685897827</v>
      </c>
      <c r="C4537" s="21">
        <v>207546.81759749577</v>
      </c>
      <c r="D4537">
        <f t="shared" si="70"/>
        <v>19</v>
      </c>
    </row>
    <row r="4538" spans="1:4" x14ac:dyDescent="0.25">
      <c r="A4538" s="20">
        <v>43744.833333322342</v>
      </c>
      <c r="B4538" s="22">
        <v>1.6502480506896973</v>
      </c>
      <c r="C4538" s="21">
        <v>209300.18283242799</v>
      </c>
      <c r="D4538">
        <f t="shared" si="70"/>
        <v>20</v>
      </c>
    </row>
    <row r="4539" spans="1:4" x14ac:dyDescent="0.25">
      <c r="A4539" s="20">
        <v>43744.874999989006</v>
      </c>
      <c r="B4539" s="22">
        <v>1.5199486017227173</v>
      </c>
      <c r="C4539" s="21">
        <v>192774.36510438664</v>
      </c>
      <c r="D4539">
        <f t="shared" si="70"/>
        <v>21</v>
      </c>
    </row>
    <row r="4540" spans="1:4" x14ac:dyDescent="0.25">
      <c r="A4540" s="20">
        <v>43744.91666665567</v>
      </c>
      <c r="B4540" s="22">
        <v>1.2668956518173218</v>
      </c>
      <c r="C4540" s="21">
        <v>160679.77868184916</v>
      </c>
      <c r="D4540">
        <f t="shared" si="70"/>
        <v>22</v>
      </c>
    </row>
    <row r="4541" spans="1:4" x14ac:dyDescent="0.25">
      <c r="A4541" s="20">
        <v>43744.958333322335</v>
      </c>
      <c r="B4541" s="22">
        <v>0.99818581342697144</v>
      </c>
      <c r="C4541" s="21">
        <v>126599.43646876948</v>
      </c>
      <c r="D4541">
        <f t="shared" si="70"/>
        <v>23</v>
      </c>
    </row>
    <row r="4542" spans="1:4" x14ac:dyDescent="0.25">
      <c r="A4542" s="20">
        <v>43744.999999988999</v>
      </c>
      <c r="B4542" s="22">
        <v>0.88418477773666382</v>
      </c>
      <c r="C4542" s="21">
        <v>112140.73881837964</v>
      </c>
      <c r="D4542">
        <f t="shared" si="70"/>
        <v>0</v>
      </c>
    </row>
    <row r="4543" spans="1:4" x14ac:dyDescent="0.25">
      <c r="A4543" s="20">
        <v>43745.041666655663</v>
      </c>
      <c r="B4543" s="22">
        <v>0.73429882526397705</v>
      </c>
      <c r="C4543" s="21">
        <v>93130.774077966926</v>
      </c>
      <c r="D4543">
        <f t="shared" si="70"/>
        <v>1</v>
      </c>
    </row>
    <row r="4544" spans="1:4" x14ac:dyDescent="0.25">
      <c r="A4544" s="20">
        <v>43745.083333322327</v>
      </c>
      <c r="B4544" s="22">
        <v>0.64993530511856079</v>
      </c>
      <c r="C4544" s="21">
        <v>82430.988561817867</v>
      </c>
      <c r="D4544">
        <f t="shared" si="70"/>
        <v>2</v>
      </c>
    </row>
    <row r="4545" spans="1:4" x14ac:dyDescent="0.25">
      <c r="A4545" s="20">
        <v>43745.124999988991</v>
      </c>
      <c r="B4545" s="22">
        <v>0.66797178983688354</v>
      </c>
      <c r="C4545" s="21">
        <v>84718.547421603536</v>
      </c>
      <c r="D4545">
        <f t="shared" si="70"/>
        <v>3</v>
      </c>
    </row>
    <row r="4546" spans="1:4" x14ac:dyDescent="0.25">
      <c r="A4546" s="20">
        <v>43745.166666655656</v>
      </c>
      <c r="B4546" s="22">
        <v>0.61317920684814453</v>
      </c>
      <c r="C4546" s="21">
        <v>77769.229934083312</v>
      </c>
      <c r="D4546">
        <f t="shared" si="70"/>
        <v>4</v>
      </c>
    </row>
    <row r="4547" spans="1:4" x14ac:dyDescent="0.25">
      <c r="A4547" s="20">
        <v>43745.20833332232</v>
      </c>
      <c r="B4547" s="22">
        <v>0.72978216409683228</v>
      </c>
      <c r="C4547" s="21">
        <v>92557.928069949863</v>
      </c>
      <c r="D4547">
        <f t="shared" si="70"/>
        <v>5</v>
      </c>
    </row>
    <row r="4548" spans="1:4" x14ac:dyDescent="0.25">
      <c r="A4548" s="20">
        <v>43745.249999988984</v>
      </c>
      <c r="B4548" s="22">
        <v>0.96581822633743286</v>
      </c>
      <c r="C4548" s="21">
        <v>122494.27064666557</v>
      </c>
      <c r="D4548">
        <f t="shared" si="70"/>
        <v>6</v>
      </c>
    </row>
    <row r="4549" spans="1:4" x14ac:dyDescent="0.25">
      <c r="A4549" s="20">
        <v>43745.291666655648</v>
      </c>
      <c r="B4549" s="22">
        <v>0.8362157940864563</v>
      </c>
      <c r="C4549" s="21">
        <v>106056.85522034833</v>
      </c>
      <c r="D4549">
        <f t="shared" si="70"/>
        <v>7</v>
      </c>
    </row>
    <row r="4550" spans="1:4" x14ac:dyDescent="0.25">
      <c r="A4550" s="20">
        <v>43745.333333322313</v>
      </c>
      <c r="B4550" s="22">
        <v>0.82976359128952026</v>
      </c>
      <c r="C4550" s="21">
        <v>105238.525379264</v>
      </c>
      <c r="D4550">
        <f t="shared" si="70"/>
        <v>8</v>
      </c>
    </row>
    <row r="4551" spans="1:4" x14ac:dyDescent="0.25">
      <c r="A4551" s="20">
        <v>43745.374999988977</v>
      </c>
      <c r="B4551" s="22">
        <v>0.91605806350708008</v>
      </c>
      <c r="C4551" s="21">
        <v>116183.21263704602</v>
      </c>
      <c r="D4551">
        <f t="shared" ref="D4551:D4614" si="71">HOUR(A4551)</f>
        <v>9</v>
      </c>
    </row>
    <row r="4552" spans="1:4" x14ac:dyDescent="0.25">
      <c r="A4552" s="20">
        <v>43745.416666655641</v>
      </c>
      <c r="B4552" s="22">
        <v>0.84991914033889771</v>
      </c>
      <c r="C4552" s="21">
        <v>107794.84416986011</v>
      </c>
      <c r="D4552">
        <f t="shared" si="71"/>
        <v>10</v>
      </c>
    </row>
    <row r="4553" spans="1:4" x14ac:dyDescent="0.25">
      <c r="A4553" s="20">
        <v>43745.458333322305</v>
      </c>
      <c r="B4553" s="22">
        <v>0.93147259950637817</v>
      </c>
      <c r="C4553" s="21">
        <v>118138.2309760053</v>
      </c>
      <c r="D4553">
        <f t="shared" si="71"/>
        <v>11</v>
      </c>
    </row>
    <row r="4554" spans="1:4" x14ac:dyDescent="0.25">
      <c r="A4554" s="20">
        <v>43745.49999998897</v>
      </c>
      <c r="B4554" s="22">
        <v>0.88651931285858154</v>
      </c>
      <c r="C4554" s="21">
        <v>112436.82680808635</v>
      </c>
      <c r="D4554">
        <f t="shared" si="71"/>
        <v>12</v>
      </c>
    </row>
    <row r="4555" spans="1:4" x14ac:dyDescent="0.25">
      <c r="A4555" s="20">
        <v>43745.541666655634</v>
      </c>
      <c r="B4555" s="22">
        <v>0.92159402370452881</v>
      </c>
      <c r="C4555" s="21">
        <v>116885.33586088188</v>
      </c>
      <c r="D4555">
        <f t="shared" si="71"/>
        <v>13</v>
      </c>
    </row>
    <row r="4556" spans="1:4" x14ac:dyDescent="0.25">
      <c r="A4556" s="20">
        <v>43745.583333322298</v>
      </c>
      <c r="B4556" s="22">
        <v>0.87600928544998169</v>
      </c>
      <c r="C4556" s="21">
        <v>111103.84498315738</v>
      </c>
      <c r="D4556">
        <f t="shared" si="71"/>
        <v>14</v>
      </c>
    </row>
    <row r="4557" spans="1:4" x14ac:dyDescent="0.25">
      <c r="A4557" s="20">
        <v>43745.624999988962</v>
      </c>
      <c r="B4557" s="22">
        <v>0.98857325315475464</v>
      </c>
      <c r="C4557" s="21">
        <v>125380.27997794868</v>
      </c>
      <c r="D4557">
        <f t="shared" si="71"/>
        <v>15</v>
      </c>
    </row>
    <row r="4558" spans="1:4" x14ac:dyDescent="0.25">
      <c r="A4558" s="20">
        <v>43745.666666655627</v>
      </c>
      <c r="B4558" s="22">
        <v>0.90935838222503662</v>
      </c>
      <c r="C4558" s="21">
        <v>115333.49521628335</v>
      </c>
      <c r="D4558">
        <f t="shared" si="71"/>
        <v>16</v>
      </c>
    </row>
    <row r="4559" spans="1:4" x14ac:dyDescent="0.25">
      <c r="A4559" s="20">
        <v>43745.708333322291</v>
      </c>
      <c r="B4559" s="22">
        <v>1.1013399362564087</v>
      </c>
      <c r="C4559" s="21">
        <v>139682.42527102659</v>
      </c>
      <c r="D4559">
        <f t="shared" si="71"/>
        <v>17</v>
      </c>
    </row>
    <row r="4560" spans="1:4" x14ac:dyDescent="0.25">
      <c r="A4560" s="20">
        <v>43745.749999988955</v>
      </c>
      <c r="B4560" s="22">
        <v>1.0133167505264282</v>
      </c>
      <c r="C4560" s="21">
        <v>128518.48609286612</v>
      </c>
      <c r="D4560">
        <f t="shared" si="71"/>
        <v>18</v>
      </c>
    </row>
    <row r="4561" spans="1:4" x14ac:dyDescent="0.25">
      <c r="A4561" s="20">
        <v>43745.791666655619</v>
      </c>
      <c r="B4561" s="22">
        <v>1.1736996173858643</v>
      </c>
      <c r="C4561" s="21">
        <v>148859.76953982405</v>
      </c>
      <c r="D4561">
        <f t="shared" si="71"/>
        <v>19</v>
      </c>
    </row>
    <row r="4562" spans="1:4" x14ac:dyDescent="0.25">
      <c r="A4562" s="20">
        <v>43745.833333322284</v>
      </c>
      <c r="B4562" s="22">
        <v>1.1945964097976685</v>
      </c>
      <c r="C4562" s="21">
        <v>151510.09987687488</v>
      </c>
      <c r="D4562">
        <f t="shared" si="71"/>
        <v>20</v>
      </c>
    </row>
    <row r="4563" spans="1:4" x14ac:dyDescent="0.25">
      <c r="A4563" s="20">
        <v>43745.874999988948</v>
      </c>
      <c r="B4563" s="22">
        <v>1.1045310497283936</v>
      </c>
      <c r="C4563" s="21">
        <v>140087.15268933581</v>
      </c>
      <c r="D4563">
        <f t="shared" si="71"/>
        <v>21</v>
      </c>
    </row>
    <row r="4564" spans="1:4" x14ac:dyDescent="0.25">
      <c r="A4564" s="20">
        <v>43745.916666655612</v>
      </c>
      <c r="B4564" s="22">
        <v>1.011829137802124</v>
      </c>
      <c r="C4564" s="21">
        <v>128329.8128718612</v>
      </c>
      <c r="D4564">
        <f t="shared" si="71"/>
        <v>22</v>
      </c>
    </row>
    <row r="4565" spans="1:4" x14ac:dyDescent="0.25">
      <c r="A4565" s="20">
        <v>43745.958333322276</v>
      </c>
      <c r="B4565" s="22">
        <v>0.83389389514923096</v>
      </c>
      <c r="C4565" s="21">
        <v>105762.36987199323</v>
      </c>
      <c r="D4565">
        <f t="shared" si="71"/>
        <v>23</v>
      </c>
    </row>
    <row r="4566" spans="1:4" x14ac:dyDescent="0.25">
      <c r="A4566" s="20">
        <v>43745.999999988941</v>
      </c>
      <c r="B4566" s="22">
        <v>0.75107741355895996</v>
      </c>
      <c r="C4566" s="21">
        <v>95258.794526978993</v>
      </c>
      <c r="D4566">
        <f t="shared" si="71"/>
        <v>0</v>
      </c>
    </row>
    <row r="4567" spans="1:4" x14ac:dyDescent="0.25">
      <c r="A4567" s="20">
        <v>43746.041666655605</v>
      </c>
      <c r="B4567" s="22">
        <v>0.6622501015663147</v>
      </c>
      <c r="C4567" s="21">
        <v>83992.86839375089</v>
      </c>
      <c r="D4567">
        <f t="shared" si="71"/>
        <v>1</v>
      </c>
    </row>
    <row r="4568" spans="1:4" x14ac:dyDescent="0.25">
      <c r="A4568" s="20">
        <v>43746.083333322269</v>
      </c>
      <c r="B4568" s="22">
        <v>0.61824500560760498</v>
      </c>
      <c r="C4568" s="21">
        <v>78411.72280423349</v>
      </c>
      <c r="D4568">
        <f t="shared" si="71"/>
        <v>2</v>
      </c>
    </row>
    <row r="4569" spans="1:4" x14ac:dyDescent="0.25">
      <c r="A4569" s="20">
        <v>43746.124999988933</v>
      </c>
      <c r="B4569" s="22">
        <v>0.64257991313934326</v>
      </c>
      <c r="C4569" s="21">
        <v>81498.107662239767</v>
      </c>
      <c r="D4569">
        <f t="shared" si="71"/>
        <v>3</v>
      </c>
    </row>
    <row r="4570" spans="1:4" x14ac:dyDescent="0.25">
      <c r="A4570" s="20">
        <v>43746.166666655598</v>
      </c>
      <c r="B4570" s="22">
        <v>0.65559279918670654</v>
      </c>
      <c r="C4570" s="21">
        <v>83148.525869219258</v>
      </c>
      <c r="D4570">
        <f t="shared" si="71"/>
        <v>4</v>
      </c>
    </row>
    <row r="4571" spans="1:4" x14ac:dyDescent="0.25">
      <c r="A4571" s="20">
        <v>43746.208333322262</v>
      </c>
      <c r="B4571" s="22">
        <v>0.69383704662322998</v>
      </c>
      <c r="C4571" s="21">
        <v>87999.02575461987</v>
      </c>
      <c r="D4571">
        <f t="shared" si="71"/>
        <v>5</v>
      </c>
    </row>
    <row r="4572" spans="1:4" x14ac:dyDescent="0.25">
      <c r="A4572" s="20">
        <v>43746.249999988926</v>
      </c>
      <c r="B4572" s="22">
        <v>0.93834298849105835</v>
      </c>
      <c r="C4572" s="21">
        <v>119009.59917427252</v>
      </c>
      <c r="D4572">
        <f t="shared" si="71"/>
        <v>6</v>
      </c>
    </row>
    <row r="4573" spans="1:4" x14ac:dyDescent="0.25">
      <c r="A4573" s="20">
        <v>43746.29166665559</v>
      </c>
      <c r="B4573" s="22">
        <v>0.82897311449050903</v>
      </c>
      <c r="C4573" s="21">
        <v>105138.26957924129</v>
      </c>
      <c r="D4573">
        <f t="shared" si="71"/>
        <v>7</v>
      </c>
    </row>
    <row r="4574" spans="1:4" x14ac:dyDescent="0.25">
      <c r="A4574" s="20">
        <v>43746.333333322254</v>
      </c>
      <c r="B4574" s="22">
        <v>0.82097905874252319</v>
      </c>
      <c r="C4574" s="21">
        <v>104124.38725474662</v>
      </c>
      <c r="D4574">
        <f t="shared" si="71"/>
        <v>8</v>
      </c>
    </row>
    <row r="4575" spans="1:4" x14ac:dyDescent="0.25">
      <c r="A4575" s="20">
        <v>43746.374999988919</v>
      </c>
      <c r="B4575" s="22">
        <v>0.90703278779983521</v>
      </c>
      <c r="C4575" s="21">
        <v>115038.54117092919</v>
      </c>
      <c r="D4575">
        <f t="shared" si="71"/>
        <v>9</v>
      </c>
    </row>
    <row r="4576" spans="1:4" x14ac:dyDescent="0.25">
      <c r="A4576" s="20">
        <v>43746.416666655583</v>
      </c>
      <c r="B4576" s="22">
        <v>0.92494910955429077</v>
      </c>
      <c r="C4576" s="21">
        <v>117310.85981861671</v>
      </c>
      <c r="D4576">
        <f t="shared" si="71"/>
        <v>10</v>
      </c>
    </row>
    <row r="4577" spans="1:4" x14ac:dyDescent="0.25">
      <c r="A4577" s="20">
        <v>43746.458333322247</v>
      </c>
      <c r="B4577" s="22">
        <v>0.88872337341308594</v>
      </c>
      <c r="C4577" s="21">
        <v>112716.36676987495</v>
      </c>
      <c r="D4577">
        <f t="shared" si="71"/>
        <v>11</v>
      </c>
    </row>
    <row r="4578" spans="1:4" x14ac:dyDescent="0.25">
      <c r="A4578" s="20">
        <v>43746.499999988911</v>
      </c>
      <c r="B4578" s="22">
        <v>0.88053685426712036</v>
      </c>
      <c r="C4578" s="21">
        <v>111678.07440328455</v>
      </c>
      <c r="D4578">
        <f t="shared" si="71"/>
        <v>12</v>
      </c>
    </row>
    <row r="4579" spans="1:4" x14ac:dyDescent="0.25">
      <c r="A4579" s="20">
        <v>43746.541666655576</v>
      </c>
      <c r="B4579" s="22">
        <v>0.89682877063751221</v>
      </c>
      <c r="C4579" s="21">
        <v>113744.37048137325</v>
      </c>
      <c r="D4579">
        <f t="shared" si="71"/>
        <v>13</v>
      </c>
    </row>
    <row r="4580" spans="1:4" x14ac:dyDescent="0.25">
      <c r="A4580" s="20">
        <v>43746.58333332224</v>
      </c>
      <c r="B4580" s="22">
        <v>0.96504396200180054</v>
      </c>
      <c r="C4580" s="21">
        <v>122396.07106573544</v>
      </c>
      <c r="D4580">
        <f t="shared" si="71"/>
        <v>14</v>
      </c>
    </row>
    <row r="4581" spans="1:4" x14ac:dyDescent="0.25">
      <c r="A4581" s="20">
        <v>43746.624999988904</v>
      </c>
      <c r="B4581" s="22">
        <v>1.1292710304260254</v>
      </c>
      <c r="C4581" s="21">
        <v>143224.91278614127</v>
      </c>
      <c r="D4581">
        <f t="shared" si="71"/>
        <v>15</v>
      </c>
    </row>
    <row r="4582" spans="1:4" x14ac:dyDescent="0.25">
      <c r="A4582" s="20">
        <v>43746.666666655568</v>
      </c>
      <c r="B4582" s="22">
        <v>1.1507384777069092</v>
      </c>
      <c r="C4582" s="21">
        <v>145947.61901140033</v>
      </c>
      <c r="D4582">
        <f t="shared" si="71"/>
        <v>16</v>
      </c>
    </row>
    <row r="4583" spans="1:4" x14ac:dyDescent="0.25">
      <c r="A4583" s="20">
        <v>43746.708333322233</v>
      </c>
      <c r="B4583" s="22">
        <v>1.1366708278656006</v>
      </c>
      <c r="C4583" s="21">
        <v>144163.42560933696</v>
      </c>
      <c r="D4583">
        <f t="shared" si="71"/>
        <v>17</v>
      </c>
    </row>
    <row r="4584" spans="1:4" x14ac:dyDescent="0.25">
      <c r="A4584" s="20">
        <v>43746.749999988897</v>
      </c>
      <c r="B4584" s="22">
        <v>1.2870335578918457</v>
      </c>
      <c r="C4584" s="21">
        <v>163233.85982225623</v>
      </c>
      <c r="D4584">
        <f t="shared" si="71"/>
        <v>18</v>
      </c>
    </row>
    <row r="4585" spans="1:4" x14ac:dyDescent="0.25">
      <c r="A4585" s="20">
        <v>43746.791666655561</v>
      </c>
      <c r="B4585" s="22">
        <v>1.3393441438674927</v>
      </c>
      <c r="C4585" s="21">
        <v>169868.3867978818</v>
      </c>
      <c r="D4585">
        <f t="shared" si="71"/>
        <v>19</v>
      </c>
    </row>
    <row r="4586" spans="1:4" x14ac:dyDescent="0.25">
      <c r="A4586" s="20">
        <v>43746.833333322225</v>
      </c>
      <c r="B4586" s="22">
        <v>1.2737102508544922</v>
      </c>
      <c r="C4586" s="21">
        <v>161544.0710673565</v>
      </c>
      <c r="D4586">
        <f t="shared" si="71"/>
        <v>20</v>
      </c>
    </row>
    <row r="4587" spans="1:4" x14ac:dyDescent="0.25">
      <c r="A4587" s="20">
        <v>43746.87499998889</v>
      </c>
      <c r="B4587" s="22">
        <v>1.1551191806793213</v>
      </c>
      <c r="C4587" s="21">
        <v>146503.22150562974</v>
      </c>
      <c r="D4587">
        <f t="shared" si="71"/>
        <v>21</v>
      </c>
    </row>
    <row r="4588" spans="1:4" x14ac:dyDescent="0.25">
      <c r="A4588" s="20">
        <v>43746.916666655554</v>
      </c>
      <c r="B4588" s="22">
        <v>1.0183035135269165</v>
      </c>
      <c r="C4588" s="21">
        <v>129150.95489493982</v>
      </c>
      <c r="D4588">
        <f t="shared" si="71"/>
        <v>22</v>
      </c>
    </row>
    <row r="4589" spans="1:4" x14ac:dyDescent="0.25">
      <c r="A4589" s="20">
        <v>43746.958333322218</v>
      </c>
      <c r="B4589" s="22">
        <v>0.78513538837432861</v>
      </c>
      <c r="C4589" s="21">
        <v>99578.351428003472</v>
      </c>
      <c r="D4589">
        <f t="shared" si="71"/>
        <v>23</v>
      </c>
    </row>
    <row r="4590" spans="1:4" x14ac:dyDescent="0.25">
      <c r="A4590" s="20">
        <v>43746.999999988882</v>
      </c>
      <c r="B4590" s="22">
        <v>0.76804953813552856</v>
      </c>
      <c r="C4590" s="21">
        <v>97411.361091409053</v>
      </c>
      <c r="D4590">
        <f t="shared" si="71"/>
        <v>0</v>
      </c>
    </row>
    <row r="4591" spans="1:4" x14ac:dyDescent="0.25">
      <c r="A4591" s="20">
        <v>43747.041666655547</v>
      </c>
      <c r="B4591" s="22">
        <v>0.68187433481216431</v>
      </c>
      <c r="C4591" s="21">
        <v>86481.800651289945</v>
      </c>
      <c r="D4591">
        <f t="shared" si="71"/>
        <v>1</v>
      </c>
    </row>
    <row r="4592" spans="1:4" x14ac:dyDescent="0.25">
      <c r="A4592" s="20">
        <v>43747.083333322211</v>
      </c>
      <c r="B4592" s="22">
        <v>0.62933057546615601</v>
      </c>
      <c r="C4592" s="21">
        <v>79817.700406950069</v>
      </c>
      <c r="D4592">
        <f t="shared" si="71"/>
        <v>2</v>
      </c>
    </row>
    <row r="4593" spans="1:4" x14ac:dyDescent="0.25">
      <c r="A4593" s="20">
        <v>43747.124999988875</v>
      </c>
      <c r="B4593" s="22">
        <v>0.64721381664276123</v>
      </c>
      <c r="C4593" s="21">
        <v>82085.823460533153</v>
      </c>
      <c r="D4593">
        <f t="shared" si="71"/>
        <v>3</v>
      </c>
    </row>
    <row r="4594" spans="1:4" x14ac:dyDescent="0.25">
      <c r="A4594" s="20">
        <v>43747.166666655539</v>
      </c>
      <c r="B4594" s="22">
        <v>0.63553673028945923</v>
      </c>
      <c r="C4594" s="21">
        <v>80604.824099452424</v>
      </c>
      <c r="D4594">
        <f t="shared" si="71"/>
        <v>4</v>
      </c>
    </row>
    <row r="4595" spans="1:4" x14ac:dyDescent="0.25">
      <c r="A4595" s="20">
        <v>43747.208333322204</v>
      </c>
      <c r="B4595" s="22">
        <v>0.67489719390869141</v>
      </c>
      <c r="C4595" s="21">
        <v>85596.893157453378</v>
      </c>
      <c r="D4595">
        <f t="shared" si="71"/>
        <v>5</v>
      </c>
    </row>
    <row r="4596" spans="1:4" x14ac:dyDescent="0.25">
      <c r="A4596" s="20">
        <v>43747.249999988868</v>
      </c>
      <c r="B4596" s="22">
        <v>0.95200693607330322</v>
      </c>
      <c r="C4596" s="21">
        <v>120742.59120900408</v>
      </c>
      <c r="D4596">
        <f t="shared" si="71"/>
        <v>6</v>
      </c>
    </row>
    <row r="4597" spans="1:4" x14ac:dyDescent="0.25">
      <c r="A4597" s="20">
        <v>43747.291666655532</v>
      </c>
      <c r="B4597" s="22">
        <v>0.83518069982528687</v>
      </c>
      <c r="C4597" s="21">
        <v>105925.57470284007</v>
      </c>
      <c r="D4597">
        <f t="shared" si="71"/>
        <v>7</v>
      </c>
    </row>
    <row r="4598" spans="1:4" x14ac:dyDescent="0.25">
      <c r="A4598" s="20">
        <v>43747.333333322196</v>
      </c>
      <c r="B4598" s="22">
        <v>0.72987103462219238</v>
      </c>
      <c r="C4598" s="21">
        <v>92569.19947681413</v>
      </c>
      <c r="D4598">
        <f t="shared" si="71"/>
        <v>8</v>
      </c>
    </row>
    <row r="4599" spans="1:4" x14ac:dyDescent="0.25">
      <c r="A4599" s="20">
        <v>43747.374999988861</v>
      </c>
      <c r="B4599" s="22">
        <v>0.82879841327667236</v>
      </c>
      <c r="C4599" s="21">
        <v>105116.11230659262</v>
      </c>
      <c r="D4599">
        <f t="shared" si="71"/>
        <v>9</v>
      </c>
    </row>
    <row r="4600" spans="1:4" x14ac:dyDescent="0.25">
      <c r="A4600" s="20">
        <v>43747.416666655525</v>
      </c>
      <c r="B4600" s="22">
        <v>0.88504147529602051</v>
      </c>
      <c r="C4600" s="21">
        <v>112249.3933662402</v>
      </c>
      <c r="D4600">
        <f t="shared" si="71"/>
        <v>10</v>
      </c>
    </row>
    <row r="4601" spans="1:4" x14ac:dyDescent="0.25">
      <c r="A4601" s="20">
        <v>43747.458333322189</v>
      </c>
      <c r="B4601" s="22">
        <v>0.83392226696014404</v>
      </c>
      <c r="C4601" s="21">
        <v>105765.9682554053</v>
      </c>
      <c r="D4601">
        <f t="shared" si="71"/>
        <v>11</v>
      </c>
    </row>
    <row r="4602" spans="1:4" x14ac:dyDescent="0.25">
      <c r="A4602" s="20">
        <v>43747.499999988853</v>
      </c>
      <c r="B4602" s="22">
        <v>0.83680611848831177</v>
      </c>
      <c r="C4602" s="21">
        <v>106131.72578613216</v>
      </c>
      <c r="D4602">
        <f t="shared" si="71"/>
        <v>12</v>
      </c>
    </row>
    <row r="4603" spans="1:4" x14ac:dyDescent="0.25">
      <c r="A4603" s="20">
        <v>43747.541666655517</v>
      </c>
      <c r="B4603" s="22">
        <v>0.97820639610290527</v>
      </c>
      <c r="C4603" s="21">
        <v>124065.45638191846</v>
      </c>
      <c r="D4603">
        <f t="shared" si="71"/>
        <v>13</v>
      </c>
    </row>
    <row r="4604" spans="1:4" x14ac:dyDescent="0.25">
      <c r="A4604" s="20">
        <v>43747.583333322182</v>
      </c>
      <c r="B4604" s="22">
        <v>1.146618127822876</v>
      </c>
      <c r="C4604" s="21">
        <v>145425.03697671695</v>
      </c>
      <c r="D4604">
        <f t="shared" si="71"/>
        <v>14</v>
      </c>
    </row>
    <row r="4605" spans="1:4" x14ac:dyDescent="0.25">
      <c r="A4605" s="20">
        <v>43747.624999988846</v>
      </c>
      <c r="B4605" s="22">
        <v>1.4037672281265259</v>
      </c>
      <c r="C4605" s="21">
        <v>178039.13622455695</v>
      </c>
      <c r="D4605">
        <f t="shared" si="71"/>
        <v>15</v>
      </c>
    </row>
    <row r="4606" spans="1:4" x14ac:dyDescent="0.25">
      <c r="A4606" s="20">
        <v>43747.66666665551</v>
      </c>
      <c r="B4606" s="22">
        <v>1.4932761192321777</v>
      </c>
      <c r="C4606" s="21">
        <v>189391.5067155938</v>
      </c>
      <c r="D4606">
        <f t="shared" si="71"/>
        <v>16</v>
      </c>
    </row>
    <row r="4607" spans="1:4" x14ac:dyDescent="0.25">
      <c r="A4607" s="20">
        <v>43747.708333322174</v>
      </c>
      <c r="B4607" s="22">
        <v>1.4132059812545776</v>
      </c>
      <c r="C4607" s="21">
        <v>179236.24883716431</v>
      </c>
      <c r="D4607">
        <f t="shared" si="71"/>
        <v>17</v>
      </c>
    </row>
    <row r="4608" spans="1:4" x14ac:dyDescent="0.25">
      <c r="A4608" s="20">
        <v>43747.749999988839</v>
      </c>
      <c r="B4608" s="22">
        <v>1.2888748645782471</v>
      </c>
      <c r="C4608" s="21">
        <v>163467.3918818477</v>
      </c>
      <c r="D4608">
        <f t="shared" si="71"/>
        <v>18</v>
      </c>
    </row>
    <row r="4609" spans="1:4" x14ac:dyDescent="0.25">
      <c r="A4609" s="20">
        <v>43747.791666655503</v>
      </c>
      <c r="B4609" s="22">
        <v>1.3235158920288086</v>
      </c>
      <c r="C4609" s="21">
        <v>167860.89707391593</v>
      </c>
      <c r="D4609">
        <f t="shared" si="71"/>
        <v>19</v>
      </c>
    </row>
    <row r="4610" spans="1:4" x14ac:dyDescent="0.25">
      <c r="A4610" s="20">
        <v>43747.833333322167</v>
      </c>
      <c r="B4610" s="22">
        <v>1.4070444107055664</v>
      </c>
      <c r="C4610" s="21">
        <v>178454.77974716661</v>
      </c>
      <c r="D4610">
        <f t="shared" si="71"/>
        <v>20</v>
      </c>
    </row>
    <row r="4611" spans="1:4" x14ac:dyDescent="0.25">
      <c r="A4611" s="20">
        <v>43747.874999988831</v>
      </c>
      <c r="B4611" s="22">
        <v>1.2047234773635864</v>
      </c>
      <c r="C4611" s="21">
        <v>152794.51108536994</v>
      </c>
      <c r="D4611">
        <f t="shared" si="71"/>
        <v>21</v>
      </c>
    </row>
    <row r="4612" spans="1:4" x14ac:dyDescent="0.25">
      <c r="A4612" s="20">
        <v>43747.916666655496</v>
      </c>
      <c r="B4612" s="22">
        <v>1.0140938758850098</v>
      </c>
      <c r="C4612" s="21">
        <v>128617.04853598904</v>
      </c>
      <c r="D4612">
        <f t="shared" si="71"/>
        <v>22</v>
      </c>
    </row>
    <row r="4613" spans="1:4" x14ac:dyDescent="0.25">
      <c r="A4613" s="20">
        <v>43747.95833332216</v>
      </c>
      <c r="B4613" s="22">
        <v>0.8261834979057312</v>
      </c>
      <c r="C4613" s="21">
        <v>104784.46382199021</v>
      </c>
      <c r="D4613">
        <f t="shared" si="71"/>
        <v>23</v>
      </c>
    </row>
    <row r="4614" spans="1:4" x14ac:dyDescent="0.25">
      <c r="A4614" s="20">
        <v>43747.999999988824</v>
      </c>
      <c r="B4614" s="22">
        <v>0.72435212135314941</v>
      </c>
      <c r="C4614" s="21">
        <v>91869.238306877145</v>
      </c>
      <c r="D4614">
        <f t="shared" si="71"/>
        <v>0</v>
      </c>
    </row>
    <row r="4615" spans="1:4" x14ac:dyDescent="0.25">
      <c r="A4615" s="20">
        <v>43748.041666655488</v>
      </c>
      <c r="B4615" s="22">
        <v>0.63109004497528076</v>
      </c>
      <c r="C4615" s="21">
        <v>80040.853095901271</v>
      </c>
      <c r="D4615">
        <f t="shared" ref="D4615:D4678" si="72">HOUR(A4615)</f>
        <v>1</v>
      </c>
    </row>
    <row r="4616" spans="1:4" x14ac:dyDescent="0.25">
      <c r="A4616" s="20">
        <v>43748.083333322153</v>
      </c>
      <c r="B4616" s="22">
        <v>0.61626678705215454</v>
      </c>
      <c r="C4616" s="21">
        <v>78160.826276790103</v>
      </c>
      <c r="D4616">
        <f t="shared" si="72"/>
        <v>2</v>
      </c>
    </row>
    <row r="4617" spans="1:4" x14ac:dyDescent="0.25">
      <c r="A4617" s="20">
        <v>43748.124999988817</v>
      </c>
      <c r="B4617" s="22">
        <v>0.66900110244750977</v>
      </c>
      <c r="C4617" s="21">
        <v>84849.094655097157</v>
      </c>
      <c r="D4617">
        <f t="shared" si="72"/>
        <v>3</v>
      </c>
    </row>
    <row r="4618" spans="1:4" x14ac:dyDescent="0.25">
      <c r="A4618" s="20">
        <v>43748.166666655481</v>
      </c>
      <c r="B4618" s="22">
        <v>0.66484373807907104</v>
      </c>
      <c r="C4618" s="21">
        <v>84321.818090794244</v>
      </c>
      <c r="D4618">
        <f t="shared" si="72"/>
        <v>4</v>
      </c>
    </row>
    <row r="4619" spans="1:4" x14ac:dyDescent="0.25">
      <c r="A4619" s="20">
        <v>43748.208333322145</v>
      </c>
      <c r="B4619" s="22">
        <v>0.72606170177459717</v>
      </c>
      <c r="C4619" s="21">
        <v>92086.063586341159</v>
      </c>
      <c r="D4619">
        <f t="shared" si="72"/>
        <v>5</v>
      </c>
    </row>
    <row r="4620" spans="1:4" x14ac:dyDescent="0.25">
      <c r="A4620" s="20">
        <v>43748.24999998881</v>
      </c>
      <c r="B4620" s="22">
        <v>0.89127653837203979</v>
      </c>
      <c r="C4620" s="21">
        <v>113040.18347881579</v>
      </c>
      <c r="D4620">
        <f t="shared" si="72"/>
        <v>6</v>
      </c>
    </row>
    <row r="4621" spans="1:4" x14ac:dyDescent="0.25">
      <c r="A4621" s="20">
        <v>43748.291666655474</v>
      </c>
      <c r="B4621" s="22">
        <v>0.8295217752456665</v>
      </c>
      <c r="C4621" s="21">
        <v>105207.85596434226</v>
      </c>
      <c r="D4621">
        <f t="shared" si="72"/>
        <v>7</v>
      </c>
    </row>
    <row r="4622" spans="1:4" x14ac:dyDescent="0.25">
      <c r="A4622" s="20">
        <v>43748.333333322138</v>
      </c>
      <c r="B4622" s="22">
        <v>0.69779938459396362</v>
      </c>
      <c r="C4622" s="21">
        <v>88501.567212779351</v>
      </c>
      <c r="D4622">
        <f t="shared" si="72"/>
        <v>8</v>
      </c>
    </row>
    <row r="4623" spans="1:4" x14ac:dyDescent="0.25">
      <c r="A4623" s="20">
        <v>43748.374999988802</v>
      </c>
      <c r="B4623" s="22">
        <v>0.74668490886688232</v>
      </c>
      <c r="C4623" s="21">
        <v>94701.695226204218</v>
      </c>
      <c r="D4623">
        <f t="shared" si="72"/>
        <v>9</v>
      </c>
    </row>
    <row r="4624" spans="1:4" x14ac:dyDescent="0.25">
      <c r="A4624" s="20">
        <v>43748.416666655467</v>
      </c>
      <c r="B4624" s="22">
        <v>0.80005830526351929</v>
      </c>
      <c r="C4624" s="21">
        <v>101471.01794683097</v>
      </c>
      <c r="D4624">
        <f t="shared" si="72"/>
        <v>10</v>
      </c>
    </row>
    <row r="4625" spans="1:4" x14ac:dyDescent="0.25">
      <c r="A4625" s="20">
        <v>43748.458333322131</v>
      </c>
      <c r="B4625" s="22">
        <v>1.029399037361145</v>
      </c>
      <c r="C4625" s="21">
        <v>130558.19495570223</v>
      </c>
      <c r="D4625">
        <f t="shared" si="72"/>
        <v>11</v>
      </c>
    </row>
    <row r="4626" spans="1:4" x14ac:dyDescent="0.25">
      <c r="A4626" s="20">
        <v>43748.499999988795</v>
      </c>
      <c r="B4626" s="22">
        <v>1.0310992002487183</v>
      </c>
      <c r="C4626" s="21">
        <v>130773.82581378156</v>
      </c>
      <c r="D4626">
        <f t="shared" si="72"/>
        <v>12</v>
      </c>
    </row>
    <row r="4627" spans="1:4" x14ac:dyDescent="0.25">
      <c r="A4627" s="20">
        <v>43748.541666655459</v>
      </c>
      <c r="B4627" s="22">
        <v>1.2336000204086304</v>
      </c>
      <c r="C4627" s="21">
        <v>156456.90943595138</v>
      </c>
      <c r="D4627">
        <f t="shared" si="72"/>
        <v>13</v>
      </c>
    </row>
    <row r="4628" spans="1:4" x14ac:dyDescent="0.25">
      <c r="A4628" s="20">
        <v>43748.583333322124</v>
      </c>
      <c r="B4628" s="22">
        <v>1.3254495859146118</v>
      </c>
      <c r="C4628" s="21">
        <v>168106.14655848368</v>
      </c>
      <c r="D4628">
        <f t="shared" si="72"/>
        <v>14</v>
      </c>
    </row>
    <row r="4629" spans="1:4" x14ac:dyDescent="0.25">
      <c r="A4629" s="20">
        <v>43748.624999988788</v>
      </c>
      <c r="B4629" s="22">
        <v>1.4513247013092041</v>
      </c>
      <c r="C4629" s="21">
        <v>184070.82814385527</v>
      </c>
      <c r="D4629">
        <f t="shared" si="72"/>
        <v>15</v>
      </c>
    </row>
    <row r="4630" spans="1:4" x14ac:dyDescent="0.25">
      <c r="A4630" s="20">
        <v>43748.666666655452</v>
      </c>
      <c r="B4630" s="22">
        <v>1.690861701965332</v>
      </c>
      <c r="C4630" s="21">
        <v>214451.19309051023</v>
      </c>
      <c r="D4630">
        <f t="shared" si="72"/>
        <v>16</v>
      </c>
    </row>
    <row r="4631" spans="1:4" x14ac:dyDescent="0.25">
      <c r="A4631" s="20">
        <v>43748.708333322116</v>
      </c>
      <c r="B4631" s="22">
        <v>1.6086744070053101</v>
      </c>
      <c r="C4631" s="21">
        <v>204027.41718939887</v>
      </c>
      <c r="D4631">
        <f t="shared" si="72"/>
        <v>17</v>
      </c>
    </row>
    <row r="4632" spans="1:4" x14ac:dyDescent="0.25">
      <c r="A4632" s="20">
        <v>43748.74999998878</v>
      </c>
      <c r="B4632" s="22">
        <v>1.4821680784225464</v>
      </c>
      <c r="C4632" s="21">
        <v>187982.67913273786</v>
      </c>
      <c r="D4632">
        <f t="shared" si="72"/>
        <v>18</v>
      </c>
    </row>
    <row r="4633" spans="1:4" x14ac:dyDescent="0.25">
      <c r="A4633" s="20">
        <v>43748.791666655445</v>
      </c>
      <c r="B4633" s="22">
        <v>1.4907020330429077</v>
      </c>
      <c r="C4633" s="21">
        <v>189065.03657686801</v>
      </c>
      <c r="D4633">
        <f t="shared" si="72"/>
        <v>19</v>
      </c>
    </row>
    <row r="4634" spans="1:4" x14ac:dyDescent="0.25">
      <c r="A4634" s="20">
        <v>43748.833333322109</v>
      </c>
      <c r="B4634" s="22">
        <v>1.4240362644195557</v>
      </c>
      <c r="C4634" s="21">
        <v>180609.8485488013</v>
      </c>
      <c r="D4634">
        <f t="shared" si="72"/>
        <v>20</v>
      </c>
    </row>
    <row r="4635" spans="1:4" x14ac:dyDescent="0.25">
      <c r="A4635" s="20">
        <v>43748.874999988773</v>
      </c>
      <c r="B4635" s="22">
        <v>1.361201286315918</v>
      </c>
      <c r="C4635" s="21">
        <v>172640.51787765368</v>
      </c>
      <c r="D4635">
        <f t="shared" si="72"/>
        <v>21</v>
      </c>
    </row>
    <row r="4636" spans="1:4" x14ac:dyDescent="0.25">
      <c r="A4636" s="20">
        <v>43748.916666655437</v>
      </c>
      <c r="B4636" s="22">
        <v>1.0917972326278687</v>
      </c>
      <c r="C4636" s="21">
        <v>138472.12866541368</v>
      </c>
      <c r="D4636">
        <f t="shared" si="72"/>
        <v>22</v>
      </c>
    </row>
    <row r="4637" spans="1:4" x14ac:dyDescent="0.25">
      <c r="A4637" s="20">
        <v>43748.958333322102</v>
      </c>
      <c r="B4637" s="22">
        <v>0.83856600522994995</v>
      </c>
      <c r="C4637" s="21">
        <v>106354.93139248648</v>
      </c>
      <c r="D4637">
        <f t="shared" si="72"/>
        <v>23</v>
      </c>
    </row>
    <row r="4638" spans="1:4" x14ac:dyDescent="0.25">
      <c r="A4638" s="20">
        <v>43748.999999988766</v>
      </c>
      <c r="B4638" s="22">
        <v>0.75994318723678589</v>
      </c>
      <c r="C4638" s="21">
        <v>96383.236425846466</v>
      </c>
      <c r="D4638">
        <f t="shared" si="72"/>
        <v>0</v>
      </c>
    </row>
    <row r="4639" spans="1:4" x14ac:dyDescent="0.25">
      <c r="A4639" s="20">
        <v>43749.04166665543</v>
      </c>
      <c r="B4639" s="22">
        <v>0.64967256784439087</v>
      </c>
      <c r="C4639" s="21">
        <v>82397.665717111173</v>
      </c>
      <c r="D4639">
        <f t="shared" si="72"/>
        <v>1</v>
      </c>
    </row>
    <row r="4640" spans="1:4" x14ac:dyDescent="0.25">
      <c r="A4640" s="20">
        <v>43749.083333322094</v>
      </c>
      <c r="B4640" s="22">
        <v>0.61905592679977417</v>
      </c>
      <c r="C4640" s="21">
        <v>78514.57155700904</v>
      </c>
      <c r="D4640">
        <f t="shared" si="72"/>
        <v>2</v>
      </c>
    </row>
    <row r="4641" spans="1:4" x14ac:dyDescent="0.25">
      <c r="A4641" s="20">
        <v>43749.124999988759</v>
      </c>
      <c r="B4641" s="22">
        <v>0.58915334939956665</v>
      </c>
      <c r="C4641" s="21">
        <v>74722.041752529913</v>
      </c>
      <c r="D4641">
        <f t="shared" si="72"/>
        <v>3</v>
      </c>
    </row>
    <row r="4642" spans="1:4" x14ac:dyDescent="0.25">
      <c r="A4642" s="20">
        <v>43749.166666655423</v>
      </c>
      <c r="B4642" s="22">
        <v>0.6580997109413147</v>
      </c>
      <c r="C4642" s="21">
        <v>83466.476306042954</v>
      </c>
      <c r="D4642">
        <f t="shared" si="72"/>
        <v>4</v>
      </c>
    </row>
    <row r="4643" spans="1:4" x14ac:dyDescent="0.25">
      <c r="A4643" s="20">
        <v>43749.208333322087</v>
      </c>
      <c r="B4643" s="22">
        <v>0.72696632146835327</v>
      </c>
      <c r="C4643" s="21">
        <v>92200.796075931343</v>
      </c>
      <c r="D4643">
        <f t="shared" si="72"/>
        <v>5</v>
      </c>
    </row>
    <row r="4644" spans="1:4" x14ac:dyDescent="0.25">
      <c r="A4644" s="20">
        <v>43749.249999988751</v>
      </c>
      <c r="B4644" s="22">
        <v>0.97435230016708374</v>
      </c>
      <c r="C4644" s="21">
        <v>123576.64321005375</v>
      </c>
      <c r="D4644">
        <f t="shared" si="72"/>
        <v>6</v>
      </c>
    </row>
    <row r="4645" spans="1:4" x14ac:dyDescent="0.25">
      <c r="A4645" s="20">
        <v>43749.291666655416</v>
      </c>
      <c r="B4645" s="22">
        <v>0.82017254829406738</v>
      </c>
      <c r="C4645" s="21">
        <v>104022.09791451832</v>
      </c>
      <c r="D4645">
        <f t="shared" si="72"/>
        <v>7</v>
      </c>
    </row>
    <row r="4646" spans="1:4" x14ac:dyDescent="0.25">
      <c r="A4646" s="20">
        <v>43749.33333332208</v>
      </c>
      <c r="B4646" s="22">
        <v>0.81639218330383301</v>
      </c>
      <c r="C4646" s="21">
        <v>103542.6360037476</v>
      </c>
      <c r="D4646">
        <f t="shared" si="72"/>
        <v>8</v>
      </c>
    </row>
    <row r="4647" spans="1:4" x14ac:dyDescent="0.25">
      <c r="A4647" s="20">
        <v>43749.374999988744</v>
      </c>
      <c r="B4647" s="22">
        <v>0.88904929161071777</v>
      </c>
      <c r="C4647" s="21">
        <v>112757.7028213396</v>
      </c>
      <c r="D4647">
        <f t="shared" si="72"/>
        <v>9</v>
      </c>
    </row>
    <row r="4648" spans="1:4" x14ac:dyDescent="0.25">
      <c r="A4648" s="20">
        <v>43749.416666655408</v>
      </c>
      <c r="B4648" s="22">
        <v>0.84941893815994263</v>
      </c>
      <c r="C4648" s="21">
        <v>107731.40376314992</v>
      </c>
      <c r="D4648">
        <f t="shared" si="72"/>
        <v>10</v>
      </c>
    </row>
    <row r="4649" spans="1:4" x14ac:dyDescent="0.25">
      <c r="A4649" s="20">
        <v>43749.458333322073</v>
      </c>
      <c r="B4649" s="22">
        <v>0.92465043067932129</v>
      </c>
      <c r="C4649" s="21">
        <v>117272.97851761279</v>
      </c>
      <c r="D4649">
        <f t="shared" si="72"/>
        <v>11</v>
      </c>
    </row>
    <row r="4650" spans="1:4" x14ac:dyDescent="0.25">
      <c r="A4650" s="20">
        <v>43749.499999988737</v>
      </c>
      <c r="B4650" s="22">
        <v>0.9692995548248291</v>
      </c>
      <c r="C4650" s="21">
        <v>122935.80589865828</v>
      </c>
      <c r="D4650">
        <f t="shared" si="72"/>
        <v>12</v>
      </c>
    </row>
    <row r="4651" spans="1:4" x14ac:dyDescent="0.25">
      <c r="A4651" s="20">
        <v>43749.541666655401</v>
      </c>
      <c r="B4651" s="22">
        <v>1.1746505498886108</v>
      </c>
      <c r="C4651" s="21">
        <v>148980.3758611604</v>
      </c>
      <c r="D4651">
        <f t="shared" si="72"/>
        <v>13</v>
      </c>
    </row>
    <row r="4652" spans="1:4" x14ac:dyDescent="0.25">
      <c r="A4652" s="20">
        <v>43749.583333322065</v>
      </c>
      <c r="B4652" s="22">
        <v>1.3622817993164063</v>
      </c>
      <c r="C4652" s="21">
        <v>172777.55883247289</v>
      </c>
      <c r="D4652">
        <f t="shared" si="72"/>
        <v>14</v>
      </c>
    </row>
    <row r="4653" spans="1:4" x14ac:dyDescent="0.25">
      <c r="A4653" s="20">
        <v>43749.62499998873</v>
      </c>
      <c r="B4653" s="22">
        <v>1.5304877758026123</v>
      </c>
      <c r="C4653" s="21">
        <v>194111.04358790486</v>
      </c>
      <c r="D4653">
        <f t="shared" si="72"/>
        <v>15</v>
      </c>
    </row>
    <row r="4654" spans="1:4" x14ac:dyDescent="0.25">
      <c r="A4654" s="20">
        <v>43749.666666655394</v>
      </c>
      <c r="B4654" s="22">
        <v>1.5491459369659424</v>
      </c>
      <c r="C4654" s="21">
        <v>196477.44937833727</v>
      </c>
      <c r="D4654">
        <f t="shared" si="72"/>
        <v>16</v>
      </c>
    </row>
    <row r="4655" spans="1:4" x14ac:dyDescent="0.25">
      <c r="A4655" s="20">
        <v>43749.708333322058</v>
      </c>
      <c r="B4655" s="22">
        <v>1.5941708087921143</v>
      </c>
      <c r="C4655" s="21">
        <v>202187.93266070558</v>
      </c>
      <c r="D4655">
        <f t="shared" si="72"/>
        <v>17</v>
      </c>
    </row>
    <row r="4656" spans="1:4" x14ac:dyDescent="0.25">
      <c r="A4656" s="20">
        <v>43749.749999988722</v>
      </c>
      <c r="B4656" s="22">
        <v>1.5522005558013916</v>
      </c>
      <c r="C4656" s="21">
        <v>196864.86524619767</v>
      </c>
      <c r="D4656">
        <f t="shared" si="72"/>
        <v>18</v>
      </c>
    </row>
    <row r="4657" spans="1:4" x14ac:dyDescent="0.25">
      <c r="A4657" s="20">
        <v>43749.791666655387</v>
      </c>
      <c r="B4657" s="22">
        <v>1.2418558597564697</v>
      </c>
      <c r="C4657" s="21">
        <v>157503.99365108847</v>
      </c>
      <c r="D4657">
        <f t="shared" si="72"/>
        <v>19</v>
      </c>
    </row>
    <row r="4658" spans="1:4" x14ac:dyDescent="0.25">
      <c r="A4658" s="20">
        <v>43749.833333322051</v>
      </c>
      <c r="B4658" s="22">
        <v>1.1923677921295166</v>
      </c>
      <c r="C4658" s="21">
        <v>151227.44534793129</v>
      </c>
      <c r="D4658">
        <f t="shared" si="72"/>
        <v>20</v>
      </c>
    </row>
    <row r="4659" spans="1:4" x14ac:dyDescent="0.25">
      <c r="A4659" s="20">
        <v>43749.874999988715</v>
      </c>
      <c r="B4659" s="22">
        <v>1.1153566837310791</v>
      </c>
      <c r="C4659" s="21">
        <v>141460.16274990948</v>
      </c>
      <c r="D4659">
        <f t="shared" si="72"/>
        <v>21</v>
      </c>
    </row>
    <row r="4660" spans="1:4" x14ac:dyDescent="0.25">
      <c r="A4660" s="20">
        <v>43749.916666655379</v>
      </c>
      <c r="B4660" s="22">
        <v>1.0328269004821777</v>
      </c>
      <c r="C4660" s="21">
        <v>130992.94922046673</v>
      </c>
      <c r="D4660">
        <f t="shared" si="72"/>
        <v>22</v>
      </c>
    </row>
    <row r="4661" spans="1:4" x14ac:dyDescent="0.25">
      <c r="A4661" s="20">
        <v>43749.958333322043</v>
      </c>
      <c r="B4661" s="22">
        <v>0.90762388706207275</v>
      </c>
      <c r="C4661" s="21">
        <v>115113.51001189023</v>
      </c>
      <c r="D4661">
        <f t="shared" si="72"/>
        <v>23</v>
      </c>
    </row>
    <row r="4662" spans="1:4" x14ac:dyDescent="0.25">
      <c r="A4662" s="20">
        <v>43749.999999988708</v>
      </c>
      <c r="B4662" s="22">
        <v>0.74303823709487915</v>
      </c>
      <c r="C4662" s="21">
        <v>94239.18956331849</v>
      </c>
      <c r="D4662">
        <f t="shared" si="72"/>
        <v>0</v>
      </c>
    </row>
    <row r="4663" spans="1:4" x14ac:dyDescent="0.25">
      <c r="A4663" s="20">
        <v>43750.041666655372</v>
      </c>
      <c r="B4663" s="22">
        <v>0.749542236328125</v>
      </c>
      <c r="C4663" s="21">
        <v>95064.08872201854</v>
      </c>
      <c r="D4663">
        <f t="shared" si="72"/>
        <v>1</v>
      </c>
    </row>
    <row r="4664" spans="1:4" x14ac:dyDescent="0.25">
      <c r="A4664" s="20">
        <v>43750.083333322036</v>
      </c>
      <c r="B4664" s="22">
        <v>0.66989588737487793</v>
      </c>
      <c r="C4664" s="21">
        <v>84962.579805899542</v>
      </c>
      <c r="D4664">
        <f t="shared" si="72"/>
        <v>2</v>
      </c>
    </row>
    <row r="4665" spans="1:4" x14ac:dyDescent="0.25">
      <c r="A4665" s="20">
        <v>43750.1249999887</v>
      </c>
      <c r="B4665" s="22">
        <v>0.60686910152435303</v>
      </c>
      <c r="C4665" s="21">
        <v>76968.922248575385</v>
      </c>
      <c r="D4665">
        <f t="shared" si="72"/>
        <v>3</v>
      </c>
    </row>
    <row r="4666" spans="1:4" x14ac:dyDescent="0.25">
      <c r="A4666" s="20">
        <v>43750.166666655365</v>
      </c>
      <c r="B4666" s="22">
        <v>0.58073806762695313</v>
      </c>
      <c r="C4666" s="21">
        <v>73654.735529772486</v>
      </c>
      <c r="D4666">
        <f t="shared" si="72"/>
        <v>4</v>
      </c>
    </row>
    <row r="4667" spans="1:4" x14ac:dyDescent="0.25">
      <c r="A4667" s="20">
        <v>43750.208333322029</v>
      </c>
      <c r="B4667" s="22">
        <v>0.648548424243927</v>
      </c>
      <c r="C4667" s="21">
        <v>82255.09111385158</v>
      </c>
      <c r="D4667">
        <f t="shared" si="72"/>
        <v>5</v>
      </c>
    </row>
    <row r="4668" spans="1:4" x14ac:dyDescent="0.25">
      <c r="A4668" s="20">
        <v>43750.249999988693</v>
      </c>
      <c r="B4668" s="22">
        <v>0.65942054986953735</v>
      </c>
      <c r="C4668" s="21">
        <v>83633.997685058464</v>
      </c>
      <c r="D4668">
        <f t="shared" si="72"/>
        <v>6</v>
      </c>
    </row>
    <row r="4669" spans="1:4" x14ac:dyDescent="0.25">
      <c r="A4669" s="20">
        <v>43750.291666655357</v>
      </c>
      <c r="B4669" s="22">
        <v>0.71009469032287598</v>
      </c>
      <c r="C4669" s="21">
        <v>90060.975046023828</v>
      </c>
      <c r="D4669">
        <f t="shared" si="72"/>
        <v>7</v>
      </c>
    </row>
    <row r="4670" spans="1:4" x14ac:dyDescent="0.25">
      <c r="A4670" s="20">
        <v>43750.333333322022</v>
      </c>
      <c r="B4670" s="22">
        <v>0.93287688493728638</v>
      </c>
      <c r="C4670" s="21">
        <v>118316.33583564452</v>
      </c>
      <c r="D4670">
        <f t="shared" si="72"/>
        <v>8</v>
      </c>
    </row>
    <row r="4671" spans="1:4" x14ac:dyDescent="0.25">
      <c r="A4671" s="20">
        <v>43750.374999988686</v>
      </c>
      <c r="B4671" s="22">
        <v>0.9726874828338623</v>
      </c>
      <c r="C4671" s="21">
        <v>123365.49521198146</v>
      </c>
      <c r="D4671">
        <f t="shared" si="72"/>
        <v>9</v>
      </c>
    </row>
    <row r="4672" spans="1:4" x14ac:dyDescent="0.25">
      <c r="A4672" s="20">
        <v>43750.41666665535</v>
      </c>
      <c r="B4672" s="22">
        <v>1.1366513967514038</v>
      </c>
      <c r="C4672" s="21">
        <v>144160.96117027744</v>
      </c>
      <c r="D4672">
        <f t="shared" si="72"/>
        <v>10</v>
      </c>
    </row>
    <row r="4673" spans="1:4" x14ac:dyDescent="0.25">
      <c r="A4673" s="20">
        <v>43750.458333322014</v>
      </c>
      <c r="B4673" s="22">
        <v>1.1390881538391113</v>
      </c>
      <c r="C4673" s="21">
        <v>144470.01392374819</v>
      </c>
      <c r="D4673">
        <f t="shared" si="72"/>
        <v>11</v>
      </c>
    </row>
    <row r="4674" spans="1:4" x14ac:dyDescent="0.25">
      <c r="A4674" s="20">
        <v>43750.499999988679</v>
      </c>
      <c r="B4674" s="22">
        <v>1.0449985265731812</v>
      </c>
      <c r="C4674" s="21">
        <v>132536.67082350107</v>
      </c>
      <c r="D4674">
        <f t="shared" si="72"/>
        <v>12</v>
      </c>
    </row>
    <row r="4675" spans="1:4" x14ac:dyDescent="0.25">
      <c r="A4675" s="20">
        <v>43750.541666655343</v>
      </c>
      <c r="B4675" s="22">
        <v>1.307817816734314</v>
      </c>
      <c r="C4675" s="21">
        <v>165869.91757972309</v>
      </c>
      <c r="D4675">
        <f t="shared" si="72"/>
        <v>13</v>
      </c>
    </row>
    <row r="4676" spans="1:4" x14ac:dyDescent="0.25">
      <c r="A4676" s="20">
        <v>43750.583333322007</v>
      </c>
      <c r="B4676" s="22">
        <v>1.2550389766693115</v>
      </c>
      <c r="C4676" s="21">
        <v>159176.00215854036</v>
      </c>
      <c r="D4676">
        <f t="shared" si="72"/>
        <v>14</v>
      </c>
    </row>
    <row r="4677" spans="1:4" x14ac:dyDescent="0.25">
      <c r="A4677" s="20">
        <v>43750.624999988671</v>
      </c>
      <c r="B4677" s="22">
        <v>1.1498994827270508</v>
      </c>
      <c r="C4677" s="21">
        <v>145841.20967335781</v>
      </c>
      <c r="D4677">
        <f t="shared" si="72"/>
        <v>15</v>
      </c>
    </row>
    <row r="4678" spans="1:4" x14ac:dyDescent="0.25">
      <c r="A4678" s="20">
        <v>43750.666666655336</v>
      </c>
      <c r="B4678" s="22">
        <v>1.1316076517105103</v>
      </c>
      <c r="C4678" s="21">
        <v>143521.26536286355</v>
      </c>
      <c r="D4678">
        <f t="shared" si="72"/>
        <v>16</v>
      </c>
    </row>
    <row r="4679" spans="1:4" x14ac:dyDescent="0.25">
      <c r="A4679" s="20">
        <v>43750.708333322</v>
      </c>
      <c r="B4679" s="22">
        <v>1.1488358974456787</v>
      </c>
      <c r="C4679" s="21">
        <v>145706.31565317942</v>
      </c>
      <c r="D4679">
        <f t="shared" ref="D4679:D4742" si="73">HOUR(A4679)</f>
        <v>17</v>
      </c>
    </row>
    <row r="4680" spans="1:4" x14ac:dyDescent="0.25">
      <c r="A4680" s="20">
        <v>43750.749999988664</v>
      </c>
      <c r="B4680" s="22">
        <v>1.2068721055984497</v>
      </c>
      <c r="C4680" s="21">
        <v>153067.0205921728</v>
      </c>
      <c r="D4680">
        <f t="shared" si="73"/>
        <v>18</v>
      </c>
    </row>
    <row r="4681" spans="1:4" x14ac:dyDescent="0.25">
      <c r="A4681" s="20">
        <v>43750.791666655328</v>
      </c>
      <c r="B4681" s="22">
        <v>1.307243824005127</v>
      </c>
      <c r="C4681" s="21">
        <v>165797.11835228989</v>
      </c>
      <c r="D4681">
        <f t="shared" si="73"/>
        <v>19</v>
      </c>
    </row>
    <row r="4682" spans="1:4" x14ac:dyDescent="0.25">
      <c r="A4682" s="20">
        <v>43750.833333321993</v>
      </c>
      <c r="B4682" s="22">
        <v>1.2681012153625488</v>
      </c>
      <c r="C4682" s="21">
        <v>160832.67973834588</v>
      </c>
      <c r="D4682">
        <f t="shared" si="73"/>
        <v>20</v>
      </c>
    </row>
    <row r="4683" spans="1:4" x14ac:dyDescent="0.25">
      <c r="A4683" s="20">
        <v>43750.874999988657</v>
      </c>
      <c r="B4683" s="22">
        <v>1.2511727809906006</v>
      </c>
      <c r="C4683" s="21">
        <v>158685.65438198519</v>
      </c>
      <c r="D4683">
        <f t="shared" si="73"/>
        <v>21</v>
      </c>
    </row>
    <row r="4684" spans="1:4" x14ac:dyDescent="0.25">
      <c r="A4684" s="20">
        <v>43750.916666655321</v>
      </c>
      <c r="B4684" s="22">
        <v>1.3301959037780762</v>
      </c>
      <c r="C4684" s="21">
        <v>168708.11981710303</v>
      </c>
      <c r="D4684">
        <f t="shared" si="73"/>
        <v>22</v>
      </c>
    </row>
    <row r="4685" spans="1:4" x14ac:dyDescent="0.25">
      <c r="A4685" s="20">
        <v>43750.958333321985</v>
      </c>
      <c r="B4685" s="22">
        <v>1.4317010641098022</v>
      </c>
      <c r="C4685" s="21">
        <v>181581.97148260637</v>
      </c>
      <c r="D4685">
        <f t="shared" si="73"/>
        <v>23</v>
      </c>
    </row>
    <row r="4686" spans="1:4" x14ac:dyDescent="0.25">
      <c r="A4686" s="20">
        <v>43750.99999998865</v>
      </c>
      <c r="B4686" s="22">
        <v>1.1761326789855957</v>
      </c>
      <c r="C4686" s="21">
        <v>149168.35359629572</v>
      </c>
      <c r="D4686">
        <f t="shared" si="73"/>
        <v>0</v>
      </c>
    </row>
    <row r="4687" spans="1:4" x14ac:dyDescent="0.25">
      <c r="A4687" s="20">
        <v>43751.041666655314</v>
      </c>
      <c r="B4687" s="22">
        <v>1.020316481590271</v>
      </c>
      <c r="C4687" s="21">
        <v>129406.25868610009</v>
      </c>
      <c r="D4687">
        <f t="shared" si="73"/>
        <v>1</v>
      </c>
    </row>
    <row r="4688" spans="1:4" x14ac:dyDescent="0.25">
      <c r="A4688" s="20">
        <v>43751.083333321978</v>
      </c>
      <c r="B4688" s="22">
        <v>1.210263729095459</v>
      </c>
      <c r="C4688" s="21">
        <v>153497.178602495</v>
      </c>
      <c r="D4688">
        <f t="shared" si="73"/>
        <v>2</v>
      </c>
    </row>
    <row r="4689" spans="1:4" x14ac:dyDescent="0.25">
      <c r="A4689" s="20">
        <v>43751.124999988642</v>
      </c>
      <c r="B4689" s="22">
        <v>1.1453467607498169</v>
      </c>
      <c r="C4689" s="21">
        <v>145263.79008978547</v>
      </c>
      <c r="D4689">
        <f t="shared" si="73"/>
        <v>3</v>
      </c>
    </row>
    <row r="4690" spans="1:4" x14ac:dyDescent="0.25">
      <c r="A4690" s="20">
        <v>43751.166666655306</v>
      </c>
      <c r="B4690" s="22">
        <v>1.1128789186477661</v>
      </c>
      <c r="C4690" s="21">
        <v>141145.90897167506</v>
      </c>
      <c r="D4690">
        <f t="shared" si="73"/>
        <v>4</v>
      </c>
    </row>
    <row r="4691" spans="1:4" x14ac:dyDescent="0.25">
      <c r="A4691" s="20">
        <v>43751.208333321971</v>
      </c>
      <c r="B4691" s="22">
        <v>1.1973414421081543</v>
      </c>
      <c r="C4691" s="21">
        <v>151858.25103162127</v>
      </c>
      <c r="D4691">
        <f t="shared" si="73"/>
        <v>5</v>
      </c>
    </row>
    <row r="4692" spans="1:4" x14ac:dyDescent="0.25">
      <c r="A4692" s="20">
        <v>43751.249999988635</v>
      </c>
      <c r="B4692" s="22">
        <v>1.2119195461273193</v>
      </c>
      <c r="C4692" s="21">
        <v>153707.18509658574</v>
      </c>
      <c r="D4692">
        <f t="shared" si="73"/>
        <v>6</v>
      </c>
    </row>
    <row r="4693" spans="1:4" x14ac:dyDescent="0.25">
      <c r="A4693" s="20">
        <v>43751.291666655299</v>
      </c>
      <c r="B4693" s="22">
        <v>1.4467955827713013</v>
      </c>
      <c r="C4693" s="21">
        <v>183496.40217337364</v>
      </c>
      <c r="D4693">
        <f t="shared" si="73"/>
        <v>7</v>
      </c>
    </row>
    <row r="4694" spans="1:4" x14ac:dyDescent="0.25">
      <c r="A4694" s="20">
        <v>43751.333333321963</v>
      </c>
      <c r="B4694" s="22">
        <v>1.514061450958252</v>
      </c>
      <c r="C4694" s="21">
        <v>192027.70054638293</v>
      </c>
      <c r="D4694">
        <f t="shared" si="73"/>
        <v>8</v>
      </c>
    </row>
    <row r="4695" spans="1:4" x14ac:dyDescent="0.25">
      <c r="A4695" s="20">
        <v>43751.374999988628</v>
      </c>
      <c r="B4695" s="22">
        <v>1.8485779762268066</v>
      </c>
      <c r="C4695" s="21">
        <v>234454.27385450806</v>
      </c>
      <c r="D4695">
        <f t="shared" si="73"/>
        <v>9</v>
      </c>
    </row>
    <row r="4696" spans="1:4" x14ac:dyDescent="0.25">
      <c r="A4696" s="20">
        <v>43751.416666655292</v>
      </c>
      <c r="B4696" s="22">
        <v>1.5896604061126709</v>
      </c>
      <c r="C4696" s="21">
        <v>201615.88041373529</v>
      </c>
      <c r="D4696">
        <f t="shared" si="73"/>
        <v>10</v>
      </c>
    </row>
    <row r="4697" spans="1:4" x14ac:dyDescent="0.25">
      <c r="A4697" s="20">
        <v>43751.458333321956</v>
      </c>
      <c r="B4697" s="22">
        <v>1.3938279151916504</v>
      </c>
      <c r="C4697" s="21">
        <v>176778.53784746525</v>
      </c>
      <c r="D4697">
        <f t="shared" si="73"/>
        <v>11</v>
      </c>
    </row>
    <row r="4698" spans="1:4" x14ac:dyDescent="0.25">
      <c r="A4698" s="20">
        <v>43751.49999998862</v>
      </c>
      <c r="B4698" s="22">
        <v>1.3431423902511597</v>
      </c>
      <c r="C4698" s="21">
        <v>170350.11659735764</v>
      </c>
      <c r="D4698">
        <f t="shared" si="73"/>
        <v>12</v>
      </c>
    </row>
    <row r="4699" spans="1:4" x14ac:dyDescent="0.25">
      <c r="A4699" s="20">
        <v>43751.541666655285</v>
      </c>
      <c r="B4699" s="22">
        <v>1.2761719226837158</v>
      </c>
      <c r="C4699" s="21">
        <v>161856.28374575634</v>
      </c>
      <c r="D4699">
        <f t="shared" si="73"/>
        <v>13</v>
      </c>
    </row>
    <row r="4700" spans="1:4" x14ac:dyDescent="0.25">
      <c r="A4700" s="20">
        <v>43751.583333321949</v>
      </c>
      <c r="B4700" s="22">
        <v>1.194035530090332</v>
      </c>
      <c r="C4700" s="21">
        <v>151438.96376782542</v>
      </c>
      <c r="D4700">
        <f t="shared" si="73"/>
        <v>14</v>
      </c>
    </row>
    <row r="4701" spans="1:4" x14ac:dyDescent="0.25">
      <c r="A4701" s="20">
        <v>43751.624999988613</v>
      </c>
      <c r="B4701" s="22">
        <v>1.0212746858596802</v>
      </c>
      <c r="C4701" s="21">
        <v>129527.7872821765</v>
      </c>
      <c r="D4701">
        <f t="shared" si="73"/>
        <v>15</v>
      </c>
    </row>
    <row r="4702" spans="1:4" x14ac:dyDescent="0.25">
      <c r="A4702" s="20">
        <v>43751.666666655277</v>
      </c>
      <c r="B4702" s="22">
        <v>1.1380288600921631</v>
      </c>
      <c r="C4702" s="21">
        <v>144335.66419685906</v>
      </c>
      <c r="D4702">
        <f t="shared" si="73"/>
        <v>16</v>
      </c>
    </row>
    <row r="4703" spans="1:4" x14ac:dyDescent="0.25">
      <c r="A4703" s="20">
        <v>43751.708333321942</v>
      </c>
      <c r="B4703" s="22">
        <v>1.2944004535675049</v>
      </c>
      <c r="C4703" s="21">
        <v>164168.19973023457</v>
      </c>
      <c r="D4703">
        <f t="shared" si="73"/>
        <v>17</v>
      </c>
    </row>
    <row r="4704" spans="1:4" x14ac:dyDescent="0.25">
      <c r="A4704" s="20">
        <v>43751.749999988606</v>
      </c>
      <c r="B4704" s="22">
        <v>1.3881089687347412</v>
      </c>
      <c r="C4704" s="21">
        <v>176053.20656254739</v>
      </c>
      <c r="D4704">
        <f t="shared" si="73"/>
        <v>18</v>
      </c>
    </row>
    <row r="4705" spans="1:4" x14ac:dyDescent="0.25">
      <c r="A4705" s="20">
        <v>43751.79166665527</v>
      </c>
      <c r="B4705" s="22">
        <v>1.5270724296569824</v>
      </c>
      <c r="C4705" s="21">
        <v>193677.8768452339</v>
      </c>
      <c r="D4705">
        <f t="shared" si="73"/>
        <v>19</v>
      </c>
    </row>
    <row r="4706" spans="1:4" x14ac:dyDescent="0.25">
      <c r="A4706" s="20">
        <v>43751.833333321934</v>
      </c>
      <c r="B4706" s="22">
        <v>1.3308686017990112</v>
      </c>
      <c r="C4706" s="21">
        <v>168793.43779018827</v>
      </c>
      <c r="D4706">
        <f t="shared" si="73"/>
        <v>20</v>
      </c>
    </row>
    <row r="4707" spans="1:4" x14ac:dyDescent="0.25">
      <c r="A4707" s="20">
        <v>43751.874999988599</v>
      </c>
      <c r="B4707" s="22">
        <v>1.3777108192443848</v>
      </c>
      <c r="C4707" s="21">
        <v>174734.41416128323</v>
      </c>
      <c r="D4707">
        <f t="shared" si="73"/>
        <v>21</v>
      </c>
    </row>
    <row r="4708" spans="1:4" x14ac:dyDescent="0.25">
      <c r="A4708" s="20">
        <v>43751.916666655263</v>
      </c>
      <c r="B4708" s="22">
        <v>1.2283471822738647</v>
      </c>
      <c r="C4708" s="21">
        <v>155790.69444994602</v>
      </c>
      <c r="D4708">
        <f t="shared" si="73"/>
        <v>22</v>
      </c>
    </row>
    <row r="4709" spans="1:4" x14ac:dyDescent="0.25">
      <c r="A4709" s="20">
        <v>43751.958333321927</v>
      </c>
      <c r="B4709" s="22">
        <v>1.0555546283721924</v>
      </c>
      <c r="C4709" s="21">
        <v>133875.49624166009</v>
      </c>
      <c r="D4709">
        <f t="shared" si="73"/>
        <v>23</v>
      </c>
    </row>
    <row r="4710" spans="1:4" x14ac:dyDescent="0.25">
      <c r="A4710" s="20">
        <v>43751.999999988591</v>
      </c>
      <c r="B4710" s="22">
        <v>0.9558531641960144</v>
      </c>
      <c r="C4710" s="21">
        <v>121230.40650983855</v>
      </c>
      <c r="D4710">
        <f t="shared" si="73"/>
        <v>0</v>
      </c>
    </row>
    <row r="4711" spans="1:4" x14ac:dyDescent="0.25">
      <c r="A4711" s="20">
        <v>43752.041666655256</v>
      </c>
      <c r="B4711" s="22">
        <v>0.9529232382774353</v>
      </c>
      <c r="C4711" s="21">
        <v>120858.8053858816</v>
      </c>
      <c r="D4711">
        <f t="shared" si="73"/>
        <v>1</v>
      </c>
    </row>
    <row r="4712" spans="1:4" x14ac:dyDescent="0.25">
      <c r="A4712" s="20">
        <v>43752.08333332192</v>
      </c>
      <c r="B4712" s="22">
        <v>1.0511205196380615</v>
      </c>
      <c r="C4712" s="21">
        <v>133313.12031983151</v>
      </c>
      <c r="D4712">
        <f t="shared" si="73"/>
        <v>2</v>
      </c>
    </row>
    <row r="4713" spans="1:4" x14ac:dyDescent="0.25">
      <c r="A4713" s="20">
        <v>43752.124999988584</v>
      </c>
      <c r="B4713" s="22">
        <v>1.0936362743377686</v>
      </c>
      <c r="C4713" s="21">
        <v>138705.3734591025</v>
      </c>
      <c r="D4713">
        <f t="shared" si="73"/>
        <v>3</v>
      </c>
    </row>
    <row r="4714" spans="1:4" x14ac:dyDescent="0.25">
      <c r="A4714" s="20">
        <v>43752.166666655248</v>
      </c>
      <c r="B4714" s="22">
        <v>1.1866589784622192</v>
      </c>
      <c r="C4714" s="21">
        <v>150503.39919994632</v>
      </c>
      <c r="D4714">
        <f t="shared" si="73"/>
        <v>4</v>
      </c>
    </row>
    <row r="4715" spans="1:4" x14ac:dyDescent="0.25">
      <c r="A4715" s="20">
        <v>43752.208333321913</v>
      </c>
      <c r="B4715" s="22">
        <v>1.3247506618499756</v>
      </c>
      <c r="C4715" s="21">
        <v>168017.50234863098</v>
      </c>
      <c r="D4715">
        <f t="shared" si="73"/>
        <v>5</v>
      </c>
    </row>
    <row r="4716" spans="1:4" x14ac:dyDescent="0.25">
      <c r="A4716" s="20">
        <v>43752.249999988577</v>
      </c>
      <c r="B4716" s="22">
        <v>1.6406238079071045</v>
      </c>
      <c r="C4716" s="21">
        <v>208079.54465431991</v>
      </c>
      <c r="D4716">
        <f t="shared" si="73"/>
        <v>6</v>
      </c>
    </row>
    <row r="4717" spans="1:4" x14ac:dyDescent="0.25">
      <c r="A4717" s="20">
        <v>43752.291666655241</v>
      </c>
      <c r="B4717" s="22">
        <v>1.5907952785491943</v>
      </c>
      <c r="C4717" s="21">
        <v>201759.81575021794</v>
      </c>
      <c r="D4717">
        <f t="shared" si="73"/>
        <v>7</v>
      </c>
    </row>
    <row r="4718" spans="1:4" x14ac:dyDescent="0.25">
      <c r="A4718" s="20">
        <v>43752.333333321905</v>
      </c>
      <c r="B4718" s="22">
        <v>1.4484164714813232</v>
      </c>
      <c r="C4718" s="21">
        <v>183701.97872486044</v>
      </c>
      <c r="D4718">
        <f t="shared" si="73"/>
        <v>8</v>
      </c>
    </row>
    <row r="4719" spans="1:4" x14ac:dyDescent="0.25">
      <c r="A4719" s="20">
        <v>43752.374999988569</v>
      </c>
      <c r="B4719" s="22">
        <v>1.3925662040710449</v>
      </c>
      <c r="C4719" s="21">
        <v>176618.51562043454</v>
      </c>
      <c r="D4719">
        <f t="shared" si="73"/>
        <v>9</v>
      </c>
    </row>
    <row r="4720" spans="1:4" x14ac:dyDescent="0.25">
      <c r="A4720" s="20">
        <v>43752.416666655234</v>
      </c>
      <c r="B4720" s="22">
        <v>1.2320208549499512</v>
      </c>
      <c r="C4720" s="21">
        <v>156256.62462477642</v>
      </c>
      <c r="D4720">
        <f t="shared" si="73"/>
        <v>10</v>
      </c>
    </row>
    <row r="4721" spans="1:4" x14ac:dyDescent="0.25">
      <c r="A4721" s="20">
        <v>43752.458333321898</v>
      </c>
      <c r="B4721" s="22">
        <v>1.0652494430541992</v>
      </c>
      <c r="C4721" s="21">
        <v>135105.0850205243</v>
      </c>
      <c r="D4721">
        <f t="shared" si="73"/>
        <v>11</v>
      </c>
    </row>
    <row r="4722" spans="1:4" x14ac:dyDescent="0.25">
      <c r="A4722" s="20">
        <v>43752.499999988562</v>
      </c>
      <c r="B4722" s="22">
        <v>0.9713059663772583</v>
      </c>
      <c r="C4722" s="21">
        <v>123190.27813062668</v>
      </c>
      <c r="D4722">
        <f t="shared" si="73"/>
        <v>12</v>
      </c>
    </row>
    <row r="4723" spans="1:4" x14ac:dyDescent="0.25">
      <c r="A4723" s="20">
        <v>43752.541666655226</v>
      </c>
      <c r="B4723" s="22">
        <v>0.80884671211242676</v>
      </c>
      <c r="C4723" s="21">
        <v>102585.64744723446</v>
      </c>
      <c r="D4723">
        <f t="shared" si="73"/>
        <v>13</v>
      </c>
    </row>
    <row r="4724" spans="1:4" x14ac:dyDescent="0.25">
      <c r="A4724" s="20">
        <v>43752.583333321891</v>
      </c>
      <c r="B4724" s="22">
        <v>0.88518190383911133</v>
      </c>
      <c r="C4724" s="21">
        <v>112267.20385220411</v>
      </c>
      <c r="D4724">
        <f t="shared" si="73"/>
        <v>14</v>
      </c>
    </row>
    <row r="4725" spans="1:4" x14ac:dyDescent="0.25">
      <c r="A4725" s="20">
        <v>43752.624999988555</v>
      </c>
      <c r="B4725" s="22">
        <v>0.99976038932800293</v>
      </c>
      <c r="C4725" s="21">
        <v>126799.13918851013</v>
      </c>
      <c r="D4725">
        <f t="shared" si="73"/>
        <v>15</v>
      </c>
    </row>
    <row r="4726" spans="1:4" x14ac:dyDescent="0.25">
      <c r="A4726" s="20">
        <v>43752.666666655219</v>
      </c>
      <c r="B4726" s="22">
        <v>0.90772408246994019</v>
      </c>
      <c r="C4726" s="21">
        <v>115126.21774826772</v>
      </c>
      <c r="D4726">
        <f t="shared" si="73"/>
        <v>16</v>
      </c>
    </row>
    <row r="4727" spans="1:4" x14ac:dyDescent="0.25">
      <c r="A4727" s="20">
        <v>43752.708333321883</v>
      </c>
      <c r="B4727" s="22">
        <v>1.0587203502655029</v>
      </c>
      <c r="C4727" s="21">
        <v>134277.0032580081</v>
      </c>
      <c r="D4727">
        <f t="shared" si="73"/>
        <v>17</v>
      </c>
    </row>
    <row r="4728" spans="1:4" x14ac:dyDescent="0.25">
      <c r="A4728" s="20">
        <v>43752.749999988548</v>
      </c>
      <c r="B4728" s="22">
        <v>1.2422405481338501</v>
      </c>
      <c r="C4728" s="21">
        <v>157552.78349676385</v>
      </c>
      <c r="D4728">
        <f t="shared" si="73"/>
        <v>18</v>
      </c>
    </row>
    <row r="4729" spans="1:4" x14ac:dyDescent="0.25">
      <c r="A4729" s="20">
        <v>43752.791666655212</v>
      </c>
      <c r="B4729" s="22">
        <v>1.1905715465545654</v>
      </c>
      <c r="C4729" s="21">
        <v>150999.62836787663</v>
      </c>
      <c r="D4729">
        <f t="shared" si="73"/>
        <v>19</v>
      </c>
    </row>
    <row r="4730" spans="1:4" x14ac:dyDescent="0.25">
      <c r="A4730" s="20">
        <v>43752.833333321876</v>
      </c>
      <c r="B4730" s="22">
        <v>1.5690872669219971</v>
      </c>
      <c r="C4730" s="21">
        <v>199006.59886224649</v>
      </c>
      <c r="D4730">
        <f t="shared" si="73"/>
        <v>20</v>
      </c>
    </row>
    <row r="4731" spans="1:4" x14ac:dyDescent="0.25">
      <c r="A4731" s="20">
        <v>43752.87499998854</v>
      </c>
      <c r="B4731" s="22">
        <v>1.2743300199508667</v>
      </c>
      <c r="C4731" s="21">
        <v>161622.67608987467</v>
      </c>
      <c r="D4731">
        <f t="shared" si="73"/>
        <v>21</v>
      </c>
    </row>
    <row r="4732" spans="1:4" x14ac:dyDescent="0.25">
      <c r="A4732" s="20">
        <v>43752.916666655205</v>
      </c>
      <c r="B4732" s="22">
        <v>1.1579011678695679</v>
      </c>
      <c r="C4732" s="21">
        <v>146856.05963036665</v>
      </c>
      <c r="D4732">
        <f t="shared" si="73"/>
        <v>22</v>
      </c>
    </row>
    <row r="4733" spans="1:4" x14ac:dyDescent="0.25">
      <c r="A4733" s="20">
        <v>43752.958333321869</v>
      </c>
      <c r="B4733" s="22">
        <v>0.98844414949417114</v>
      </c>
      <c r="C4733" s="21">
        <v>125363.90582149799</v>
      </c>
      <c r="D4733">
        <f t="shared" si="73"/>
        <v>23</v>
      </c>
    </row>
    <row r="4734" spans="1:4" x14ac:dyDescent="0.25">
      <c r="A4734" s="20">
        <v>43752.999999988533</v>
      </c>
      <c r="B4734" s="22">
        <v>0.98893821239471436</v>
      </c>
      <c r="C4734" s="21">
        <v>125426.56758641945</v>
      </c>
      <c r="D4734">
        <f t="shared" si="73"/>
        <v>0</v>
      </c>
    </row>
    <row r="4735" spans="1:4" x14ac:dyDescent="0.25">
      <c r="A4735" s="20">
        <v>43753.041666655197</v>
      </c>
      <c r="B4735" s="22">
        <v>0.95854812860488892</v>
      </c>
      <c r="C4735" s="21">
        <v>121572.20757621071</v>
      </c>
      <c r="D4735">
        <f t="shared" si="73"/>
        <v>1</v>
      </c>
    </row>
    <row r="4736" spans="1:4" x14ac:dyDescent="0.25">
      <c r="A4736" s="20">
        <v>43753.083333321862</v>
      </c>
      <c r="B4736" s="22">
        <v>0.91331380605697632</v>
      </c>
      <c r="C4736" s="21">
        <v>115835.15975747685</v>
      </c>
      <c r="D4736">
        <f t="shared" si="73"/>
        <v>2</v>
      </c>
    </row>
    <row r="4737" spans="1:4" x14ac:dyDescent="0.25">
      <c r="A4737" s="20">
        <v>43753.124999988526</v>
      </c>
      <c r="B4737" s="22">
        <v>1.017332911491394</v>
      </c>
      <c r="C4737" s="21">
        <v>129027.8538960279</v>
      </c>
      <c r="D4737">
        <f t="shared" si="73"/>
        <v>3</v>
      </c>
    </row>
    <row r="4738" spans="1:4" x14ac:dyDescent="0.25">
      <c r="A4738" s="20">
        <v>43753.16666665519</v>
      </c>
      <c r="B4738" s="22">
        <v>1.0666753053665161</v>
      </c>
      <c r="C4738" s="21">
        <v>135285.92646586764</v>
      </c>
      <c r="D4738">
        <f t="shared" si="73"/>
        <v>4</v>
      </c>
    </row>
    <row r="4739" spans="1:4" x14ac:dyDescent="0.25">
      <c r="A4739" s="20">
        <v>43753.208333321854</v>
      </c>
      <c r="B4739" s="22">
        <v>1.2871407270431519</v>
      </c>
      <c r="C4739" s="21">
        <v>163247.45203522869</v>
      </c>
      <c r="D4739">
        <f t="shared" si="73"/>
        <v>5</v>
      </c>
    </row>
    <row r="4740" spans="1:4" x14ac:dyDescent="0.25">
      <c r="A4740" s="20">
        <v>43753.249999988519</v>
      </c>
      <c r="B4740" s="22">
        <v>1.6411937475204468</v>
      </c>
      <c r="C4740" s="21">
        <v>208151.82982697993</v>
      </c>
      <c r="D4740">
        <f t="shared" si="73"/>
        <v>6</v>
      </c>
    </row>
    <row r="4741" spans="1:4" x14ac:dyDescent="0.25">
      <c r="A4741" s="20">
        <v>43753.291666655183</v>
      </c>
      <c r="B4741" s="22">
        <v>1.5454083681106567</v>
      </c>
      <c r="C4741" s="21">
        <v>196003.41528120072</v>
      </c>
      <c r="D4741">
        <f t="shared" si="73"/>
        <v>7</v>
      </c>
    </row>
    <row r="4742" spans="1:4" x14ac:dyDescent="0.25">
      <c r="A4742" s="20">
        <v>43753.333333321847</v>
      </c>
      <c r="B4742" s="22">
        <v>1.4507154226303101</v>
      </c>
      <c r="C4742" s="21">
        <v>183993.55361604402</v>
      </c>
      <c r="D4742">
        <f t="shared" si="73"/>
        <v>8</v>
      </c>
    </row>
    <row r="4743" spans="1:4" x14ac:dyDescent="0.25">
      <c r="A4743" s="20">
        <v>43753.374999988511</v>
      </c>
      <c r="B4743" s="22">
        <v>1.2426000833511353</v>
      </c>
      <c r="C4743" s="21">
        <v>157598.38317899403</v>
      </c>
      <c r="D4743">
        <f t="shared" ref="D4743:D4806" si="74">HOUR(A4743)</f>
        <v>9</v>
      </c>
    </row>
    <row r="4744" spans="1:4" x14ac:dyDescent="0.25">
      <c r="A4744" s="20">
        <v>43753.416666655176</v>
      </c>
      <c r="B4744" s="22">
        <v>1.1233559846878052</v>
      </c>
      <c r="C4744" s="21">
        <v>142474.71032175765</v>
      </c>
      <c r="D4744">
        <f t="shared" si="74"/>
        <v>10</v>
      </c>
    </row>
    <row r="4745" spans="1:4" x14ac:dyDescent="0.25">
      <c r="A4745" s="20">
        <v>43753.45833332184</v>
      </c>
      <c r="B4745" s="22">
        <v>0.99452078342437744</v>
      </c>
      <c r="C4745" s="21">
        <v>126134.60244014654</v>
      </c>
      <c r="D4745">
        <f t="shared" si="74"/>
        <v>11</v>
      </c>
    </row>
    <row r="4746" spans="1:4" x14ac:dyDescent="0.25">
      <c r="A4746" s="20">
        <v>43753.499999988504</v>
      </c>
      <c r="B4746" s="22">
        <v>0.89404922723770142</v>
      </c>
      <c r="C4746" s="21">
        <v>113391.84230142605</v>
      </c>
      <c r="D4746">
        <f t="shared" si="74"/>
        <v>12</v>
      </c>
    </row>
    <row r="4747" spans="1:4" x14ac:dyDescent="0.25">
      <c r="A4747" s="20">
        <v>43753.541666655168</v>
      </c>
      <c r="B4747" s="22">
        <v>0.9099811315536499</v>
      </c>
      <c r="C4747" s="21">
        <v>115412.47822025239</v>
      </c>
      <c r="D4747">
        <f t="shared" si="74"/>
        <v>13</v>
      </c>
    </row>
    <row r="4748" spans="1:4" x14ac:dyDescent="0.25">
      <c r="A4748" s="20">
        <v>43753.583333321832</v>
      </c>
      <c r="B4748" s="22">
        <v>0.99924558401107788</v>
      </c>
      <c r="C4748" s="21">
        <v>126733.84667269076</v>
      </c>
      <c r="D4748">
        <f t="shared" si="74"/>
        <v>14</v>
      </c>
    </row>
    <row r="4749" spans="1:4" x14ac:dyDescent="0.25">
      <c r="A4749" s="20">
        <v>43753.624999988497</v>
      </c>
      <c r="B4749" s="22">
        <v>1.1489753723144531</v>
      </c>
      <c r="C4749" s="21">
        <v>145724.00518507906</v>
      </c>
      <c r="D4749">
        <f t="shared" si="74"/>
        <v>15</v>
      </c>
    </row>
    <row r="4750" spans="1:4" x14ac:dyDescent="0.25">
      <c r="A4750" s="20">
        <v>43753.666666655161</v>
      </c>
      <c r="B4750" s="22">
        <v>1.0254325866699219</v>
      </c>
      <c r="C4750" s="21">
        <v>130055.1318831406</v>
      </c>
      <c r="D4750">
        <f t="shared" si="74"/>
        <v>16</v>
      </c>
    </row>
    <row r="4751" spans="1:4" x14ac:dyDescent="0.25">
      <c r="A4751" s="20">
        <v>43753.708333321825</v>
      </c>
      <c r="B4751" s="22">
        <v>1.0310261249542236</v>
      </c>
      <c r="C4751" s="21">
        <v>130764.55770860679</v>
      </c>
      <c r="D4751">
        <f t="shared" si="74"/>
        <v>17</v>
      </c>
    </row>
    <row r="4752" spans="1:4" x14ac:dyDescent="0.25">
      <c r="A4752" s="20">
        <v>43753.749999988489</v>
      </c>
      <c r="B4752" s="22">
        <v>1.1955029964447021</v>
      </c>
      <c r="C4752" s="21">
        <v>151625.0818342226</v>
      </c>
      <c r="D4752">
        <f t="shared" si="74"/>
        <v>18</v>
      </c>
    </row>
    <row r="4753" spans="1:4" x14ac:dyDescent="0.25">
      <c r="A4753" s="20">
        <v>43753.791666655154</v>
      </c>
      <c r="B4753" s="22">
        <v>1.1770107746124268</v>
      </c>
      <c r="C4753" s="21">
        <v>149279.72205097336</v>
      </c>
      <c r="D4753">
        <f t="shared" si="74"/>
        <v>19</v>
      </c>
    </row>
    <row r="4754" spans="1:4" x14ac:dyDescent="0.25">
      <c r="A4754" s="20">
        <v>43753.833333321818</v>
      </c>
      <c r="B4754" s="22">
        <v>1.2993617057800293</v>
      </c>
      <c r="C4754" s="21">
        <v>164797.43301108904</v>
      </c>
      <c r="D4754">
        <f t="shared" si="74"/>
        <v>20</v>
      </c>
    </row>
    <row r="4755" spans="1:4" x14ac:dyDescent="0.25">
      <c r="A4755" s="20">
        <v>43753.874999988482</v>
      </c>
      <c r="B4755" s="22">
        <v>1.405131459236145</v>
      </c>
      <c r="C4755" s="21">
        <v>178212.16101349678</v>
      </c>
      <c r="D4755">
        <f t="shared" si="74"/>
        <v>21</v>
      </c>
    </row>
    <row r="4756" spans="1:4" x14ac:dyDescent="0.25">
      <c r="A4756" s="20">
        <v>43753.916666655146</v>
      </c>
      <c r="B4756" s="22">
        <v>0.97858107089996338</v>
      </c>
      <c r="C4756" s="21">
        <v>124112.97620991895</v>
      </c>
      <c r="D4756">
        <f t="shared" si="74"/>
        <v>22</v>
      </c>
    </row>
    <row r="4757" spans="1:4" x14ac:dyDescent="0.25">
      <c r="A4757" s="20">
        <v>43753.958333321811</v>
      </c>
      <c r="B4757" s="22">
        <v>0.86884534358978271</v>
      </c>
      <c r="C4757" s="21">
        <v>110195.24561198174</v>
      </c>
      <c r="D4757">
        <f t="shared" si="74"/>
        <v>23</v>
      </c>
    </row>
    <row r="4758" spans="1:4" x14ac:dyDescent="0.25">
      <c r="A4758" s="20">
        <v>43753.999999988475</v>
      </c>
      <c r="B4758" s="22">
        <v>0.75193876028060913</v>
      </c>
      <c r="C4758" s="21">
        <v>95368.03872590285</v>
      </c>
      <c r="D4758">
        <f t="shared" si="74"/>
        <v>0</v>
      </c>
    </row>
    <row r="4759" spans="1:4" x14ac:dyDescent="0.25">
      <c r="A4759" s="20">
        <v>43754.041666655139</v>
      </c>
      <c r="B4759" s="22">
        <v>0.64104759693145752</v>
      </c>
      <c r="C4759" s="21">
        <v>81303.76471947215</v>
      </c>
      <c r="D4759">
        <f t="shared" si="74"/>
        <v>1</v>
      </c>
    </row>
    <row r="4760" spans="1:4" x14ac:dyDescent="0.25">
      <c r="A4760" s="20">
        <v>43754.083333321803</v>
      </c>
      <c r="B4760" s="22">
        <v>0.59682518243789673</v>
      </c>
      <c r="C4760" s="21">
        <v>75695.056722558962</v>
      </c>
      <c r="D4760">
        <f t="shared" si="74"/>
        <v>2</v>
      </c>
    </row>
    <row r="4761" spans="1:4" x14ac:dyDescent="0.25">
      <c r="A4761" s="20">
        <v>43754.124999988468</v>
      </c>
      <c r="B4761" s="22">
        <v>0.63664555549621582</v>
      </c>
      <c r="C4761" s="21">
        <v>80745.455878054665</v>
      </c>
      <c r="D4761">
        <f t="shared" si="74"/>
        <v>3</v>
      </c>
    </row>
    <row r="4762" spans="1:4" x14ac:dyDescent="0.25">
      <c r="A4762" s="20">
        <v>43754.166666655132</v>
      </c>
      <c r="B4762" s="22">
        <v>0.65650975704193115</v>
      </c>
      <c r="C4762" s="21">
        <v>83264.823202015934</v>
      </c>
      <c r="D4762">
        <f t="shared" si="74"/>
        <v>4</v>
      </c>
    </row>
    <row r="4763" spans="1:4" x14ac:dyDescent="0.25">
      <c r="A4763" s="20">
        <v>43754.208333321796</v>
      </c>
      <c r="B4763" s="22">
        <v>0.77596873044967651</v>
      </c>
      <c r="C4763" s="21">
        <v>98415.748521858448</v>
      </c>
      <c r="D4763">
        <f t="shared" si="74"/>
        <v>5</v>
      </c>
    </row>
    <row r="4764" spans="1:4" x14ac:dyDescent="0.25">
      <c r="A4764" s="20">
        <v>43754.24999998846</v>
      </c>
      <c r="B4764" s="22">
        <v>1.148735523223877</v>
      </c>
      <c r="C4764" s="21">
        <v>145693.5852379149</v>
      </c>
      <c r="D4764">
        <f t="shared" si="74"/>
        <v>6</v>
      </c>
    </row>
    <row r="4765" spans="1:4" x14ac:dyDescent="0.25">
      <c r="A4765" s="20">
        <v>43754.291666655125</v>
      </c>
      <c r="B4765" s="22">
        <v>0.96926891803741455</v>
      </c>
      <c r="C4765" s="21">
        <v>122931.92024934357</v>
      </c>
      <c r="D4765">
        <f t="shared" si="74"/>
        <v>7</v>
      </c>
    </row>
    <row r="4766" spans="1:4" x14ac:dyDescent="0.25">
      <c r="A4766" s="20">
        <v>43754.333333321789</v>
      </c>
      <c r="B4766" s="22">
        <v>0.9350050687789917</v>
      </c>
      <c r="C4766" s="21">
        <v>118586.25238969455</v>
      </c>
      <c r="D4766">
        <f t="shared" si="74"/>
        <v>8</v>
      </c>
    </row>
    <row r="4767" spans="1:4" x14ac:dyDescent="0.25">
      <c r="A4767" s="20">
        <v>43754.374999988453</v>
      </c>
      <c r="B4767" s="22">
        <v>0.96164965629577637</v>
      </c>
      <c r="C4767" s="21">
        <v>121965.57287210747</v>
      </c>
      <c r="D4767">
        <f t="shared" si="74"/>
        <v>9</v>
      </c>
    </row>
    <row r="4768" spans="1:4" x14ac:dyDescent="0.25">
      <c r="A4768" s="20">
        <v>43754.416666655117</v>
      </c>
      <c r="B4768" s="22">
        <v>0.87158387899398804</v>
      </c>
      <c r="C4768" s="21">
        <v>110542.57276716527</v>
      </c>
      <c r="D4768">
        <f t="shared" si="74"/>
        <v>10</v>
      </c>
    </row>
    <row r="4769" spans="1:4" x14ac:dyDescent="0.25">
      <c r="A4769" s="20">
        <v>43754.458333321782</v>
      </c>
      <c r="B4769" s="22">
        <v>0.93792200088500977</v>
      </c>
      <c r="C4769" s="21">
        <v>118956.20551452583</v>
      </c>
      <c r="D4769">
        <f t="shared" si="74"/>
        <v>11</v>
      </c>
    </row>
    <row r="4770" spans="1:4" x14ac:dyDescent="0.25">
      <c r="A4770" s="20">
        <v>43754.499999988446</v>
      </c>
      <c r="B4770" s="22">
        <v>0.96943843364715576</v>
      </c>
      <c r="C4770" s="21">
        <v>122953.41983426776</v>
      </c>
      <c r="D4770">
        <f t="shared" si="74"/>
        <v>12</v>
      </c>
    </row>
    <row r="4771" spans="1:4" x14ac:dyDescent="0.25">
      <c r="A4771" s="20">
        <v>43754.54166665511</v>
      </c>
      <c r="B4771" s="22">
        <v>1.0804252624511719</v>
      </c>
      <c r="C4771" s="21">
        <v>137029.82704527068</v>
      </c>
      <c r="D4771">
        <f t="shared" si="74"/>
        <v>13</v>
      </c>
    </row>
    <row r="4772" spans="1:4" x14ac:dyDescent="0.25">
      <c r="A4772" s="20">
        <v>43754.583333321774</v>
      </c>
      <c r="B4772" s="22">
        <v>1.024735689163208</v>
      </c>
      <c r="C4772" s="21">
        <v>129966.74470067446</v>
      </c>
      <c r="D4772">
        <f t="shared" si="74"/>
        <v>14</v>
      </c>
    </row>
    <row r="4773" spans="1:4" x14ac:dyDescent="0.25">
      <c r="A4773" s="20">
        <v>43754.624999988439</v>
      </c>
      <c r="B4773" s="22">
        <v>1.1148908138275146</v>
      </c>
      <c r="C4773" s="21">
        <v>141401.07668951305</v>
      </c>
      <c r="D4773">
        <f t="shared" si="74"/>
        <v>15</v>
      </c>
    </row>
    <row r="4774" spans="1:4" x14ac:dyDescent="0.25">
      <c r="A4774" s="20">
        <v>43754.666666655103</v>
      </c>
      <c r="B4774" s="22">
        <v>1.2394014596939087</v>
      </c>
      <c r="C4774" s="21">
        <v>157192.7032474287</v>
      </c>
      <c r="D4774">
        <f t="shared" si="74"/>
        <v>16</v>
      </c>
    </row>
    <row r="4775" spans="1:4" x14ac:dyDescent="0.25">
      <c r="A4775" s="20">
        <v>43754.708333321767</v>
      </c>
      <c r="B4775" s="22">
        <v>1.2769519090652466</v>
      </c>
      <c r="C4775" s="21">
        <v>161955.20905107207</v>
      </c>
      <c r="D4775">
        <f t="shared" si="74"/>
        <v>17</v>
      </c>
    </row>
    <row r="4776" spans="1:4" x14ac:dyDescent="0.25">
      <c r="A4776" s="20">
        <v>43754.749999988431</v>
      </c>
      <c r="B4776" s="22">
        <v>1.38379967212677</v>
      </c>
      <c r="C4776" s="21">
        <v>175506.6605038803</v>
      </c>
      <c r="D4776">
        <f t="shared" si="74"/>
        <v>18</v>
      </c>
    </row>
    <row r="4777" spans="1:4" x14ac:dyDescent="0.25">
      <c r="A4777" s="20">
        <v>43754.791666655095</v>
      </c>
      <c r="B4777" s="22">
        <v>1.4002360105514526</v>
      </c>
      <c r="C4777" s="21">
        <v>177591.27356307703</v>
      </c>
      <c r="D4777">
        <f t="shared" si="74"/>
        <v>19</v>
      </c>
    </row>
    <row r="4778" spans="1:4" x14ac:dyDescent="0.25">
      <c r="A4778" s="20">
        <v>43754.83333332176</v>
      </c>
      <c r="B4778" s="22">
        <v>1.6680662631988525</v>
      </c>
      <c r="C4778" s="21">
        <v>211560.05833075364</v>
      </c>
      <c r="D4778">
        <f t="shared" si="74"/>
        <v>20</v>
      </c>
    </row>
    <row r="4779" spans="1:4" x14ac:dyDescent="0.25">
      <c r="A4779" s="20">
        <v>43754.874999988424</v>
      </c>
      <c r="B4779" s="22">
        <v>1.6233930587768555</v>
      </c>
      <c r="C4779" s="21">
        <v>205894.17685958528</v>
      </c>
      <c r="D4779">
        <f t="shared" si="74"/>
        <v>21</v>
      </c>
    </row>
    <row r="4780" spans="1:4" x14ac:dyDescent="0.25">
      <c r="A4780" s="20">
        <v>43754.916666655088</v>
      </c>
      <c r="B4780" s="22">
        <v>1.2596284151077271</v>
      </c>
      <c r="C4780" s="21">
        <v>159758.07847358708</v>
      </c>
      <c r="D4780">
        <f t="shared" si="74"/>
        <v>22</v>
      </c>
    </row>
    <row r="4781" spans="1:4" x14ac:dyDescent="0.25">
      <c r="A4781" s="20">
        <v>43754.958333321752</v>
      </c>
      <c r="B4781" s="22">
        <v>1.0965429544448853</v>
      </c>
      <c r="C4781" s="21">
        <v>139074.02632774285</v>
      </c>
      <c r="D4781">
        <f t="shared" si="74"/>
        <v>23</v>
      </c>
    </row>
    <row r="4782" spans="1:4" x14ac:dyDescent="0.25">
      <c r="A4782" s="20">
        <v>43754.999999988417</v>
      </c>
      <c r="B4782" s="22">
        <v>0.99962931871414185</v>
      </c>
      <c r="C4782" s="21">
        <v>126782.51556430187</v>
      </c>
      <c r="D4782">
        <f t="shared" si="74"/>
        <v>0</v>
      </c>
    </row>
    <row r="4783" spans="1:4" x14ac:dyDescent="0.25">
      <c r="A4783" s="20">
        <v>43755.041666655081</v>
      </c>
      <c r="B4783" s="22">
        <v>1.0050015449523926</v>
      </c>
      <c r="C4783" s="21">
        <v>127463.87248722816</v>
      </c>
      <c r="D4783">
        <f t="shared" si="74"/>
        <v>1</v>
      </c>
    </row>
    <row r="4784" spans="1:4" x14ac:dyDescent="0.25">
      <c r="A4784" s="20">
        <v>43755.083333321745</v>
      </c>
      <c r="B4784" s="22">
        <v>1.0270141363143921</v>
      </c>
      <c r="C4784" s="21">
        <v>130255.71907947621</v>
      </c>
      <c r="D4784">
        <f t="shared" si="74"/>
        <v>2</v>
      </c>
    </row>
    <row r="4785" spans="1:4" x14ac:dyDescent="0.25">
      <c r="A4785" s="20">
        <v>43755.124999988409</v>
      </c>
      <c r="B4785" s="22">
        <v>1.1559686660766602</v>
      </c>
      <c r="C4785" s="21">
        <v>146610.96133837925</v>
      </c>
      <c r="D4785">
        <f t="shared" si="74"/>
        <v>3</v>
      </c>
    </row>
    <row r="4786" spans="1:4" x14ac:dyDescent="0.25">
      <c r="A4786" s="20">
        <v>43755.166666655074</v>
      </c>
      <c r="B4786" s="22">
        <v>1.1340980529785156</v>
      </c>
      <c r="C4786" s="21">
        <v>143837.12178244954</v>
      </c>
      <c r="D4786">
        <f t="shared" si="74"/>
        <v>4</v>
      </c>
    </row>
    <row r="4787" spans="1:4" x14ac:dyDescent="0.25">
      <c r="A4787" s="20">
        <v>43755.208333321738</v>
      </c>
      <c r="B4787" s="22">
        <v>1.4063675403594971</v>
      </c>
      <c r="C4787" s="21">
        <v>178368.9326000502</v>
      </c>
      <c r="D4787">
        <f t="shared" si="74"/>
        <v>5</v>
      </c>
    </row>
    <row r="4788" spans="1:4" x14ac:dyDescent="0.25">
      <c r="A4788" s="20">
        <v>43755.249999988402</v>
      </c>
      <c r="B4788" s="22">
        <v>1.7190628051757813</v>
      </c>
      <c r="C4788" s="21">
        <v>218027.92572507163</v>
      </c>
      <c r="D4788">
        <f t="shared" si="74"/>
        <v>6</v>
      </c>
    </row>
    <row r="4789" spans="1:4" x14ac:dyDescent="0.25">
      <c r="A4789" s="20">
        <v>43755.291666655066</v>
      </c>
      <c r="B4789" s="22">
        <v>1.5588140487670898</v>
      </c>
      <c r="C4789" s="21">
        <v>197703.65144340185</v>
      </c>
      <c r="D4789">
        <f t="shared" si="74"/>
        <v>7</v>
      </c>
    </row>
    <row r="4790" spans="1:4" x14ac:dyDescent="0.25">
      <c r="A4790" s="20">
        <v>43755.333333321731</v>
      </c>
      <c r="B4790" s="22">
        <v>1.5355644226074219</v>
      </c>
      <c r="C4790" s="21">
        <v>194754.91231053614</v>
      </c>
      <c r="D4790">
        <f t="shared" si="74"/>
        <v>8</v>
      </c>
    </row>
    <row r="4791" spans="1:4" x14ac:dyDescent="0.25">
      <c r="A4791" s="20">
        <v>43755.374999988395</v>
      </c>
      <c r="B4791" s="22">
        <v>1.2540816068649292</v>
      </c>
      <c r="C4791" s="21">
        <v>159054.57939727016</v>
      </c>
      <c r="D4791">
        <f t="shared" si="74"/>
        <v>9</v>
      </c>
    </row>
    <row r="4792" spans="1:4" x14ac:dyDescent="0.25">
      <c r="A4792" s="20">
        <v>43755.416666655059</v>
      </c>
      <c r="B4792" s="22">
        <v>1.1645230054855347</v>
      </c>
      <c r="C4792" s="21">
        <v>147695.90417563319</v>
      </c>
      <c r="D4792">
        <f t="shared" si="74"/>
        <v>10</v>
      </c>
    </row>
    <row r="4793" spans="1:4" x14ac:dyDescent="0.25">
      <c r="A4793" s="20">
        <v>43755.458333321723</v>
      </c>
      <c r="B4793" s="22">
        <v>1.1957687139511108</v>
      </c>
      <c r="C4793" s="21">
        <v>151658.78266038018</v>
      </c>
      <c r="D4793">
        <f t="shared" si="74"/>
        <v>11</v>
      </c>
    </row>
    <row r="4794" spans="1:4" x14ac:dyDescent="0.25">
      <c r="A4794" s="20">
        <v>43755.499999988388</v>
      </c>
      <c r="B4794" s="22">
        <v>1.1952145099639893</v>
      </c>
      <c r="C4794" s="21">
        <v>151588.49322978061</v>
      </c>
      <c r="D4794">
        <f t="shared" si="74"/>
        <v>12</v>
      </c>
    </row>
    <row r="4795" spans="1:4" x14ac:dyDescent="0.25">
      <c r="A4795" s="20">
        <v>43755.541666655052</v>
      </c>
      <c r="B4795" s="22">
        <v>1.1423096656799316</v>
      </c>
      <c r="C4795" s="21">
        <v>144878.59675285604</v>
      </c>
      <c r="D4795">
        <f t="shared" si="74"/>
        <v>13</v>
      </c>
    </row>
    <row r="4796" spans="1:4" x14ac:dyDescent="0.25">
      <c r="A4796" s="20">
        <v>43755.583333321716</v>
      </c>
      <c r="B4796" s="22">
        <v>0.93370515108108521</v>
      </c>
      <c r="C4796" s="21">
        <v>118421.38444046398</v>
      </c>
      <c r="D4796">
        <f t="shared" si="74"/>
        <v>14</v>
      </c>
    </row>
    <row r="4797" spans="1:4" x14ac:dyDescent="0.25">
      <c r="A4797" s="20">
        <v>43755.62499998838</v>
      </c>
      <c r="B4797" s="22">
        <v>0.92440766096115112</v>
      </c>
      <c r="C4797" s="21">
        <v>117242.18814862677</v>
      </c>
      <c r="D4797">
        <f t="shared" si="74"/>
        <v>15</v>
      </c>
    </row>
    <row r="4798" spans="1:4" x14ac:dyDescent="0.25">
      <c r="A4798" s="20">
        <v>43755.666666655045</v>
      </c>
      <c r="B4798" s="22">
        <v>1.095767617225647</v>
      </c>
      <c r="C4798" s="21">
        <v>138975.6906734904</v>
      </c>
      <c r="D4798">
        <f t="shared" si="74"/>
        <v>16</v>
      </c>
    </row>
    <row r="4799" spans="1:4" x14ac:dyDescent="0.25">
      <c r="A4799" s="20">
        <v>43755.708333321709</v>
      </c>
      <c r="B4799" s="22">
        <v>1.177737832069397</v>
      </c>
      <c r="C4799" s="21">
        <v>149371.9344057221</v>
      </c>
      <c r="D4799">
        <f t="shared" si="74"/>
        <v>17</v>
      </c>
    </row>
    <row r="4800" spans="1:4" x14ac:dyDescent="0.25">
      <c r="A4800" s="20">
        <v>43755.749999988373</v>
      </c>
      <c r="B4800" s="22">
        <v>1.3300373554229736</v>
      </c>
      <c r="C4800" s="21">
        <v>168688.01120391797</v>
      </c>
      <c r="D4800">
        <f t="shared" si="74"/>
        <v>18</v>
      </c>
    </row>
    <row r="4801" spans="1:4" x14ac:dyDescent="0.25">
      <c r="A4801" s="20">
        <v>43755.791666655037</v>
      </c>
      <c r="B4801" s="22">
        <v>1.4135196208953857</v>
      </c>
      <c r="C4801" s="21">
        <v>179276.02760505149</v>
      </c>
      <c r="D4801">
        <f t="shared" si="74"/>
        <v>19</v>
      </c>
    </row>
    <row r="4802" spans="1:4" x14ac:dyDescent="0.25">
      <c r="A4802" s="20">
        <v>43755.833333321702</v>
      </c>
      <c r="B4802" s="22">
        <v>1.6043485403060913</v>
      </c>
      <c r="C4802" s="21">
        <v>203478.76955386504</v>
      </c>
      <c r="D4802">
        <f t="shared" si="74"/>
        <v>20</v>
      </c>
    </row>
    <row r="4803" spans="1:4" x14ac:dyDescent="0.25">
      <c r="A4803" s="20">
        <v>43755.874999988366</v>
      </c>
      <c r="B4803" s="22">
        <v>1.5136456489562988</v>
      </c>
      <c r="C4803" s="21">
        <v>191974.96457436073</v>
      </c>
      <c r="D4803">
        <f t="shared" si="74"/>
        <v>21</v>
      </c>
    </row>
    <row r="4804" spans="1:4" x14ac:dyDescent="0.25">
      <c r="A4804" s="20">
        <v>43755.91666665503</v>
      </c>
      <c r="B4804" s="22">
        <v>1.3405489921569824</v>
      </c>
      <c r="C4804" s="21">
        <v>170021.19713883035</v>
      </c>
      <c r="D4804">
        <f t="shared" si="74"/>
        <v>22</v>
      </c>
    </row>
    <row r="4805" spans="1:4" x14ac:dyDescent="0.25">
      <c r="A4805" s="20">
        <v>43755.958333321694</v>
      </c>
      <c r="B4805" s="22">
        <v>1.2435259819030762</v>
      </c>
      <c r="C4805" s="21">
        <v>157715.81445614327</v>
      </c>
      <c r="D4805">
        <f t="shared" si="74"/>
        <v>23</v>
      </c>
    </row>
    <row r="4806" spans="1:4" x14ac:dyDescent="0.25">
      <c r="A4806" s="20">
        <v>43755.999999988358</v>
      </c>
      <c r="B4806" s="22">
        <v>1.2181836366653442</v>
      </c>
      <c r="C4806" s="21">
        <v>154501.65674849259</v>
      </c>
      <c r="D4806">
        <f t="shared" si="74"/>
        <v>0</v>
      </c>
    </row>
    <row r="4807" spans="1:4" x14ac:dyDescent="0.25">
      <c r="A4807" s="20">
        <v>43756.041666655023</v>
      </c>
      <c r="B4807" s="22">
        <v>1.3030860424041748</v>
      </c>
      <c r="C4807" s="21">
        <v>165269.78887058387</v>
      </c>
      <c r="D4807">
        <f t="shared" ref="D4807:D4870" si="75">HOUR(A4807)</f>
        <v>1</v>
      </c>
    </row>
    <row r="4808" spans="1:4" x14ac:dyDescent="0.25">
      <c r="A4808" s="20">
        <v>43756.083333321687</v>
      </c>
      <c r="B4808" s="22">
        <v>1.3121209144592285</v>
      </c>
      <c r="C4808" s="21">
        <v>166415.67743697242</v>
      </c>
      <c r="D4808">
        <f t="shared" si="75"/>
        <v>2</v>
      </c>
    </row>
    <row r="4809" spans="1:4" x14ac:dyDescent="0.25">
      <c r="A4809" s="20">
        <v>43756.124999988351</v>
      </c>
      <c r="B4809" s="22">
        <v>1.2848734855651855</v>
      </c>
      <c r="C4809" s="21">
        <v>162959.89886668214</v>
      </c>
      <c r="D4809">
        <f t="shared" si="75"/>
        <v>3</v>
      </c>
    </row>
    <row r="4810" spans="1:4" x14ac:dyDescent="0.25">
      <c r="A4810" s="20">
        <v>43756.166666655015</v>
      </c>
      <c r="B4810" s="22">
        <v>1.3454886674880981</v>
      </c>
      <c r="C4810" s="21">
        <v>170647.69383398068</v>
      </c>
      <c r="D4810">
        <f t="shared" si="75"/>
        <v>4</v>
      </c>
    </row>
    <row r="4811" spans="1:4" x14ac:dyDescent="0.25">
      <c r="A4811" s="20">
        <v>43756.20833332168</v>
      </c>
      <c r="B4811" s="22">
        <v>1.5328385829925537</v>
      </c>
      <c r="C4811" s="21">
        <v>194409.19535633319</v>
      </c>
      <c r="D4811">
        <f t="shared" si="75"/>
        <v>5</v>
      </c>
    </row>
    <row r="4812" spans="1:4" x14ac:dyDescent="0.25">
      <c r="A4812" s="20">
        <v>43756.249999988344</v>
      </c>
      <c r="B4812" s="22">
        <v>1.8960599899291992</v>
      </c>
      <c r="C4812" s="21">
        <v>240476.39528347095</v>
      </c>
      <c r="D4812">
        <f t="shared" si="75"/>
        <v>6</v>
      </c>
    </row>
    <row r="4813" spans="1:4" x14ac:dyDescent="0.25">
      <c r="A4813" s="20">
        <v>43756.291666655008</v>
      </c>
      <c r="B4813" s="22">
        <v>1.7628390789031982</v>
      </c>
      <c r="C4813" s="21">
        <v>223580.04989879302</v>
      </c>
      <c r="D4813">
        <f t="shared" si="75"/>
        <v>7</v>
      </c>
    </row>
    <row r="4814" spans="1:4" x14ac:dyDescent="0.25">
      <c r="A4814" s="20">
        <v>43756.333333321672</v>
      </c>
      <c r="B4814" s="22">
        <v>1.724051833152771</v>
      </c>
      <c r="C4814" s="21">
        <v>218660.68179304802</v>
      </c>
      <c r="D4814">
        <f t="shared" si="75"/>
        <v>8</v>
      </c>
    </row>
    <row r="4815" spans="1:4" x14ac:dyDescent="0.25">
      <c r="A4815" s="20">
        <v>43756.374999988337</v>
      </c>
      <c r="B4815" s="22">
        <v>1.7538846731185913</v>
      </c>
      <c r="C4815" s="21">
        <v>222444.3668315773</v>
      </c>
      <c r="D4815">
        <f t="shared" si="75"/>
        <v>9</v>
      </c>
    </row>
    <row r="4816" spans="1:4" x14ac:dyDescent="0.25">
      <c r="A4816" s="20">
        <v>43756.416666655001</v>
      </c>
      <c r="B4816" s="22">
        <v>1.4637242555618286</v>
      </c>
      <c r="C4816" s="21">
        <v>185643.45776825037</v>
      </c>
      <c r="D4816">
        <f t="shared" si="75"/>
        <v>10</v>
      </c>
    </row>
    <row r="4817" spans="1:4" x14ac:dyDescent="0.25">
      <c r="A4817" s="20">
        <v>43756.458333321665</v>
      </c>
      <c r="B4817" s="22">
        <v>1.3145509958267212</v>
      </c>
      <c r="C4817" s="21">
        <v>166723.88351199328</v>
      </c>
      <c r="D4817">
        <f t="shared" si="75"/>
        <v>11</v>
      </c>
    </row>
    <row r="4818" spans="1:4" x14ac:dyDescent="0.25">
      <c r="A4818" s="20">
        <v>43756.499999988329</v>
      </c>
      <c r="B4818" s="22">
        <v>1.0860635042190552</v>
      </c>
      <c r="C4818" s="21">
        <v>137744.92259249961</v>
      </c>
      <c r="D4818">
        <f t="shared" si="75"/>
        <v>12</v>
      </c>
    </row>
    <row r="4819" spans="1:4" x14ac:dyDescent="0.25">
      <c r="A4819" s="20">
        <v>43756.541666654994</v>
      </c>
      <c r="B4819" s="22">
        <v>0.96987682580947876</v>
      </c>
      <c r="C4819" s="21">
        <v>123009.0209056874</v>
      </c>
      <c r="D4819">
        <f t="shared" si="75"/>
        <v>13</v>
      </c>
    </row>
    <row r="4820" spans="1:4" x14ac:dyDescent="0.25">
      <c r="A4820" s="20">
        <v>43756.583333321658</v>
      </c>
      <c r="B4820" s="22">
        <v>0.96214532852172852</v>
      </c>
      <c r="C4820" s="21">
        <v>122028.43874701238</v>
      </c>
      <c r="D4820">
        <f t="shared" si="75"/>
        <v>14</v>
      </c>
    </row>
    <row r="4821" spans="1:4" x14ac:dyDescent="0.25">
      <c r="A4821" s="20">
        <v>43756.624999988322</v>
      </c>
      <c r="B4821" s="22">
        <v>0.97764408588409424</v>
      </c>
      <c r="C4821" s="21">
        <v>123994.1388417726</v>
      </c>
      <c r="D4821">
        <f t="shared" si="75"/>
        <v>15</v>
      </c>
    </row>
    <row r="4822" spans="1:4" x14ac:dyDescent="0.25">
      <c r="A4822" s="20">
        <v>43756.666666654986</v>
      </c>
      <c r="B4822" s="22">
        <v>1.1852937936782837</v>
      </c>
      <c r="C4822" s="21">
        <v>150330.25345694218</v>
      </c>
      <c r="D4822">
        <f t="shared" si="75"/>
        <v>16</v>
      </c>
    </row>
    <row r="4823" spans="1:4" x14ac:dyDescent="0.25">
      <c r="A4823" s="20">
        <v>43756.708333321651</v>
      </c>
      <c r="B4823" s="22">
        <v>1.0762642621994019</v>
      </c>
      <c r="C4823" s="21">
        <v>136502.08934359773</v>
      </c>
      <c r="D4823">
        <f t="shared" si="75"/>
        <v>17</v>
      </c>
    </row>
    <row r="4824" spans="1:4" x14ac:dyDescent="0.25">
      <c r="A4824" s="20">
        <v>43756.749999988315</v>
      </c>
      <c r="B4824" s="22">
        <v>1.3101876974105835</v>
      </c>
      <c r="C4824" s="21">
        <v>166170.48842943684</v>
      </c>
      <c r="D4824">
        <f t="shared" si="75"/>
        <v>18</v>
      </c>
    </row>
    <row r="4825" spans="1:4" x14ac:dyDescent="0.25">
      <c r="A4825" s="20">
        <v>43756.791666654979</v>
      </c>
      <c r="B4825" s="22">
        <v>1.1495904922485352</v>
      </c>
      <c r="C4825" s="21">
        <v>145802.02055653397</v>
      </c>
      <c r="D4825">
        <f t="shared" si="75"/>
        <v>19</v>
      </c>
    </row>
    <row r="4826" spans="1:4" x14ac:dyDescent="0.25">
      <c r="A4826" s="20">
        <v>43756.833333321643</v>
      </c>
      <c r="B4826" s="22">
        <v>1.3576226234436035</v>
      </c>
      <c r="C4826" s="21">
        <v>172186.63775147632</v>
      </c>
      <c r="D4826">
        <f t="shared" si="75"/>
        <v>20</v>
      </c>
    </row>
    <row r="4827" spans="1:4" x14ac:dyDescent="0.25">
      <c r="A4827" s="20">
        <v>43756.874999988308</v>
      </c>
      <c r="B4827" s="22">
        <v>1.2913962602615356</v>
      </c>
      <c r="C4827" s="21">
        <v>163787.17930852252</v>
      </c>
      <c r="D4827">
        <f t="shared" si="75"/>
        <v>21</v>
      </c>
    </row>
    <row r="4828" spans="1:4" x14ac:dyDescent="0.25">
      <c r="A4828" s="20">
        <v>43756.916666654972</v>
      </c>
      <c r="B4828" s="22">
        <v>1.3115205764770508</v>
      </c>
      <c r="C4828" s="21">
        <v>166339.53685351374</v>
      </c>
      <c r="D4828">
        <f t="shared" si="75"/>
        <v>22</v>
      </c>
    </row>
    <row r="4829" spans="1:4" x14ac:dyDescent="0.25">
      <c r="A4829" s="20">
        <v>43756.958333321636</v>
      </c>
      <c r="B4829" s="22">
        <v>1.1912274360656738</v>
      </c>
      <c r="C4829" s="21">
        <v>151082.8145255791</v>
      </c>
      <c r="D4829">
        <f t="shared" si="75"/>
        <v>23</v>
      </c>
    </row>
    <row r="4830" spans="1:4" x14ac:dyDescent="0.25">
      <c r="A4830" s="20">
        <v>43756.9999999883</v>
      </c>
      <c r="B4830" s="22">
        <v>1.1427180767059326</v>
      </c>
      <c r="C4830" s="21">
        <v>144930.39533088019</v>
      </c>
      <c r="D4830">
        <f t="shared" si="75"/>
        <v>0</v>
      </c>
    </row>
    <row r="4831" spans="1:4" x14ac:dyDescent="0.25">
      <c r="A4831" s="20">
        <v>43757.041666654965</v>
      </c>
      <c r="B4831" s="22">
        <v>1.2320743799209595</v>
      </c>
      <c r="C4831" s="21">
        <v>156263.41317163364</v>
      </c>
      <c r="D4831">
        <f t="shared" si="75"/>
        <v>1</v>
      </c>
    </row>
    <row r="4832" spans="1:4" x14ac:dyDescent="0.25">
      <c r="A4832" s="20">
        <v>43757.083333321629</v>
      </c>
      <c r="B4832" s="22">
        <v>1.273764967918396</v>
      </c>
      <c r="C4832" s="21">
        <v>161551.01080679405</v>
      </c>
      <c r="D4832">
        <f t="shared" si="75"/>
        <v>2</v>
      </c>
    </row>
    <row r="4833" spans="1:4" x14ac:dyDescent="0.25">
      <c r="A4833" s="20">
        <v>43757.124999988293</v>
      </c>
      <c r="B4833" s="22">
        <v>1.3666801452636719</v>
      </c>
      <c r="C4833" s="21">
        <v>173335.3989768913</v>
      </c>
      <c r="D4833">
        <f t="shared" si="75"/>
        <v>3</v>
      </c>
    </row>
    <row r="4834" spans="1:4" x14ac:dyDescent="0.25">
      <c r="A4834" s="20">
        <v>43757.166666654957</v>
      </c>
      <c r="B4834" s="22">
        <v>1.583571195602417</v>
      </c>
      <c r="C4834" s="21">
        <v>200843.58871336415</v>
      </c>
      <c r="D4834">
        <f t="shared" si="75"/>
        <v>4</v>
      </c>
    </row>
    <row r="4835" spans="1:4" x14ac:dyDescent="0.25">
      <c r="A4835" s="20">
        <v>43757.208333321621</v>
      </c>
      <c r="B4835" s="22">
        <v>1.5948637723922729</v>
      </c>
      <c r="C4835" s="21">
        <v>202275.82090765657</v>
      </c>
      <c r="D4835">
        <f t="shared" si="75"/>
        <v>5</v>
      </c>
    </row>
    <row r="4836" spans="1:4" x14ac:dyDescent="0.25">
      <c r="A4836" s="20">
        <v>43757.249999988286</v>
      </c>
      <c r="B4836" s="22">
        <v>1.6254489421844482</v>
      </c>
      <c r="C4836" s="21">
        <v>206154.92358363778</v>
      </c>
      <c r="D4836">
        <f t="shared" si="75"/>
        <v>6</v>
      </c>
    </row>
    <row r="4837" spans="1:4" x14ac:dyDescent="0.25">
      <c r="A4837" s="20">
        <v>43757.29166665495</v>
      </c>
      <c r="B4837" s="22">
        <v>1.8408228158950806</v>
      </c>
      <c r="C4837" s="21">
        <v>233470.69052311333</v>
      </c>
      <c r="D4837">
        <f t="shared" si="75"/>
        <v>7</v>
      </c>
    </row>
    <row r="4838" spans="1:4" x14ac:dyDescent="0.25">
      <c r="A4838" s="20">
        <v>43757.333333321614</v>
      </c>
      <c r="B4838" s="22">
        <v>1.9723383188247681</v>
      </c>
      <c r="C4838" s="21">
        <v>250150.73980235844</v>
      </c>
      <c r="D4838">
        <f t="shared" si="75"/>
        <v>8</v>
      </c>
    </row>
    <row r="4839" spans="1:4" x14ac:dyDescent="0.25">
      <c r="A4839" s="20">
        <v>43757.374999988278</v>
      </c>
      <c r="B4839" s="22">
        <v>1.7943339347839355</v>
      </c>
      <c r="C4839" s="21">
        <v>227574.52763283081</v>
      </c>
      <c r="D4839">
        <f t="shared" si="75"/>
        <v>9</v>
      </c>
    </row>
    <row r="4840" spans="1:4" x14ac:dyDescent="0.25">
      <c r="A4840" s="20">
        <v>43757.416666654943</v>
      </c>
      <c r="B4840" s="22">
        <v>1.6327519416809082</v>
      </c>
      <c r="C4840" s="21">
        <v>207081.15956930997</v>
      </c>
      <c r="D4840">
        <f t="shared" si="75"/>
        <v>10</v>
      </c>
    </row>
    <row r="4841" spans="1:4" x14ac:dyDescent="0.25">
      <c r="A4841" s="20">
        <v>43757.458333321607</v>
      </c>
      <c r="B4841" s="22">
        <v>1.4848307371139526</v>
      </c>
      <c r="C4841" s="21">
        <v>188320.38288018285</v>
      </c>
      <c r="D4841">
        <f t="shared" si="75"/>
        <v>11</v>
      </c>
    </row>
    <row r="4842" spans="1:4" x14ac:dyDescent="0.25">
      <c r="A4842" s="20">
        <v>43757.499999988271</v>
      </c>
      <c r="B4842" s="22">
        <v>1.4198185205459595</v>
      </c>
      <c r="C4842" s="21">
        <v>180074.91408030424</v>
      </c>
      <c r="D4842">
        <f t="shared" si="75"/>
        <v>12</v>
      </c>
    </row>
    <row r="4843" spans="1:4" x14ac:dyDescent="0.25">
      <c r="A4843" s="20">
        <v>43757.541666654935</v>
      </c>
      <c r="B4843" s="22">
        <v>1.2913110256195068</v>
      </c>
      <c r="C4843" s="21">
        <v>163776.3690390283</v>
      </c>
      <c r="D4843">
        <f t="shared" si="75"/>
        <v>13</v>
      </c>
    </row>
    <row r="4844" spans="1:4" x14ac:dyDescent="0.25">
      <c r="A4844" s="20">
        <v>43757.5833333216</v>
      </c>
      <c r="B4844" s="22">
        <v>1.0883476734161377</v>
      </c>
      <c r="C4844" s="21">
        <v>138034.62269568697</v>
      </c>
      <c r="D4844">
        <f t="shared" si="75"/>
        <v>14</v>
      </c>
    </row>
    <row r="4845" spans="1:4" x14ac:dyDescent="0.25">
      <c r="A4845" s="20">
        <v>43757.624999988264</v>
      </c>
      <c r="B4845" s="22">
        <v>1.224959135055542</v>
      </c>
      <c r="C4845" s="21">
        <v>155360.99001736485</v>
      </c>
      <c r="D4845">
        <f t="shared" si="75"/>
        <v>15</v>
      </c>
    </row>
    <row r="4846" spans="1:4" x14ac:dyDescent="0.25">
      <c r="A4846" s="20">
        <v>43757.666666654928</v>
      </c>
      <c r="B4846" s="22">
        <v>1.1351649761199951</v>
      </c>
      <c r="C4846" s="21">
        <v>143972.43914185287</v>
      </c>
      <c r="D4846">
        <f t="shared" si="75"/>
        <v>16</v>
      </c>
    </row>
    <row r="4847" spans="1:4" x14ac:dyDescent="0.25">
      <c r="A4847" s="20">
        <v>43757.708333321592</v>
      </c>
      <c r="B4847" s="22">
        <v>1.2994118928909302</v>
      </c>
      <c r="C4847" s="21">
        <v>164803.79821872132</v>
      </c>
      <c r="D4847">
        <f t="shared" si="75"/>
        <v>17</v>
      </c>
    </row>
    <row r="4848" spans="1:4" x14ac:dyDescent="0.25">
      <c r="A4848" s="20">
        <v>43757.749999988257</v>
      </c>
      <c r="B4848" s="22">
        <v>1.2271721363067627</v>
      </c>
      <c r="C4848" s="21">
        <v>155641.66392350598</v>
      </c>
      <c r="D4848">
        <f t="shared" si="75"/>
        <v>18</v>
      </c>
    </row>
    <row r="4849" spans="1:4" x14ac:dyDescent="0.25">
      <c r="A4849" s="20">
        <v>43757.791666654921</v>
      </c>
      <c r="B4849" s="22">
        <v>1.3281979560852051</v>
      </c>
      <c r="C4849" s="21">
        <v>168454.72105245505</v>
      </c>
      <c r="D4849">
        <f t="shared" si="75"/>
        <v>19</v>
      </c>
    </row>
    <row r="4850" spans="1:4" x14ac:dyDescent="0.25">
      <c r="A4850" s="20">
        <v>43757.833333321585</v>
      </c>
      <c r="B4850" s="22">
        <v>1.2648907899856567</v>
      </c>
      <c r="C4850" s="21">
        <v>160425.50300023519</v>
      </c>
      <c r="D4850">
        <f t="shared" si="75"/>
        <v>20</v>
      </c>
    </row>
    <row r="4851" spans="1:4" x14ac:dyDescent="0.25">
      <c r="A4851" s="20">
        <v>43757.874999988249</v>
      </c>
      <c r="B4851" s="22">
        <v>1.1674462556838989</v>
      </c>
      <c r="C4851" s="21">
        <v>148066.65862114023</v>
      </c>
      <c r="D4851">
        <f t="shared" si="75"/>
        <v>21</v>
      </c>
    </row>
    <row r="4852" spans="1:4" x14ac:dyDescent="0.25">
      <c r="A4852" s="20">
        <v>43757.916666654914</v>
      </c>
      <c r="B4852" s="22">
        <v>1.0939176082611084</v>
      </c>
      <c r="C4852" s="21">
        <v>138741.05490806248</v>
      </c>
      <c r="D4852">
        <f t="shared" si="75"/>
        <v>22</v>
      </c>
    </row>
    <row r="4853" spans="1:4" x14ac:dyDescent="0.25">
      <c r="A4853" s="20">
        <v>43757.958333321578</v>
      </c>
      <c r="B4853" s="22">
        <v>0.98277401924133301</v>
      </c>
      <c r="C4853" s="21">
        <v>124644.76587274499</v>
      </c>
      <c r="D4853">
        <f t="shared" si="75"/>
        <v>23</v>
      </c>
    </row>
    <row r="4854" spans="1:4" x14ac:dyDescent="0.25">
      <c r="A4854" s="20">
        <v>43757.999999988242</v>
      </c>
      <c r="B4854" s="22">
        <v>0.83597904443740845</v>
      </c>
      <c r="C4854" s="21">
        <v>106026.82837389303</v>
      </c>
      <c r="D4854">
        <f t="shared" si="75"/>
        <v>0</v>
      </c>
    </row>
    <row r="4855" spans="1:4" x14ac:dyDescent="0.25">
      <c r="A4855" s="20">
        <v>43758.041666654906</v>
      </c>
      <c r="B4855" s="22">
        <v>0.79006129503250122</v>
      </c>
      <c r="C4855" s="21">
        <v>100203.10184885089</v>
      </c>
      <c r="D4855">
        <f t="shared" si="75"/>
        <v>1</v>
      </c>
    </row>
    <row r="4856" spans="1:4" x14ac:dyDescent="0.25">
      <c r="A4856" s="20">
        <v>43758.083333321571</v>
      </c>
      <c r="B4856" s="22">
        <v>0.81702536344528198</v>
      </c>
      <c r="C4856" s="21">
        <v>103622.9419427946</v>
      </c>
      <c r="D4856">
        <f t="shared" si="75"/>
        <v>2</v>
      </c>
    </row>
    <row r="4857" spans="1:4" x14ac:dyDescent="0.25">
      <c r="A4857" s="20">
        <v>43758.124999988235</v>
      </c>
      <c r="B4857" s="22">
        <v>0.73563885688781738</v>
      </c>
      <c r="C4857" s="21">
        <v>93300.729657525895</v>
      </c>
      <c r="D4857">
        <f t="shared" si="75"/>
        <v>3</v>
      </c>
    </row>
    <row r="4858" spans="1:4" x14ac:dyDescent="0.25">
      <c r="A4858" s="20">
        <v>43758.166666654899</v>
      </c>
      <c r="B4858" s="22">
        <v>0.71567493677139282</v>
      </c>
      <c r="C4858" s="21">
        <v>90768.715074219261</v>
      </c>
      <c r="D4858">
        <f t="shared" si="75"/>
        <v>4</v>
      </c>
    </row>
    <row r="4859" spans="1:4" x14ac:dyDescent="0.25">
      <c r="A4859" s="20">
        <v>43758.208333321563</v>
      </c>
      <c r="B4859" s="22">
        <v>0.77913790941238403</v>
      </c>
      <c r="C4859" s="21">
        <v>98817.693996689428</v>
      </c>
      <c r="D4859">
        <f t="shared" si="75"/>
        <v>5</v>
      </c>
    </row>
    <row r="4860" spans="1:4" x14ac:dyDescent="0.25">
      <c r="A4860" s="20">
        <v>43758.249999988228</v>
      </c>
      <c r="B4860" s="22">
        <v>0.89872938394546509</v>
      </c>
      <c r="C4860" s="21">
        <v>113985.42437183659</v>
      </c>
      <c r="D4860">
        <f t="shared" si="75"/>
        <v>6</v>
      </c>
    </row>
    <row r="4861" spans="1:4" x14ac:dyDescent="0.25">
      <c r="A4861" s="20">
        <v>43758.291666654892</v>
      </c>
      <c r="B4861" s="22">
        <v>0.91269922256469727</v>
      </c>
      <c r="C4861" s="21">
        <v>115757.21242268314</v>
      </c>
      <c r="D4861">
        <f t="shared" si="75"/>
        <v>7</v>
      </c>
    </row>
    <row r="4862" spans="1:4" x14ac:dyDescent="0.25">
      <c r="A4862" s="20">
        <v>43758.333333321556</v>
      </c>
      <c r="B4862" s="22">
        <v>1.1140435934066772</v>
      </c>
      <c r="C4862" s="21">
        <v>141293.6241226662</v>
      </c>
      <c r="D4862">
        <f t="shared" si="75"/>
        <v>8</v>
      </c>
    </row>
    <row r="4863" spans="1:4" x14ac:dyDescent="0.25">
      <c r="A4863" s="20">
        <v>43758.37499998822</v>
      </c>
      <c r="B4863" s="22">
        <v>1.2948205471038818</v>
      </c>
      <c r="C4863" s="21">
        <v>164221.47999554602</v>
      </c>
      <c r="D4863">
        <f t="shared" si="75"/>
        <v>9</v>
      </c>
    </row>
    <row r="4864" spans="1:4" x14ac:dyDescent="0.25">
      <c r="A4864" s="20">
        <v>43758.416666654884</v>
      </c>
      <c r="B4864" s="22">
        <v>1.2113362550735474</v>
      </c>
      <c r="C4864" s="21">
        <v>153633.20656702592</v>
      </c>
      <c r="D4864">
        <f t="shared" si="75"/>
        <v>10</v>
      </c>
    </row>
    <row r="4865" spans="1:4" x14ac:dyDescent="0.25">
      <c r="A4865" s="20">
        <v>43758.458333321549</v>
      </c>
      <c r="B4865" s="22">
        <v>1.2525051832199097</v>
      </c>
      <c r="C4865" s="21">
        <v>158854.64232903</v>
      </c>
      <c r="D4865">
        <f t="shared" si="75"/>
        <v>11</v>
      </c>
    </row>
    <row r="4866" spans="1:4" x14ac:dyDescent="0.25">
      <c r="A4866" s="20">
        <v>43758.499999988213</v>
      </c>
      <c r="B4866" s="22">
        <v>1.1920777559280396</v>
      </c>
      <c r="C4866" s="21">
        <v>151190.66019313486</v>
      </c>
      <c r="D4866">
        <f t="shared" si="75"/>
        <v>12</v>
      </c>
    </row>
    <row r="4867" spans="1:4" x14ac:dyDescent="0.25">
      <c r="A4867" s="20">
        <v>43758.541666654877</v>
      </c>
      <c r="B4867" s="22">
        <v>1.1421856880187988</v>
      </c>
      <c r="C4867" s="21">
        <v>144862.87272450083</v>
      </c>
      <c r="D4867">
        <f t="shared" si="75"/>
        <v>13</v>
      </c>
    </row>
    <row r="4868" spans="1:4" x14ac:dyDescent="0.25">
      <c r="A4868" s="20">
        <v>43758.583333321541</v>
      </c>
      <c r="B4868" s="22">
        <v>1.2399296760559082</v>
      </c>
      <c r="C4868" s="21">
        <v>157259.69667977685</v>
      </c>
      <c r="D4868">
        <f t="shared" si="75"/>
        <v>14</v>
      </c>
    </row>
    <row r="4869" spans="1:4" x14ac:dyDescent="0.25">
      <c r="A4869" s="20">
        <v>43758.624999988206</v>
      </c>
      <c r="B4869" s="22">
        <v>1.0768276453018188</v>
      </c>
      <c r="C4869" s="21">
        <v>136573.54295706589</v>
      </c>
      <c r="D4869">
        <f t="shared" si="75"/>
        <v>15</v>
      </c>
    </row>
    <row r="4870" spans="1:4" x14ac:dyDescent="0.25">
      <c r="A4870" s="20">
        <v>43758.66666665487</v>
      </c>
      <c r="B4870" s="22">
        <v>1.1461449861526489</v>
      </c>
      <c r="C4870" s="21">
        <v>145365.0286415804</v>
      </c>
      <c r="D4870">
        <f t="shared" si="75"/>
        <v>16</v>
      </c>
    </row>
    <row r="4871" spans="1:4" x14ac:dyDescent="0.25">
      <c r="A4871" s="20">
        <v>43758.708333321534</v>
      </c>
      <c r="B4871" s="22">
        <v>1.0812687873840332</v>
      </c>
      <c r="C4871" s="21">
        <v>137136.81091511849</v>
      </c>
      <c r="D4871">
        <f t="shared" ref="D4871:D4934" si="76">HOUR(A4871)</f>
        <v>17</v>
      </c>
    </row>
    <row r="4872" spans="1:4" x14ac:dyDescent="0.25">
      <c r="A4872" s="20">
        <v>43758.749999988198</v>
      </c>
      <c r="B4872" s="22">
        <v>1.3153421878814697</v>
      </c>
      <c r="C4872" s="21">
        <v>166824.23002756422</v>
      </c>
      <c r="D4872">
        <f t="shared" si="76"/>
        <v>18</v>
      </c>
    </row>
    <row r="4873" spans="1:4" x14ac:dyDescent="0.25">
      <c r="A4873" s="20">
        <v>43758.791666654863</v>
      </c>
      <c r="B4873" s="22">
        <v>1.4497672319412231</v>
      </c>
      <c r="C4873" s="21">
        <v>183873.29503764247</v>
      </c>
      <c r="D4873">
        <f t="shared" si="76"/>
        <v>19</v>
      </c>
    </row>
    <row r="4874" spans="1:4" x14ac:dyDescent="0.25">
      <c r="A4874" s="20">
        <v>43758.833333321527</v>
      </c>
      <c r="B4874" s="22">
        <v>1.3473851680755615</v>
      </c>
      <c r="C4874" s="21">
        <v>170888.22611004184</v>
      </c>
      <c r="D4874">
        <f t="shared" si="76"/>
        <v>20</v>
      </c>
    </row>
    <row r="4875" spans="1:4" x14ac:dyDescent="0.25">
      <c r="A4875" s="20">
        <v>43758.874999988191</v>
      </c>
      <c r="B4875" s="22">
        <v>1.3073687553405762</v>
      </c>
      <c r="C4875" s="21">
        <v>165812.96333470941</v>
      </c>
      <c r="D4875">
        <f t="shared" si="76"/>
        <v>21</v>
      </c>
    </row>
    <row r="4876" spans="1:4" x14ac:dyDescent="0.25">
      <c r="A4876" s="20">
        <v>43758.916666654855</v>
      </c>
      <c r="B4876" s="22">
        <v>1.1182968616485596</v>
      </c>
      <c r="C4876" s="21">
        <v>141833.06413005735</v>
      </c>
      <c r="D4876">
        <f t="shared" si="76"/>
        <v>22</v>
      </c>
    </row>
    <row r="4877" spans="1:4" x14ac:dyDescent="0.25">
      <c r="A4877" s="20">
        <v>43758.95833332152</v>
      </c>
      <c r="B4877" s="22">
        <v>0.88101136684417725</v>
      </c>
      <c r="C4877" s="21">
        <v>111738.25660988846</v>
      </c>
      <c r="D4877">
        <f t="shared" si="76"/>
        <v>23</v>
      </c>
    </row>
    <row r="4878" spans="1:4" x14ac:dyDescent="0.25">
      <c r="A4878" s="20">
        <v>43758.999999988184</v>
      </c>
      <c r="B4878" s="22">
        <v>0.7002708911895752</v>
      </c>
      <c r="C4878" s="21">
        <v>88815.027229966989</v>
      </c>
      <c r="D4878">
        <f t="shared" si="76"/>
        <v>0</v>
      </c>
    </row>
    <row r="4879" spans="1:4" x14ac:dyDescent="0.25">
      <c r="A4879" s="20">
        <v>43759.041666654848</v>
      </c>
      <c r="B4879" s="22">
        <v>0.67438220977783203</v>
      </c>
      <c r="C4879" s="21">
        <v>85531.577962746975</v>
      </c>
      <c r="D4879">
        <f t="shared" si="76"/>
        <v>1</v>
      </c>
    </row>
    <row r="4880" spans="1:4" x14ac:dyDescent="0.25">
      <c r="A4880" s="20">
        <v>43759.083333321512</v>
      </c>
      <c r="B4880" s="22">
        <v>0.67470228672027588</v>
      </c>
      <c r="C4880" s="21">
        <v>85572.173170567985</v>
      </c>
      <c r="D4880">
        <f t="shared" si="76"/>
        <v>2</v>
      </c>
    </row>
    <row r="4881" spans="1:4" x14ac:dyDescent="0.25">
      <c r="A4881" s="20">
        <v>43759.124999988177</v>
      </c>
      <c r="B4881" s="22">
        <v>0.64031136035919189</v>
      </c>
      <c r="C4881" s="21">
        <v>81210.38818185484</v>
      </c>
      <c r="D4881">
        <f t="shared" si="76"/>
        <v>3</v>
      </c>
    </row>
    <row r="4882" spans="1:4" x14ac:dyDescent="0.25">
      <c r="A4882" s="20">
        <v>43759.166666654841</v>
      </c>
      <c r="B4882" s="22">
        <v>0.72383242845535278</v>
      </c>
      <c r="C4882" s="21">
        <v>91803.325901478383</v>
      </c>
      <c r="D4882">
        <f t="shared" si="76"/>
        <v>4</v>
      </c>
    </row>
    <row r="4883" spans="1:4" x14ac:dyDescent="0.25">
      <c r="A4883" s="20">
        <v>43759.208333321505</v>
      </c>
      <c r="B4883" s="22">
        <v>0.78354853391647339</v>
      </c>
      <c r="C4883" s="21">
        <v>99377.091424685335</v>
      </c>
      <c r="D4883">
        <f t="shared" si="76"/>
        <v>5</v>
      </c>
    </row>
    <row r="4884" spans="1:4" x14ac:dyDescent="0.25">
      <c r="A4884" s="20">
        <v>43759.249999988169</v>
      </c>
      <c r="B4884" s="22">
        <v>1.1367632150650024</v>
      </c>
      <c r="C4884" s="21">
        <v>144175.14303431325</v>
      </c>
      <c r="D4884">
        <f t="shared" si="76"/>
        <v>6</v>
      </c>
    </row>
    <row r="4885" spans="1:4" x14ac:dyDescent="0.25">
      <c r="A4885" s="20">
        <v>43759.291666654834</v>
      </c>
      <c r="B4885" s="22">
        <v>0.92178505659103394</v>
      </c>
      <c r="C4885" s="21">
        <v>116909.5644718812</v>
      </c>
      <c r="D4885">
        <f t="shared" si="76"/>
        <v>7</v>
      </c>
    </row>
    <row r="4886" spans="1:4" x14ac:dyDescent="0.25">
      <c r="A4886" s="20">
        <v>43759.333333321498</v>
      </c>
      <c r="B4886" s="22">
        <v>0.88929319381713867</v>
      </c>
      <c r="C4886" s="21">
        <v>112788.63682327692</v>
      </c>
      <c r="D4886">
        <f t="shared" si="76"/>
        <v>8</v>
      </c>
    </row>
    <row r="4887" spans="1:4" x14ac:dyDescent="0.25">
      <c r="A4887" s="20">
        <v>43759.374999988162</v>
      </c>
      <c r="B4887" s="22">
        <v>0.89283555746078491</v>
      </c>
      <c r="C4887" s="21">
        <v>113237.913135383</v>
      </c>
      <c r="D4887">
        <f t="shared" si="76"/>
        <v>9</v>
      </c>
    </row>
    <row r="4888" spans="1:4" x14ac:dyDescent="0.25">
      <c r="A4888" s="20">
        <v>43759.416666654826</v>
      </c>
      <c r="B4888" s="22">
        <v>0.87356823682785034</v>
      </c>
      <c r="C4888" s="21">
        <v>110794.24793639743</v>
      </c>
      <c r="D4888">
        <f t="shared" si="76"/>
        <v>10</v>
      </c>
    </row>
    <row r="4889" spans="1:4" x14ac:dyDescent="0.25">
      <c r="A4889" s="20">
        <v>43759.45833332149</v>
      </c>
      <c r="B4889" s="22">
        <v>0.82508659362792969</v>
      </c>
      <c r="C4889" s="21">
        <v>104645.34396919137</v>
      </c>
      <c r="D4889">
        <f t="shared" si="76"/>
        <v>11</v>
      </c>
    </row>
    <row r="4890" spans="1:4" x14ac:dyDescent="0.25">
      <c r="A4890" s="20">
        <v>43759.499999988155</v>
      </c>
      <c r="B4890" s="22">
        <v>0.99402421712875366</v>
      </c>
      <c r="C4890" s="21">
        <v>126071.62317080637</v>
      </c>
      <c r="D4890">
        <f t="shared" si="76"/>
        <v>12</v>
      </c>
    </row>
    <row r="4891" spans="1:4" x14ac:dyDescent="0.25">
      <c r="A4891" s="20">
        <v>43759.541666654819</v>
      </c>
      <c r="B4891" s="22">
        <v>0.9502108097076416</v>
      </c>
      <c r="C4891" s="21">
        <v>120514.78934820744</v>
      </c>
      <c r="D4891">
        <f t="shared" si="76"/>
        <v>13</v>
      </c>
    </row>
    <row r="4892" spans="1:4" x14ac:dyDescent="0.25">
      <c r="A4892" s="20">
        <v>43759.583333321483</v>
      </c>
      <c r="B4892" s="22">
        <v>1.0121819972991943</v>
      </c>
      <c r="C4892" s="21">
        <v>128374.56587564152</v>
      </c>
      <c r="D4892">
        <f t="shared" si="76"/>
        <v>14</v>
      </c>
    </row>
    <row r="4893" spans="1:4" x14ac:dyDescent="0.25">
      <c r="A4893" s="20">
        <v>43759.624999988147</v>
      </c>
      <c r="B4893" s="22">
        <v>1.1474126577377319</v>
      </c>
      <c r="C4893" s="21">
        <v>145525.8068315128</v>
      </c>
      <c r="D4893">
        <f t="shared" si="76"/>
        <v>15</v>
      </c>
    </row>
    <row r="4894" spans="1:4" x14ac:dyDescent="0.25">
      <c r="A4894" s="20">
        <v>43759.666666654812</v>
      </c>
      <c r="B4894" s="22">
        <v>1.1646063327789307</v>
      </c>
      <c r="C4894" s="21">
        <v>147706.47253699886</v>
      </c>
      <c r="D4894">
        <f t="shared" si="76"/>
        <v>16</v>
      </c>
    </row>
    <row r="4895" spans="1:4" x14ac:dyDescent="0.25">
      <c r="A4895" s="20">
        <v>43759.708333321476</v>
      </c>
      <c r="B4895" s="22">
        <v>1.3138962984085083</v>
      </c>
      <c r="C4895" s="21">
        <v>166640.84854687113</v>
      </c>
      <c r="D4895">
        <f t="shared" si="76"/>
        <v>17</v>
      </c>
    </row>
    <row r="4896" spans="1:4" x14ac:dyDescent="0.25">
      <c r="A4896" s="20">
        <v>43759.74999998814</v>
      </c>
      <c r="B4896" s="22">
        <v>1.2530391216278076</v>
      </c>
      <c r="C4896" s="21">
        <v>158922.3614857638</v>
      </c>
      <c r="D4896">
        <f t="shared" si="76"/>
        <v>18</v>
      </c>
    </row>
    <row r="4897" spans="1:4" x14ac:dyDescent="0.25">
      <c r="A4897" s="20">
        <v>43759.791666654804</v>
      </c>
      <c r="B4897" s="22">
        <v>1.5322051048278809</v>
      </c>
      <c r="C4897" s="21">
        <v>194328.85161914109</v>
      </c>
      <c r="D4897">
        <f t="shared" si="76"/>
        <v>19</v>
      </c>
    </row>
    <row r="4898" spans="1:4" x14ac:dyDescent="0.25">
      <c r="A4898" s="20">
        <v>43759.833333321469</v>
      </c>
      <c r="B4898" s="22">
        <v>1.5486974716186523</v>
      </c>
      <c r="C4898" s="21">
        <v>196420.57072961377</v>
      </c>
      <c r="D4898">
        <f t="shared" si="76"/>
        <v>20</v>
      </c>
    </row>
    <row r="4899" spans="1:4" x14ac:dyDescent="0.25">
      <c r="A4899" s="20">
        <v>43759.874999988133</v>
      </c>
      <c r="B4899" s="22">
        <v>1.5662474632263184</v>
      </c>
      <c r="C4899" s="21">
        <v>198646.42789736312</v>
      </c>
      <c r="D4899">
        <f t="shared" si="76"/>
        <v>21</v>
      </c>
    </row>
    <row r="4900" spans="1:4" x14ac:dyDescent="0.25">
      <c r="A4900" s="20">
        <v>43759.916666654797</v>
      </c>
      <c r="B4900" s="22">
        <v>1.167725682258606</v>
      </c>
      <c r="C4900" s="21">
        <v>148102.09816197169</v>
      </c>
      <c r="D4900">
        <f t="shared" si="76"/>
        <v>22</v>
      </c>
    </row>
    <row r="4901" spans="1:4" x14ac:dyDescent="0.25">
      <c r="A4901" s="20">
        <v>43759.958333321461</v>
      </c>
      <c r="B4901" s="22">
        <v>0.94953745603561401</v>
      </c>
      <c r="C4901" s="21">
        <v>120429.38821920304</v>
      </c>
      <c r="D4901">
        <f t="shared" si="76"/>
        <v>23</v>
      </c>
    </row>
    <row r="4902" spans="1:4" x14ac:dyDescent="0.25">
      <c r="A4902" s="20">
        <v>43759.999999988126</v>
      </c>
      <c r="B4902" s="22">
        <v>0.74161523580551147</v>
      </c>
      <c r="C4902" s="21">
        <v>94058.710980167933</v>
      </c>
      <c r="D4902">
        <f t="shared" si="76"/>
        <v>0</v>
      </c>
    </row>
    <row r="4903" spans="1:4" x14ac:dyDescent="0.25">
      <c r="A4903" s="20">
        <v>43760.04166665479</v>
      </c>
      <c r="B4903" s="22">
        <v>0.69073766469955444</v>
      </c>
      <c r="C4903" s="21">
        <v>87605.932605367736</v>
      </c>
      <c r="D4903">
        <f t="shared" si="76"/>
        <v>1</v>
      </c>
    </row>
    <row r="4904" spans="1:4" x14ac:dyDescent="0.25">
      <c r="A4904" s="20">
        <v>43760.083333321454</v>
      </c>
      <c r="B4904" s="22">
        <v>0.65553545951843262</v>
      </c>
      <c r="C4904" s="21">
        <v>83141.253506104957</v>
      </c>
      <c r="D4904">
        <f t="shared" si="76"/>
        <v>2</v>
      </c>
    </row>
    <row r="4905" spans="1:4" x14ac:dyDescent="0.25">
      <c r="A4905" s="20">
        <v>43760.124999988118</v>
      </c>
      <c r="B4905" s="22">
        <v>0.64092975854873657</v>
      </c>
      <c r="C4905" s="21">
        <v>81288.819332905638</v>
      </c>
      <c r="D4905">
        <f t="shared" si="76"/>
        <v>3</v>
      </c>
    </row>
    <row r="4906" spans="1:4" x14ac:dyDescent="0.25">
      <c r="A4906" s="20">
        <v>43760.166666654783</v>
      </c>
      <c r="B4906" s="22">
        <v>0.69427800178527832</v>
      </c>
      <c r="C4906" s="21">
        <v>88054.951890087235</v>
      </c>
      <c r="D4906">
        <f t="shared" si="76"/>
        <v>4</v>
      </c>
    </row>
    <row r="4907" spans="1:4" x14ac:dyDescent="0.25">
      <c r="A4907" s="20">
        <v>43760.208333321447</v>
      </c>
      <c r="B4907" s="22">
        <v>0.7381216287612915</v>
      </c>
      <c r="C4907" s="21">
        <v>93615.618444597727</v>
      </c>
      <c r="D4907">
        <f t="shared" si="76"/>
        <v>5</v>
      </c>
    </row>
    <row r="4908" spans="1:4" x14ac:dyDescent="0.25">
      <c r="A4908" s="20">
        <v>43760.249999988111</v>
      </c>
      <c r="B4908" s="22">
        <v>1.073668360710144</v>
      </c>
      <c r="C4908" s="21">
        <v>136172.85238065172</v>
      </c>
      <c r="D4908">
        <f t="shared" si="76"/>
        <v>6</v>
      </c>
    </row>
    <row r="4909" spans="1:4" x14ac:dyDescent="0.25">
      <c r="A4909" s="20">
        <v>43760.291666654775</v>
      </c>
      <c r="B4909" s="22">
        <v>0.8365514874458313</v>
      </c>
      <c r="C4909" s="21">
        <v>106099.43105097176</v>
      </c>
      <c r="D4909">
        <f t="shared" si="76"/>
        <v>7</v>
      </c>
    </row>
    <row r="4910" spans="1:4" x14ac:dyDescent="0.25">
      <c r="A4910" s="20">
        <v>43760.33333332144</v>
      </c>
      <c r="B4910" s="22">
        <v>0.80667579174041748</v>
      </c>
      <c r="C4910" s="21">
        <v>102310.31063917928</v>
      </c>
      <c r="D4910">
        <f t="shared" si="76"/>
        <v>8</v>
      </c>
    </row>
    <row r="4911" spans="1:4" x14ac:dyDescent="0.25">
      <c r="A4911" s="20">
        <v>43760.374999988104</v>
      </c>
      <c r="B4911" s="22">
        <v>0.8656737208366394</v>
      </c>
      <c r="C4911" s="21">
        <v>109792.99019236106</v>
      </c>
      <c r="D4911">
        <f t="shared" si="76"/>
        <v>9</v>
      </c>
    </row>
    <row r="4912" spans="1:4" x14ac:dyDescent="0.25">
      <c r="A4912" s="20">
        <v>43760.416666654768</v>
      </c>
      <c r="B4912" s="22">
        <v>0.93310362100601196</v>
      </c>
      <c r="C4912" s="21">
        <v>118345.09266442498</v>
      </c>
      <c r="D4912">
        <f t="shared" si="76"/>
        <v>10</v>
      </c>
    </row>
    <row r="4913" spans="1:4" x14ac:dyDescent="0.25">
      <c r="A4913" s="20">
        <v>43760.458333321432</v>
      </c>
      <c r="B4913" s="22">
        <v>0.88681423664093018</v>
      </c>
      <c r="C4913" s="21">
        <v>112474.2318524622</v>
      </c>
      <c r="D4913">
        <f t="shared" si="76"/>
        <v>11</v>
      </c>
    </row>
    <row r="4914" spans="1:4" x14ac:dyDescent="0.25">
      <c r="A4914" s="20">
        <v>43760.499999988097</v>
      </c>
      <c r="B4914" s="22">
        <v>0.87708336114883423</v>
      </c>
      <c r="C4914" s="21">
        <v>111240.06949804274</v>
      </c>
      <c r="D4914">
        <f t="shared" si="76"/>
        <v>12</v>
      </c>
    </row>
    <row r="4915" spans="1:4" x14ac:dyDescent="0.25">
      <c r="A4915" s="20">
        <v>43760.541666654761</v>
      </c>
      <c r="B4915" s="22">
        <v>0.92870253324508667</v>
      </c>
      <c r="C4915" s="21">
        <v>117786.90477707179</v>
      </c>
      <c r="D4915">
        <f t="shared" si="76"/>
        <v>13</v>
      </c>
    </row>
    <row r="4916" spans="1:4" x14ac:dyDescent="0.25">
      <c r="A4916" s="20">
        <v>43760.583333321425</v>
      </c>
      <c r="B4916" s="22">
        <v>0.94813358783721924</v>
      </c>
      <c r="C4916" s="21">
        <v>120251.33627696692</v>
      </c>
      <c r="D4916">
        <f t="shared" si="76"/>
        <v>14</v>
      </c>
    </row>
    <row r="4917" spans="1:4" x14ac:dyDescent="0.25">
      <c r="A4917" s="20">
        <v>43760.624999988089</v>
      </c>
      <c r="B4917" s="22">
        <v>1.0882238149642944</v>
      </c>
      <c r="C4917" s="21">
        <v>138018.91378658975</v>
      </c>
      <c r="D4917">
        <f t="shared" si="76"/>
        <v>15</v>
      </c>
    </row>
    <row r="4918" spans="1:4" x14ac:dyDescent="0.25">
      <c r="A4918" s="20">
        <v>43760.666666654753</v>
      </c>
      <c r="B4918" s="22">
        <v>1.0984162092208862</v>
      </c>
      <c r="C4918" s="21">
        <v>139311.61034848742</v>
      </c>
      <c r="D4918">
        <f t="shared" si="76"/>
        <v>16</v>
      </c>
    </row>
    <row r="4919" spans="1:4" x14ac:dyDescent="0.25">
      <c r="A4919" s="20">
        <v>43760.708333321418</v>
      </c>
      <c r="B4919" s="22">
        <v>1.056151270866394</v>
      </c>
      <c r="C4919" s="21">
        <v>133951.16812811972</v>
      </c>
      <c r="D4919">
        <f t="shared" si="76"/>
        <v>17</v>
      </c>
    </row>
    <row r="4920" spans="1:4" x14ac:dyDescent="0.25">
      <c r="A4920" s="20">
        <v>43760.749999988082</v>
      </c>
      <c r="B4920" s="22">
        <v>1.0452100038528442</v>
      </c>
      <c r="C4920" s="21">
        <v>132563.49238725318</v>
      </c>
      <c r="D4920">
        <f t="shared" si="76"/>
        <v>18</v>
      </c>
    </row>
    <row r="4921" spans="1:4" x14ac:dyDescent="0.25">
      <c r="A4921" s="20">
        <v>43760.791666654746</v>
      </c>
      <c r="B4921" s="22">
        <v>1.2817816734313965</v>
      </c>
      <c r="C4921" s="21">
        <v>162567.76579031514</v>
      </c>
      <c r="D4921">
        <f t="shared" si="76"/>
        <v>19</v>
      </c>
    </row>
    <row r="4922" spans="1:4" x14ac:dyDescent="0.25">
      <c r="A4922" s="20">
        <v>43760.83333332141</v>
      </c>
      <c r="B4922" s="22">
        <v>1.326221227645874</v>
      </c>
      <c r="C4922" s="21">
        <v>168204.01351573705</v>
      </c>
      <c r="D4922">
        <f t="shared" si="76"/>
        <v>20</v>
      </c>
    </row>
    <row r="4923" spans="1:4" x14ac:dyDescent="0.25">
      <c r="A4923" s="20">
        <v>43760.874999988075</v>
      </c>
      <c r="B4923" s="22">
        <v>1.3664777278900146</v>
      </c>
      <c r="C4923" s="21">
        <v>173309.72647674973</v>
      </c>
      <c r="D4923">
        <f t="shared" si="76"/>
        <v>21</v>
      </c>
    </row>
    <row r="4924" spans="1:4" x14ac:dyDescent="0.25">
      <c r="A4924" s="20">
        <v>43760.916666654739</v>
      </c>
      <c r="B4924" s="22">
        <v>1.1468071937561035</v>
      </c>
      <c r="C4924" s="21">
        <v>145449.01611995869</v>
      </c>
      <c r="D4924">
        <f t="shared" si="76"/>
        <v>22</v>
      </c>
    </row>
    <row r="4925" spans="1:4" x14ac:dyDescent="0.25">
      <c r="A4925" s="20">
        <v>43760.958333321403</v>
      </c>
      <c r="B4925" s="22">
        <v>0.86354386806488037</v>
      </c>
      <c r="C4925" s="21">
        <v>109522.86196869853</v>
      </c>
      <c r="D4925">
        <f t="shared" si="76"/>
        <v>23</v>
      </c>
    </row>
    <row r="4926" spans="1:4" x14ac:dyDescent="0.25">
      <c r="A4926" s="20">
        <v>43760.999999988067</v>
      </c>
      <c r="B4926" s="22">
        <v>0.90885478258132935</v>
      </c>
      <c r="C4926" s="21">
        <v>115269.62391071919</v>
      </c>
      <c r="D4926">
        <f t="shared" si="76"/>
        <v>0</v>
      </c>
    </row>
    <row r="4927" spans="1:4" x14ac:dyDescent="0.25">
      <c r="A4927" s="20">
        <v>43761.041666654732</v>
      </c>
      <c r="B4927" s="22">
        <v>0.87426215410232544</v>
      </c>
      <c r="C4927" s="21">
        <v>110882.2571374127</v>
      </c>
      <c r="D4927">
        <f t="shared" si="76"/>
        <v>1</v>
      </c>
    </row>
    <row r="4928" spans="1:4" x14ac:dyDescent="0.25">
      <c r="A4928" s="20">
        <v>43761.083333321396</v>
      </c>
      <c r="B4928" s="22">
        <v>0.8172265887260437</v>
      </c>
      <c r="C4928" s="21">
        <v>103648.46325035581</v>
      </c>
      <c r="D4928">
        <f t="shared" si="76"/>
        <v>2</v>
      </c>
    </row>
    <row r="4929" spans="1:4" x14ac:dyDescent="0.25">
      <c r="A4929" s="20">
        <v>43761.12499998806</v>
      </c>
      <c r="B4929" s="22">
        <v>0.88160324096679688</v>
      </c>
      <c r="C4929" s="21">
        <v>111813.32372602673</v>
      </c>
      <c r="D4929">
        <f t="shared" si="76"/>
        <v>3</v>
      </c>
    </row>
    <row r="4930" spans="1:4" x14ac:dyDescent="0.25">
      <c r="A4930" s="20">
        <v>43761.166666654724</v>
      </c>
      <c r="B4930" s="22">
        <v>1.0634917020797729</v>
      </c>
      <c r="C4930" s="21">
        <v>134882.15156081456</v>
      </c>
      <c r="D4930">
        <f t="shared" si="76"/>
        <v>4</v>
      </c>
    </row>
    <row r="4931" spans="1:4" x14ac:dyDescent="0.25">
      <c r="A4931" s="20">
        <v>43761.208333321389</v>
      </c>
      <c r="B4931" s="22">
        <v>1.1771546602249146</v>
      </c>
      <c r="C4931" s="21">
        <v>149297.9709954203</v>
      </c>
      <c r="D4931">
        <f t="shared" si="76"/>
        <v>5</v>
      </c>
    </row>
    <row r="4932" spans="1:4" x14ac:dyDescent="0.25">
      <c r="A4932" s="20">
        <v>43761.249999988053</v>
      </c>
      <c r="B4932" s="22">
        <v>1.6180185079574585</v>
      </c>
      <c r="C4932" s="21">
        <v>205212.52511112732</v>
      </c>
      <c r="D4932">
        <f t="shared" si="76"/>
        <v>6</v>
      </c>
    </row>
    <row r="4933" spans="1:4" x14ac:dyDescent="0.25">
      <c r="A4933" s="20">
        <v>43761.291666654717</v>
      </c>
      <c r="B4933" s="22">
        <v>1.5105576515197754</v>
      </c>
      <c r="C4933" s="21">
        <v>191583.31531425082</v>
      </c>
      <c r="D4933">
        <f t="shared" si="76"/>
        <v>7</v>
      </c>
    </row>
    <row r="4934" spans="1:4" x14ac:dyDescent="0.25">
      <c r="A4934" s="20">
        <v>43761.333333321381</v>
      </c>
      <c r="B4934" s="22">
        <v>1.6233476400375366</v>
      </c>
      <c r="C4934" s="21">
        <v>205888.41642227437</v>
      </c>
      <c r="D4934">
        <f t="shared" si="76"/>
        <v>8</v>
      </c>
    </row>
    <row r="4935" spans="1:4" x14ac:dyDescent="0.25">
      <c r="A4935" s="20">
        <v>43761.374999988046</v>
      </c>
      <c r="B4935" s="22">
        <v>1.4508340358734131</v>
      </c>
      <c r="C4935" s="21">
        <v>184008.59727778775</v>
      </c>
      <c r="D4935">
        <f t="shared" ref="D4935:D4998" si="77">HOUR(A4935)</f>
        <v>9</v>
      </c>
    </row>
    <row r="4936" spans="1:4" x14ac:dyDescent="0.25">
      <c r="A4936" s="20">
        <v>43761.41666665471</v>
      </c>
      <c r="B4936" s="22">
        <v>1.1104100942611694</v>
      </c>
      <c r="C4936" s="21">
        <v>140832.78913779321</v>
      </c>
      <c r="D4936">
        <f t="shared" si="77"/>
        <v>10</v>
      </c>
    </row>
    <row r="4937" spans="1:4" x14ac:dyDescent="0.25">
      <c r="A4937" s="20">
        <v>43761.458333321374</v>
      </c>
      <c r="B4937" s="22">
        <v>1.1187828779220581</v>
      </c>
      <c r="C4937" s="21">
        <v>141894.70534506152</v>
      </c>
      <c r="D4937">
        <f t="shared" si="77"/>
        <v>11</v>
      </c>
    </row>
    <row r="4938" spans="1:4" x14ac:dyDescent="0.25">
      <c r="A4938" s="20">
        <v>43761.499999988038</v>
      </c>
      <c r="B4938" s="22">
        <v>1.1542143821716309</v>
      </c>
      <c r="C4938" s="21">
        <v>146388.46633715249</v>
      </c>
      <c r="D4938">
        <f t="shared" si="77"/>
        <v>12</v>
      </c>
    </row>
    <row r="4939" spans="1:4" x14ac:dyDescent="0.25">
      <c r="A4939" s="20">
        <v>43761.541666654703</v>
      </c>
      <c r="B4939" s="22">
        <v>1.1174851655960083</v>
      </c>
      <c r="C4939" s="21">
        <v>141730.11710210462</v>
      </c>
      <c r="D4939">
        <f t="shared" si="77"/>
        <v>13</v>
      </c>
    </row>
    <row r="4940" spans="1:4" x14ac:dyDescent="0.25">
      <c r="A4940" s="20">
        <v>43761.583333321367</v>
      </c>
      <c r="B4940" s="22">
        <v>1.0310630798339844</v>
      </c>
      <c r="C4940" s="21">
        <v>130769.2446785973</v>
      </c>
      <c r="D4940">
        <f t="shared" si="77"/>
        <v>14</v>
      </c>
    </row>
    <row r="4941" spans="1:4" x14ac:dyDescent="0.25">
      <c r="A4941" s="20">
        <v>43761.624999988031</v>
      </c>
      <c r="B4941" s="22">
        <v>0.99857300519943237</v>
      </c>
      <c r="C4941" s="21">
        <v>126648.54381886355</v>
      </c>
      <c r="D4941">
        <f t="shared" si="77"/>
        <v>15</v>
      </c>
    </row>
    <row r="4942" spans="1:4" x14ac:dyDescent="0.25">
      <c r="A4942" s="20">
        <v>43761.666666654695</v>
      </c>
      <c r="B4942" s="22">
        <v>1.0145136117935181</v>
      </c>
      <c r="C4942" s="21">
        <v>128670.28344352638</v>
      </c>
      <c r="D4942">
        <f t="shared" si="77"/>
        <v>16</v>
      </c>
    </row>
    <row r="4943" spans="1:4" x14ac:dyDescent="0.25">
      <c r="A4943" s="20">
        <v>43761.70833332136</v>
      </c>
      <c r="B4943" s="22">
        <v>1.2483713626861572</v>
      </c>
      <c r="C4943" s="21">
        <v>158330.35181818879</v>
      </c>
      <c r="D4943">
        <f t="shared" si="77"/>
        <v>17</v>
      </c>
    </row>
    <row r="4944" spans="1:4" x14ac:dyDescent="0.25">
      <c r="A4944" s="20">
        <v>43761.749999988024</v>
      </c>
      <c r="B4944" s="22">
        <v>1.1697840690612793</v>
      </c>
      <c r="C4944" s="21">
        <v>148363.16239044286</v>
      </c>
      <c r="D4944">
        <f t="shared" si="77"/>
        <v>18</v>
      </c>
    </row>
    <row r="4945" spans="1:4" x14ac:dyDescent="0.25">
      <c r="A4945" s="20">
        <v>43761.791666654688</v>
      </c>
      <c r="B4945" s="22">
        <v>1.4591611623764038</v>
      </c>
      <c r="C4945" s="21">
        <v>185064.7228092291</v>
      </c>
      <c r="D4945">
        <f t="shared" si="77"/>
        <v>19</v>
      </c>
    </row>
    <row r="4946" spans="1:4" x14ac:dyDescent="0.25">
      <c r="A4946" s="20">
        <v>43761.833333321352</v>
      </c>
      <c r="B4946" s="22">
        <v>1.498854398727417</v>
      </c>
      <c r="C4946" s="21">
        <v>190098.99727603167</v>
      </c>
      <c r="D4946">
        <f t="shared" si="77"/>
        <v>20</v>
      </c>
    </row>
    <row r="4947" spans="1:4" x14ac:dyDescent="0.25">
      <c r="A4947" s="20">
        <v>43761.874999988016</v>
      </c>
      <c r="B4947" s="22">
        <v>1.4130711555480957</v>
      </c>
      <c r="C4947" s="21">
        <v>179219.14895632799</v>
      </c>
      <c r="D4947">
        <f t="shared" si="77"/>
        <v>21</v>
      </c>
    </row>
    <row r="4948" spans="1:4" x14ac:dyDescent="0.25">
      <c r="A4948" s="20">
        <v>43761.916666654681</v>
      </c>
      <c r="B4948" s="22">
        <v>1.4068330526351929</v>
      </c>
      <c r="C4948" s="21">
        <v>178427.97330267253</v>
      </c>
      <c r="D4948">
        <f t="shared" si="77"/>
        <v>22</v>
      </c>
    </row>
    <row r="4949" spans="1:4" x14ac:dyDescent="0.25">
      <c r="A4949" s="20">
        <v>43761.958333321345</v>
      </c>
      <c r="B4949" s="22">
        <v>1.2783265113830566</v>
      </c>
      <c r="C4949" s="21">
        <v>162129.54921546087</v>
      </c>
      <c r="D4949">
        <f t="shared" si="77"/>
        <v>23</v>
      </c>
    </row>
    <row r="4950" spans="1:4" x14ac:dyDescent="0.25">
      <c r="A4950" s="20">
        <v>43761.999999988009</v>
      </c>
      <c r="B4950" s="22">
        <v>1.1601971387863159</v>
      </c>
      <c r="C4950" s="21">
        <v>147147.25654009936</v>
      </c>
      <c r="D4950">
        <f t="shared" si="77"/>
        <v>0</v>
      </c>
    </row>
    <row r="4951" spans="1:4" x14ac:dyDescent="0.25">
      <c r="A4951" s="20">
        <v>43762.041666654673</v>
      </c>
      <c r="B4951" s="22">
        <v>1.3251985311508179</v>
      </c>
      <c r="C4951" s="21">
        <v>168074.30540106431</v>
      </c>
      <c r="D4951">
        <f t="shared" si="77"/>
        <v>1</v>
      </c>
    </row>
    <row r="4952" spans="1:4" x14ac:dyDescent="0.25">
      <c r="A4952" s="20">
        <v>43762.083333321338</v>
      </c>
      <c r="B4952" s="22">
        <v>1.3611958026885986</v>
      </c>
      <c r="C4952" s="21">
        <v>172639.82239178414</v>
      </c>
      <c r="D4952">
        <f t="shared" si="77"/>
        <v>2</v>
      </c>
    </row>
    <row r="4953" spans="1:4" x14ac:dyDescent="0.25">
      <c r="A4953" s="20">
        <v>43762.124999988002</v>
      </c>
      <c r="B4953" s="22">
        <v>1.5304756164550781</v>
      </c>
      <c r="C4953" s="21">
        <v>194109.5014235854</v>
      </c>
      <c r="D4953">
        <f t="shared" si="77"/>
        <v>3</v>
      </c>
    </row>
    <row r="4954" spans="1:4" x14ac:dyDescent="0.25">
      <c r="A4954" s="20">
        <v>43762.166666654666</v>
      </c>
      <c r="B4954" s="22">
        <v>1.5182468891143799</v>
      </c>
      <c r="C4954" s="21">
        <v>192558.53769595287</v>
      </c>
      <c r="D4954">
        <f t="shared" si="77"/>
        <v>4</v>
      </c>
    </row>
    <row r="4955" spans="1:4" x14ac:dyDescent="0.25">
      <c r="A4955" s="20">
        <v>43762.20833332133</v>
      </c>
      <c r="B4955" s="22">
        <v>1.5847299098968506</v>
      </c>
      <c r="C4955" s="21">
        <v>200990.54790145357</v>
      </c>
      <c r="D4955">
        <f t="shared" si="77"/>
        <v>5</v>
      </c>
    </row>
    <row r="4956" spans="1:4" x14ac:dyDescent="0.25">
      <c r="A4956" s="20">
        <v>43762.249999987995</v>
      </c>
      <c r="B4956" s="22">
        <v>1.9449493885040283</v>
      </c>
      <c r="C4956" s="21">
        <v>246677.01467278189</v>
      </c>
      <c r="D4956">
        <f t="shared" si="77"/>
        <v>6</v>
      </c>
    </row>
    <row r="4957" spans="1:4" x14ac:dyDescent="0.25">
      <c r="A4957" s="20">
        <v>43762.291666654659</v>
      </c>
      <c r="B4957" s="22">
        <v>2.0169427394866943</v>
      </c>
      <c r="C4957" s="21">
        <v>255807.8974616412</v>
      </c>
      <c r="D4957">
        <f t="shared" si="77"/>
        <v>7</v>
      </c>
    </row>
    <row r="4958" spans="1:4" x14ac:dyDescent="0.25">
      <c r="A4958" s="20">
        <v>43762.333333321323</v>
      </c>
      <c r="B4958" s="22">
        <v>1.9379749298095703</v>
      </c>
      <c r="C4958" s="21">
        <v>245792.44736225111</v>
      </c>
      <c r="D4958">
        <f t="shared" si="77"/>
        <v>8</v>
      </c>
    </row>
    <row r="4959" spans="1:4" x14ac:dyDescent="0.25">
      <c r="A4959" s="20">
        <v>43762.374999987987</v>
      </c>
      <c r="B4959" s="22">
        <v>1.7372350692749023</v>
      </c>
      <c r="C4959" s="21">
        <v>220332.70541975793</v>
      </c>
      <c r="D4959">
        <f t="shared" si="77"/>
        <v>9</v>
      </c>
    </row>
    <row r="4960" spans="1:4" x14ac:dyDescent="0.25">
      <c r="A4960" s="20">
        <v>43762.416666654652</v>
      </c>
      <c r="B4960" s="22">
        <v>1.4189409017562866</v>
      </c>
      <c r="C4960" s="21">
        <v>179963.60610265873</v>
      </c>
      <c r="D4960">
        <f t="shared" si="77"/>
        <v>10</v>
      </c>
    </row>
    <row r="4961" spans="1:4" x14ac:dyDescent="0.25">
      <c r="A4961" s="20">
        <v>43762.458333321316</v>
      </c>
      <c r="B4961" s="22">
        <v>1.2104322910308838</v>
      </c>
      <c r="C4961" s="21">
        <v>153518.55723335492</v>
      </c>
      <c r="D4961">
        <f t="shared" si="77"/>
        <v>11</v>
      </c>
    </row>
    <row r="4962" spans="1:4" x14ac:dyDescent="0.25">
      <c r="A4962" s="20">
        <v>43762.49999998798</v>
      </c>
      <c r="B4962" s="22">
        <v>1.1992994546890259</v>
      </c>
      <c r="C4962" s="21">
        <v>152106.58484482791</v>
      </c>
      <c r="D4962">
        <f t="shared" si="77"/>
        <v>12</v>
      </c>
    </row>
    <row r="4963" spans="1:4" x14ac:dyDescent="0.25">
      <c r="A4963" s="20">
        <v>43762.541666654644</v>
      </c>
      <c r="B4963" s="22">
        <v>1.0035741329193115</v>
      </c>
      <c r="C4963" s="21">
        <v>127282.83449153035</v>
      </c>
      <c r="D4963">
        <f t="shared" si="77"/>
        <v>13</v>
      </c>
    </row>
    <row r="4964" spans="1:4" x14ac:dyDescent="0.25">
      <c r="A4964" s="20">
        <v>43762.583333321309</v>
      </c>
      <c r="B4964" s="22">
        <v>0.95808792114257813</v>
      </c>
      <c r="C4964" s="21">
        <v>121513.83968057089</v>
      </c>
      <c r="D4964">
        <f t="shared" si="77"/>
        <v>14</v>
      </c>
    </row>
    <row r="4965" spans="1:4" x14ac:dyDescent="0.25">
      <c r="A4965" s="20">
        <v>43762.624999987973</v>
      </c>
      <c r="B4965" s="22">
        <v>0.96289741992950439</v>
      </c>
      <c r="C4965" s="21">
        <v>122123.82614594819</v>
      </c>
      <c r="D4965">
        <f t="shared" si="77"/>
        <v>15</v>
      </c>
    </row>
    <row r="4966" spans="1:4" x14ac:dyDescent="0.25">
      <c r="A4966" s="20">
        <v>43762.666666654637</v>
      </c>
      <c r="B4966" s="22">
        <v>1.0122193098068237</v>
      </c>
      <c r="C4966" s="21">
        <v>128379.29820340613</v>
      </c>
      <c r="D4966">
        <f t="shared" si="77"/>
        <v>16</v>
      </c>
    </row>
    <row r="4967" spans="1:4" x14ac:dyDescent="0.25">
      <c r="A4967" s="20">
        <v>43762.708333321301</v>
      </c>
      <c r="B4967" s="22">
        <v>1.2329981327056885</v>
      </c>
      <c r="C4967" s="21">
        <v>156380.57230213826</v>
      </c>
      <c r="D4967">
        <f t="shared" si="77"/>
        <v>17</v>
      </c>
    </row>
    <row r="4968" spans="1:4" x14ac:dyDescent="0.25">
      <c r="A4968" s="20">
        <v>43762.749999987966</v>
      </c>
      <c r="B4968" s="22">
        <v>1.2839527130126953</v>
      </c>
      <c r="C4968" s="21">
        <v>162843.11771762837</v>
      </c>
      <c r="D4968">
        <f t="shared" si="77"/>
        <v>18</v>
      </c>
    </row>
    <row r="4969" spans="1:4" x14ac:dyDescent="0.25">
      <c r="A4969" s="20">
        <v>43762.79166665463</v>
      </c>
      <c r="B4969" s="22">
        <v>1.4645513296127319</v>
      </c>
      <c r="C4969" s="21">
        <v>185748.35518048951</v>
      </c>
      <c r="D4969">
        <f t="shared" si="77"/>
        <v>19</v>
      </c>
    </row>
    <row r="4970" spans="1:4" x14ac:dyDescent="0.25">
      <c r="A4970" s="20">
        <v>43762.833333321294</v>
      </c>
      <c r="B4970" s="22">
        <v>1.3246066570281982</v>
      </c>
      <c r="C4970" s="21">
        <v>167999.23828492605</v>
      </c>
      <c r="D4970">
        <f t="shared" si="77"/>
        <v>20</v>
      </c>
    </row>
    <row r="4971" spans="1:4" x14ac:dyDescent="0.25">
      <c r="A4971" s="20">
        <v>43762.874999987958</v>
      </c>
      <c r="B4971" s="22">
        <v>1.6089262962341309</v>
      </c>
      <c r="C4971" s="21">
        <v>204059.36418162449</v>
      </c>
      <c r="D4971">
        <f t="shared" si="77"/>
        <v>21</v>
      </c>
    </row>
    <row r="4972" spans="1:4" x14ac:dyDescent="0.25">
      <c r="A4972" s="20">
        <v>43762.916666654623</v>
      </c>
      <c r="B4972" s="22">
        <v>1.1625301837921143</v>
      </c>
      <c r="C4972" s="21">
        <v>147443.15553908062</v>
      </c>
      <c r="D4972">
        <f t="shared" si="77"/>
        <v>22</v>
      </c>
    </row>
    <row r="4973" spans="1:4" x14ac:dyDescent="0.25">
      <c r="A4973" s="20">
        <v>43762.958333321287</v>
      </c>
      <c r="B4973" s="22">
        <v>1.0076415538787842</v>
      </c>
      <c r="C4973" s="21">
        <v>127798.70357564669</v>
      </c>
      <c r="D4973">
        <f t="shared" si="77"/>
        <v>23</v>
      </c>
    </row>
    <row r="4974" spans="1:4" x14ac:dyDescent="0.25">
      <c r="A4974" s="20">
        <v>43762.999999987951</v>
      </c>
      <c r="B4974" s="22">
        <v>1.0545614957809448</v>
      </c>
      <c r="C4974" s="21">
        <v>133749.53770297978</v>
      </c>
      <c r="D4974">
        <f t="shared" si="77"/>
        <v>0</v>
      </c>
    </row>
    <row r="4975" spans="1:4" x14ac:dyDescent="0.25">
      <c r="A4975" s="20">
        <v>43763.041666654615</v>
      </c>
      <c r="B4975" s="22">
        <v>1.0409878492355347</v>
      </c>
      <c r="C4975" s="21">
        <v>132027.99850620885</v>
      </c>
      <c r="D4975">
        <f t="shared" si="77"/>
        <v>1</v>
      </c>
    </row>
    <row r="4976" spans="1:4" x14ac:dyDescent="0.25">
      <c r="A4976" s="20">
        <v>43763.083333321279</v>
      </c>
      <c r="B4976" s="22">
        <v>1.0616530179977417</v>
      </c>
      <c r="C4976" s="21">
        <v>134648.95212489984</v>
      </c>
      <c r="D4976">
        <f t="shared" si="77"/>
        <v>2</v>
      </c>
    </row>
    <row r="4977" spans="1:4" x14ac:dyDescent="0.25">
      <c r="A4977" s="20">
        <v>43763.124999987944</v>
      </c>
      <c r="B4977" s="22">
        <v>1.1881293058395386</v>
      </c>
      <c r="C4977" s="21">
        <v>150689.88012853632</v>
      </c>
      <c r="D4977">
        <f t="shared" si="77"/>
        <v>3</v>
      </c>
    </row>
    <row r="4978" spans="1:4" x14ac:dyDescent="0.25">
      <c r="A4978" s="20">
        <v>43763.166666654608</v>
      </c>
      <c r="B4978" s="22">
        <v>1.1631251573562622</v>
      </c>
      <c r="C4978" s="21">
        <v>147518.61575592778</v>
      </c>
      <c r="D4978">
        <f t="shared" si="77"/>
        <v>4</v>
      </c>
    </row>
    <row r="4979" spans="1:4" x14ac:dyDescent="0.25">
      <c r="A4979" s="20">
        <v>43763.208333321272</v>
      </c>
      <c r="B4979" s="22">
        <v>1.5676087141036987</v>
      </c>
      <c r="C4979" s="21">
        <v>198819.07470485213</v>
      </c>
      <c r="D4979">
        <f t="shared" si="77"/>
        <v>5</v>
      </c>
    </row>
    <row r="4980" spans="1:4" x14ac:dyDescent="0.25">
      <c r="A4980" s="20">
        <v>43763.249999987936</v>
      </c>
      <c r="B4980" s="22">
        <v>1.7595338821411133</v>
      </c>
      <c r="C4980" s="21">
        <v>223160.85335054534</v>
      </c>
      <c r="D4980">
        <f t="shared" si="77"/>
        <v>6</v>
      </c>
    </row>
    <row r="4981" spans="1:4" x14ac:dyDescent="0.25">
      <c r="A4981" s="20">
        <v>43763.291666654601</v>
      </c>
      <c r="B4981" s="22">
        <v>1.6604146957397461</v>
      </c>
      <c r="C4981" s="21">
        <v>210589.61363459035</v>
      </c>
      <c r="D4981">
        <f t="shared" si="77"/>
        <v>7</v>
      </c>
    </row>
    <row r="4982" spans="1:4" x14ac:dyDescent="0.25">
      <c r="A4982" s="20">
        <v>43763.333333321265</v>
      </c>
      <c r="B4982" s="22">
        <v>1.5182998180389404</v>
      </c>
      <c r="C4982" s="21">
        <v>192565.25064651991</v>
      </c>
      <c r="D4982">
        <f t="shared" si="77"/>
        <v>8</v>
      </c>
    </row>
    <row r="4983" spans="1:4" x14ac:dyDescent="0.25">
      <c r="A4983" s="20">
        <v>43763.374999987929</v>
      </c>
      <c r="B4983" s="22">
        <v>1.3889752626419067</v>
      </c>
      <c r="C4983" s="21">
        <v>176163.07821067967</v>
      </c>
      <c r="D4983">
        <f t="shared" si="77"/>
        <v>9</v>
      </c>
    </row>
    <row r="4984" spans="1:4" x14ac:dyDescent="0.25">
      <c r="A4984" s="20">
        <v>43763.416666654593</v>
      </c>
      <c r="B4984" s="22">
        <v>1.1596978902816772</v>
      </c>
      <c r="C4984" s="21">
        <v>147083.93708745344</v>
      </c>
      <c r="D4984">
        <f t="shared" si="77"/>
        <v>10</v>
      </c>
    </row>
    <row r="4985" spans="1:4" x14ac:dyDescent="0.25">
      <c r="A4985" s="20">
        <v>43763.458333321258</v>
      </c>
      <c r="B4985" s="22">
        <v>1.0763558149337769</v>
      </c>
      <c r="C4985" s="21">
        <v>136513.70093376777</v>
      </c>
      <c r="D4985">
        <f t="shared" si="77"/>
        <v>11</v>
      </c>
    </row>
    <row r="4986" spans="1:4" x14ac:dyDescent="0.25">
      <c r="A4986" s="20">
        <v>43763.499999987922</v>
      </c>
      <c r="B4986" s="22">
        <v>1.0734992027282715</v>
      </c>
      <c r="C4986" s="21">
        <v>136151.39815350162</v>
      </c>
      <c r="D4986">
        <f t="shared" si="77"/>
        <v>12</v>
      </c>
    </row>
    <row r="4987" spans="1:4" x14ac:dyDescent="0.25">
      <c r="A4987" s="20">
        <v>43763.541666654586</v>
      </c>
      <c r="B4987" s="22">
        <v>1.0341000556945801</v>
      </c>
      <c r="C4987" s="21">
        <v>131154.42289626869</v>
      </c>
      <c r="D4987">
        <f t="shared" si="77"/>
        <v>13</v>
      </c>
    </row>
    <row r="4988" spans="1:4" x14ac:dyDescent="0.25">
      <c r="A4988" s="20">
        <v>43763.58333332125</v>
      </c>
      <c r="B4988" s="22">
        <v>0.91666781902313232</v>
      </c>
      <c r="C4988" s="21">
        <v>116260.5476418894</v>
      </c>
      <c r="D4988">
        <f t="shared" si="77"/>
        <v>14</v>
      </c>
    </row>
    <row r="4989" spans="1:4" x14ac:dyDescent="0.25">
      <c r="A4989" s="20">
        <v>43763.624999987915</v>
      </c>
      <c r="B4989" s="22">
        <v>1.1098355054855347</v>
      </c>
      <c r="C4989" s="21">
        <v>140759.91431406984</v>
      </c>
      <c r="D4989">
        <f t="shared" si="77"/>
        <v>15</v>
      </c>
    </row>
    <row r="4990" spans="1:4" x14ac:dyDescent="0.25">
      <c r="A4990" s="20">
        <v>43763.666666654579</v>
      </c>
      <c r="B4990" s="22">
        <v>1.3315128087997437</v>
      </c>
      <c r="C4990" s="21">
        <v>168875.14226060343</v>
      </c>
      <c r="D4990">
        <f t="shared" si="77"/>
        <v>16</v>
      </c>
    </row>
    <row r="4991" spans="1:4" x14ac:dyDescent="0.25">
      <c r="A4991" s="20">
        <v>43763.708333321243</v>
      </c>
      <c r="B4991" s="22">
        <v>1.2249065637588501</v>
      </c>
      <c r="C4991" s="21">
        <v>155354.32242457187</v>
      </c>
      <c r="D4991">
        <f t="shared" si="77"/>
        <v>17</v>
      </c>
    </row>
    <row r="4992" spans="1:4" x14ac:dyDescent="0.25">
      <c r="A4992" s="20">
        <v>43763.749999987907</v>
      </c>
      <c r="B4992" s="22">
        <v>1.0450807809829712</v>
      </c>
      <c r="C4992" s="21">
        <v>132547.10311154445</v>
      </c>
      <c r="D4992">
        <f t="shared" si="77"/>
        <v>18</v>
      </c>
    </row>
    <row r="4993" spans="1:4" x14ac:dyDescent="0.25">
      <c r="A4993" s="20">
        <v>43763.791666654572</v>
      </c>
      <c r="B4993" s="22">
        <v>1.1583682298660278</v>
      </c>
      <c r="C4993" s="21">
        <v>146915.29688334343</v>
      </c>
      <c r="D4993">
        <f t="shared" si="77"/>
        <v>19</v>
      </c>
    </row>
    <row r="4994" spans="1:4" x14ac:dyDescent="0.25">
      <c r="A4994" s="20">
        <v>43763.833333321236</v>
      </c>
      <c r="B4994" s="22">
        <v>1.3273636102676392</v>
      </c>
      <c r="C4994" s="21">
        <v>168348.90136547585</v>
      </c>
      <c r="D4994">
        <f t="shared" si="77"/>
        <v>20</v>
      </c>
    </row>
    <row r="4995" spans="1:4" x14ac:dyDescent="0.25">
      <c r="A4995" s="20">
        <v>43763.8749999879</v>
      </c>
      <c r="B4995" s="22">
        <v>1.3566621541976929</v>
      </c>
      <c r="C4995" s="21">
        <v>172064.82188949722</v>
      </c>
      <c r="D4995">
        <f t="shared" si="77"/>
        <v>21</v>
      </c>
    </row>
    <row r="4996" spans="1:4" x14ac:dyDescent="0.25">
      <c r="A4996" s="20">
        <v>43763.916666654564</v>
      </c>
      <c r="B4996" s="22">
        <v>1.2755739688873291</v>
      </c>
      <c r="C4996" s="21">
        <v>161780.44554745831</v>
      </c>
      <c r="D4996">
        <f t="shared" si="77"/>
        <v>22</v>
      </c>
    </row>
    <row r="4997" spans="1:4" x14ac:dyDescent="0.25">
      <c r="A4997" s="20">
        <v>43763.958333321229</v>
      </c>
      <c r="B4997" s="22">
        <v>1.1422550678253174</v>
      </c>
      <c r="C4997" s="21">
        <v>144871.67213267653</v>
      </c>
      <c r="D4997">
        <f t="shared" si="77"/>
        <v>23</v>
      </c>
    </row>
    <row r="4998" spans="1:4" x14ac:dyDescent="0.25">
      <c r="A4998" s="20">
        <v>43763.999999987893</v>
      </c>
      <c r="B4998" s="22">
        <v>0.9741552472114563</v>
      </c>
      <c r="C4998" s="21">
        <v>123551.65107652373</v>
      </c>
      <c r="D4998">
        <f t="shared" si="77"/>
        <v>0</v>
      </c>
    </row>
    <row r="4999" spans="1:4" x14ac:dyDescent="0.25">
      <c r="A4999" s="20">
        <v>43764.041666654557</v>
      </c>
      <c r="B4999" s="22">
        <v>0.8466373085975647</v>
      </c>
      <c r="C4999" s="21">
        <v>107378.61099618711</v>
      </c>
      <c r="D4999">
        <f t="shared" ref="D4999:D5062" si="78">HOUR(A4999)</f>
        <v>1</v>
      </c>
    </row>
    <row r="5000" spans="1:4" x14ac:dyDescent="0.25">
      <c r="A5000" s="20">
        <v>43764.083333321221</v>
      </c>
      <c r="B5000" s="22">
        <v>0.86948877573013306</v>
      </c>
      <c r="C5000" s="21">
        <v>110276.85180721965</v>
      </c>
      <c r="D5000">
        <f t="shared" si="78"/>
        <v>2</v>
      </c>
    </row>
    <row r="5001" spans="1:4" x14ac:dyDescent="0.25">
      <c r="A5001" s="20">
        <v>43764.124999987886</v>
      </c>
      <c r="B5001" s="22">
        <v>0.83434885740280151</v>
      </c>
      <c r="C5001" s="21">
        <v>105820.07252027957</v>
      </c>
      <c r="D5001">
        <f t="shared" si="78"/>
        <v>3</v>
      </c>
    </row>
    <row r="5002" spans="1:4" x14ac:dyDescent="0.25">
      <c r="A5002" s="20">
        <v>43764.16666665455</v>
      </c>
      <c r="B5002" s="22">
        <v>0.83550703525543213</v>
      </c>
      <c r="C5002" s="21">
        <v>105966.96367170784</v>
      </c>
      <c r="D5002">
        <f t="shared" si="78"/>
        <v>4</v>
      </c>
    </row>
    <row r="5003" spans="1:4" x14ac:dyDescent="0.25">
      <c r="A5003" s="20">
        <v>43764.208333321214</v>
      </c>
      <c r="B5003" s="22">
        <v>0.86981111764907837</v>
      </c>
      <c r="C5003" s="21">
        <v>110317.73428094329</v>
      </c>
      <c r="D5003">
        <f t="shared" si="78"/>
        <v>5</v>
      </c>
    </row>
    <row r="5004" spans="1:4" x14ac:dyDescent="0.25">
      <c r="A5004" s="20">
        <v>43764.249999987878</v>
      </c>
      <c r="B5004" s="22">
        <v>0.88805407285690308</v>
      </c>
      <c r="C5004" s="21">
        <v>112631.47969564366</v>
      </c>
      <c r="D5004">
        <f t="shared" si="78"/>
        <v>6</v>
      </c>
    </row>
    <row r="5005" spans="1:4" x14ac:dyDescent="0.25">
      <c r="A5005" s="20">
        <v>43764.291666654542</v>
      </c>
      <c r="B5005" s="22">
        <v>0.96006155014038086</v>
      </c>
      <c r="C5005" s="21">
        <v>121764.15411657997</v>
      </c>
      <c r="D5005">
        <f t="shared" si="78"/>
        <v>7</v>
      </c>
    </row>
    <row r="5006" spans="1:4" x14ac:dyDescent="0.25">
      <c r="A5006" s="20">
        <v>43764.333333321207</v>
      </c>
      <c r="B5006" s="22">
        <v>1.1161637306213379</v>
      </c>
      <c r="C5006" s="21">
        <v>141562.52012679892</v>
      </c>
      <c r="D5006">
        <f t="shared" si="78"/>
        <v>8</v>
      </c>
    </row>
    <row r="5007" spans="1:4" x14ac:dyDescent="0.25">
      <c r="A5007" s="20">
        <v>43764.374999987871</v>
      </c>
      <c r="B5007" s="22">
        <v>1.2896132469177246</v>
      </c>
      <c r="C5007" s="21">
        <v>163561.04056610962</v>
      </c>
      <c r="D5007">
        <f t="shared" si="78"/>
        <v>9</v>
      </c>
    </row>
    <row r="5008" spans="1:4" x14ac:dyDescent="0.25">
      <c r="A5008" s="20">
        <v>43764.416666654535</v>
      </c>
      <c r="B5008" s="22">
        <v>1.2829198837280273</v>
      </c>
      <c r="C5008" s="21">
        <v>162712.12446602274</v>
      </c>
      <c r="D5008">
        <f t="shared" si="78"/>
        <v>10</v>
      </c>
    </row>
    <row r="5009" spans="1:4" x14ac:dyDescent="0.25">
      <c r="A5009" s="20">
        <v>43764.458333321199</v>
      </c>
      <c r="B5009" s="22">
        <v>1.2660955190658569</v>
      </c>
      <c r="C5009" s="21">
        <v>160578.29822192565</v>
      </c>
      <c r="D5009">
        <f t="shared" si="78"/>
        <v>11</v>
      </c>
    </row>
    <row r="5010" spans="1:4" x14ac:dyDescent="0.25">
      <c r="A5010" s="20">
        <v>43764.499999987864</v>
      </c>
      <c r="B5010" s="22">
        <v>1.2145533561706543</v>
      </c>
      <c r="C5010" s="21">
        <v>154041.22998358653</v>
      </c>
      <c r="D5010">
        <f t="shared" si="78"/>
        <v>12</v>
      </c>
    </row>
    <row r="5011" spans="1:4" x14ac:dyDescent="0.25">
      <c r="A5011" s="20">
        <v>43764.541666654528</v>
      </c>
      <c r="B5011" s="22">
        <v>1.137415885925293</v>
      </c>
      <c r="C5011" s="21">
        <v>144257.92097204877</v>
      </c>
      <c r="D5011">
        <f t="shared" si="78"/>
        <v>13</v>
      </c>
    </row>
    <row r="5012" spans="1:4" x14ac:dyDescent="0.25">
      <c r="A5012" s="20">
        <v>43764.583333321192</v>
      </c>
      <c r="B5012" s="22">
        <v>1.0874810218811035</v>
      </c>
      <c r="C5012" s="21">
        <v>137924.70568978059</v>
      </c>
      <c r="D5012">
        <f t="shared" si="78"/>
        <v>14</v>
      </c>
    </row>
    <row r="5013" spans="1:4" x14ac:dyDescent="0.25">
      <c r="A5013" s="20">
        <v>43764.624999987856</v>
      </c>
      <c r="B5013" s="22">
        <v>1.1108846664428711</v>
      </c>
      <c r="C5013" s="21">
        <v>140892.97890402612</v>
      </c>
      <c r="D5013">
        <f t="shared" si="78"/>
        <v>15</v>
      </c>
    </row>
    <row r="5014" spans="1:4" x14ac:dyDescent="0.25">
      <c r="A5014" s="20">
        <v>43764.666666654521</v>
      </c>
      <c r="B5014" s="22">
        <v>1.2262656688690186</v>
      </c>
      <c r="C5014" s="21">
        <v>155526.69708541626</v>
      </c>
      <c r="D5014">
        <f t="shared" si="78"/>
        <v>16</v>
      </c>
    </row>
    <row r="5015" spans="1:4" x14ac:dyDescent="0.25">
      <c r="A5015" s="20">
        <v>43764.708333321185</v>
      </c>
      <c r="B5015" s="22">
        <v>1.1474885940551758</v>
      </c>
      <c r="C5015" s="21">
        <v>145535.43779888039</v>
      </c>
      <c r="D5015">
        <f t="shared" si="78"/>
        <v>17</v>
      </c>
    </row>
    <row r="5016" spans="1:4" x14ac:dyDescent="0.25">
      <c r="A5016" s="20">
        <v>43764.749999987849</v>
      </c>
      <c r="B5016" s="22">
        <v>0.9005853533744812</v>
      </c>
      <c r="C5016" s="21">
        <v>114220.81610016624</v>
      </c>
      <c r="D5016">
        <f t="shared" si="78"/>
        <v>18</v>
      </c>
    </row>
    <row r="5017" spans="1:4" x14ac:dyDescent="0.25">
      <c r="A5017" s="20">
        <v>43764.791666654513</v>
      </c>
      <c r="B5017" s="22">
        <v>1.0298664569854736</v>
      </c>
      <c r="C5017" s="21">
        <v>130617.4775664531</v>
      </c>
      <c r="D5017">
        <f t="shared" si="78"/>
        <v>19</v>
      </c>
    </row>
    <row r="5018" spans="1:4" x14ac:dyDescent="0.25">
      <c r="A5018" s="20">
        <v>43764.833333321178</v>
      </c>
      <c r="B5018" s="22">
        <v>0.89748084545135498</v>
      </c>
      <c r="C5018" s="21">
        <v>113827.07282281865</v>
      </c>
      <c r="D5018">
        <f t="shared" si="78"/>
        <v>20</v>
      </c>
    </row>
    <row r="5019" spans="1:4" x14ac:dyDescent="0.25">
      <c r="A5019" s="20">
        <v>43764.874999987842</v>
      </c>
      <c r="B5019" s="22">
        <v>1.0233633518218994</v>
      </c>
      <c r="C5019" s="21">
        <v>129792.69180218832</v>
      </c>
      <c r="D5019">
        <f t="shared" si="78"/>
        <v>21</v>
      </c>
    </row>
    <row r="5020" spans="1:4" x14ac:dyDescent="0.25">
      <c r="A5020" s="20">
        <v>43764.916666654506</v>
      </c>
      <c r="B5020" s="22">
        <v>0.99234646558761597</v>
      </c>
      <c r="C5020" s="21">
        <v>125858.83473323738</v>
      </c>
      <c r="D5020">
        <f t="shared" si="78"/>
        <v>22</v>
      </c>
    </row>
    <row r="5021" spans="1:4" x14ac:dyDescent="0.25">
      <c r="A5021" s="20">
        <v>43764.95833332117</v>
      </c>
      <c r="B5021" s="22">
        <v>1.0041306018829346</v>
      </c>
      <c r="C5021" s="21">
        <v>127353.41118803254</v>
      </c>
      <c r="D5021">
        <f t="shared" si="78"/>
        <v>23</v>
      </c>
    </row>
    <row r="5022" spans="1:4" x14ac:dyDescent="0.25">
      <c r="A5022" s="20">
        <v>43764.999999987835</v>
      </c>
      <c r="B5022" s="22">
        <v>0.83088713884353638</v>
      </c>
      <c r="C5022" s="21">
        <v>105381.02438623343</v>
      </c>
      <c r="D5022">
        <f t="shared" si="78"/>
        <v>0</v>
      </c>
    </row>
    <row r="5023" spans="1:4" x14ac:dyDescent="0.25">
      <c r="A5023" s="20">
        <v>43765.041666654499</v>
      </c>
      <c r="B5023" s="22">
        <v>0.70185971260070801</v>
      </c>
      <c r="C5023" s="21">
        <v>89016.536701042671</v>
      </c>
      <c r="D5023">
        <f t="shared" si="78"/>
        <v>1</v>
      </c>
    </row>
    <row r="5024" spans="1:4" x14ac:dyDescent="0.25">
      <c r="A5024" s="20">
        <v>43765.083333321163</v>
      </c>
      <c r="B5024" s="22">
        <v>0.63422679901123047</v>
      </c>
      <c r="C5024" s="21">
        <v>80438.686132547024</v>
      </c>
      <c r="D5024">
        <f t="shared" si="78"/>
        <v>2</v>
      </c>
    </row>
    <row r="5025" spans="1:4" x14ac:dyDescent="0.25">
      <c r="A5025" s="20">
        <v>43765.124999987827</v>
      </c>
      <c r="B5025" s="22">
        <v>0.60725802183151245</v>
      </c>
      <c r="C5025" s="21">
        <v>77018.248827910968</v>
      </c>
      <c r="D5025">
        <f t="shared" si="78"/>
        <v>3</v>
      </c>
    </row>
    <row r="5026" spans="1:4" x14ac:dyDescent="0.25">
      <c r="A5026" s="20">
        <v>43765.166666654492</v>
      </c>
      <c r="B5026" s="22">
        <v>0.56626701354980469</v>
      </c>
      <c r="C5026" s="21">
        <v>71819.378558522454</v>
      </c>
      <c r="D5026">
        <f t="shared" si="78"/>
        <v>4</v>
      </c>
    </row>
    <row r="5027" spans="1:4" x14ac:dyDescent="0.25">
      <c r="A5027" s="20">
        <v>43765.208333321156</v>
      </c>
      <c r="B5027" s="22">
        <v>0.60691791772842407</v>
      </c>
      <c r="C5027" s="21">
        <v>76975.113584740262</v>
      </c>
      <c r="D5027">
        <f t="shared" si="78"/>
        <v>5</v>
      </c>
    </row>
    <row r="5028" spans="1:4" x14ac:dyDescent="0.25">
      <c r="A5028" s="20">
        <v>43765.24999998782</v>
      </c>
      <c r="B5028" s="22">
        <v>0.63297533988952637</v>
      </c>
      <c r="C5028" s="21">
        <v>80279.964161707248</v>
      </c>
      <c r="D5028">
        <f t="shared" si="78"/>
        <v>6</v>
      </c>
    </row>
    <row r="5029" spans="1:4" x14ac:dyDescent="0.25">
      <c r="A5029" s="20">
        <v>43765.291666654484</v>
      </c>
      <c r="B5029" s="22">
        <v>0.7343297004699707</v>
      </c>
      <c r="C5029" s="21">
        <v>93134.689965797705</v>
      </c>
      <c r="D5029">
        <f t="shared" si="78"/>
        <v>7</v>
      </c>
    </row>
    <row r="5030" spans="1:4" x14ac:dyDescent="0.25">
      <c r="A5030" s="20">
        <v>43765.333333321149</v>
      </c>
      <c r="B5030" s="22">
        <v>1.002027153968811</v>
      </c>
      <c r="C5030" s="21">
        <v>127086.63188002455</v>
      </c>
      <c r="D5030">
        <f t="shared" si="78"/>
        <v>8</v>
      </c>
    </row>
    <row r="5031" spans="1:4" x14ac:dyDescent="0.25">
      <c r="A5031" s="20">
        <v>43765.374999987813</v>
      </c>
      <c r="B5031" s="22">
        <v>1.158700704574585</v>
      </c>
      <c r="C5031" s="21">
        <v>146957.46449399993</v>
      </c>
      <c r="D5031">
        <f t="shared" si="78"/>
        <v>9</v>
      </c>
    </row>
    <row r="5032" spans="1:4" x14ac:dyDescent="0.25">
      <c r="A5032" s="20">
        <v>43765.416666654477</v>
      </c>
      <c r="B5032" s="22">
        <v>1.0734107494354248</v>
      </c>
      <c r="C5032" s="21">
        <v>136140.17966404048</v>
      </c>
      <c r="D5032">
        <f t="shared" si="78"/>
        <v>10</v>
      </c>
    </row>
    <row r="5033" spans="1:4" x14ac:dyDescent="0.25">
      <c r="A5033" s="20">
        <v>43765.458333321141</v>
      </c>
      <c r="B5033" s="22">
        <v>1.0560203790664673</v>
      </c>
      <c r="C5033" s="21">
        <v>133934.56718279852</v>
      </c>
      <c r="D5033">
        <f t="shared" si="78"/>
        <v>11</v>
      </c>
    </row>
    <row r="5034" spans="1:4" x14ac:dyDescent="0.25">
      <c r="A5034" s="20">
        <v>43765.499999987805</v>
      </c>
      <c r="B5034" s="22">
        <v>1.1615869998931885</v>
      </c>
      <c r="C5034" s="21">
        <v>147323.53196951648</v>
      </c>
      <c r="D5034">
        <f t="shared" si="78"/>
        <v>12</v>
      </c>
    </row>
    <row r="5035" spans="1:4" x14ac:dyDescent="0.25">
      <c r="A5035" s="20">
        <v>43765.54166665447</v>
      </c>
      <c r="B5035" s="22">
        <v>1.1749745607376099</v>
      </c>
      <c r="C5035" s="21">
        <v>149021.47000449648</v>
      </c>
      <c r="D5035">
        <f t="shared" si="78"/>
        <v>13</v>
      </c>
    </row>
    <row r="5036" spans="1:4" x14ac:dyDescent="0.25">
      <c r="A5036" s="20">
        <v>43765.583333321134</v>
      </c>
      <c r="B5036" s="22">
        <v>1.1694705486297607</v>
      </c>
      <c r="C5036" s="21">
        <v>148323.39874181375</v>
      </c>
      <c r="D5036">
        <f t="shared" si="78"/>
        <v>14</v>
      </c>
    </row>
    <row r="5037" spans="1:4" x14ac:dyDescent="0.25">
      <c r="A5037" s="20">
        <v>43765.624999987798</v>
      </c>
      <c r="B5037" s="22">
        <v>1.4441736936569214</v>
      </c>
      <c r="C5037" s="21">
        <v>183163.86921217627</v>
      </c>
      <c r="D5037">
        <f t="shared" si="78"/>
        <v>15</v>
      </c>
    </row>
    <row r="5038" spans="1:4" x14ac:dyDescent="0.25">
      <c r="A5038" s="20">
        <v>43765.666666654462</v>
      </c>
      <c r="B5038" s="22">
        <v>1.3020631074905396</v>
      </c>
      <c r="C5038" s="21">
        <v>165140.05051739505</v>
      </c>
      <c r="D5038">
        <f t="shared" si="78"/>
        <v>16</v>
      </c>
    </row>
    <row r="5039" spans="1:4" x14ac:dyDescent="0.25">
      <c r="A5039" s="20">
        <v>43765.708333321127</v>
      </c>
      <c r="B5039" s="22">
        <v>1.2940855026245117</v>
      </c>
      <c r="C5039" s="21">
        <v>164128.25465050904</v>
      </c>
      <c r="D5039">
        <f t="shared" si="78"/>
        <v>17</v>
      </c>
    </row>
    <row r="5040" spans="1:4" x14ac:dyDescent="0.25">
      <c r="A5040" s="20">
        <v>43765.749999987791</v>
      </c>
      <c r="B5040" s="22">
        <v>1.290471076965332</v>
      </c>
      <c r="C5040" s="21">
        <v>163669.83874692151</v>
      </c>
      <c r="D5040">
        <f t="shared" si="78"/>
        <v>18</v>
      </c>
    </row>
    <row r="5041" spans="1:4" x14ac:dyDescent="0.25">
      <c r="A5041" s="20">
        <v>43765.791666654455</v>
      </c>
      <c r="B5041" s="22">
        <v>1.1828888654708862</v>
      </c>
      <c r="C5041" s="21">
        <v>150025.23754536649</v>
      </c>
      <c r="D5041">
        <f t="shared" si="78"/>
        <v>19</v>
      </c>
    </row>
    <row r="5042" spans="1:4" x14ac:dyDescent="0.25">
      <c r="A5042" s="20">
        <v>43765.833333321119</v>
      </c>
      <c r="B5042" s="22">
        <v>1.3503564596176147</v>
      </c>
      <c r="C5042" s="21">
        <v>171265.07361653657</v>
      </c>
      <c r="D5042">
        <f t="shared" si="78"/>
        <v>20</v>
      </c>
    </row>
    <row r="5043" spans="1:4" x14ac:dyDescent="0.25">
      <c r="A5043" s="20">
        <v>43765.874999987784</v>
      </c>
      <c r="B5043" s="22">
        <v>1.2185659408569336</v>
      </c>
      <c r="C5043" s="21">
        <v>154550.14420900727</v>
      </c>
      <c r="D5043">
        <f t="shared" si="78"/>
        <v>21</v>
      </c>
    </row>
    <row r="5044" spans="1:4" x14ac:dyDescent="0.25">
      <c r="A5044" s="20">
        <v>43765.916666654448</v>
      </c>
      <c r="B5044" s="22">
        <v>1.1345041990280151</v>
      </c>
      <c r="C5044" s="21">
        <v>143888.63309457101</v>
      </c>
      <c r="D5044">
        <f t="shared" si="78"/>
        <v>22</v>
      </c>
    </row>
    <row r="5045" spans="1:4" x14ac:dyDescent="0.25">
      <c r="A5045" s="20">
        <v>43765.958333321112</v>
      </c>
      <c r="B5045" s="22">
        <v>1.0422837734222412</v>
      </c>
      <c r="C5045" s="21">
        <v>132192.35996029529</v>
      </c>
      <c r="D5045">
        <f t="shared" si="78"/>
        <v>23</v>
      </c>
    </row>
    <row r="5046" spans="1:4" x14ac:dyDescent="0.25">
      <c r="A5046" s="20">
        <v>43765.999999987776</v>
      </c>
      <c r="B5046" s="22">
        <v>0.92116516828536987</v>
      </c>
      <c r="C5046" s="21">
        <v>116830.94433010496</v>
      </c>
      <c r="D5046">
        <f t="shared" si="78"/>
        <v>0</v>
      </c>
    </row>
    <row r="5047" spans="1:4" x14ac:dyDescent="0.25">
      <c r="A5047" s="20">
        <v>43766.041666654441</v>
      </c>
      <c r="B5047" s="22">
        <v>0.81342709064483643</v>
      </c>
      <c r="C5047" s="21">
        <v>103166.57469867064</v>
      </c>
      <c r="D5047">
        <f t="shared" si="78"/>
        <v>1</v>
      </c>
    </row>
    <row r="5048" spans="1:4" x14ac:dyDescent="0.25">
      <c r="A5048" s="20">
        <v>43766.083333321105</v>
      </c>
      <c r="B5048" s="22">
        <v>0.92914718389511108</v>
      </c>
      <c r="C5048" s="21">
        <v>117843.29960953818</v>
      </c>
      <c r="D5048">
        <f t="shared" si="78"/>
        <v>2</v>
      </c>
    </row>
    <row r="5049" spans="1:4" x14ac:dyDescent="0.25">
      <c r="A5049" s="20">
        <v>43766.124999987769</v>
      </c>
      <c r="B5049" s="22">
        <v>0.84554606676101685</v>
      </c>
      <c r="C5049" s="21">
        <v>107240.20930814488</v>
      </c>
      <c r="D5049">
        <f t="shared" si="78"/>
        <v>3</v>
      </c>
    </row>
    <row r="5050" spans="1:4" x14ac:dyDescent="0.25">
      <c r="A5050" s="20">
        <v>43766.166666654433</v>
      </c>
      <c r="B5050" s="22">
        <v>0.91535693407058716</v>
      </c>
      <c r="C5050" s="21">
        <v>116094.28872091969</v>
      </c>
      <c r="D5050">
        <f t="shared" si="78"/>
        <v>4</v>
      </c>
    </row>
    <row r="5051" spans="1:4" x14ac:dyDescent="0.25">
      <c r="A5051" s="20">
        <v>43766.208333321098</v>
      </c>
      <c r="B5051" s="22">
        <v>1.1369888782501221</v>
      </c>
      <c r="C5051" s="21">
        <v>144203.76378977139</v>
      </c>
      <c r="D5051">
        <f t="shared" si="78"/>
        <v>5</v>
      </c>
    </row>
    <row r="5052" spans="1:4" x14ac:dyDescent="0.25">
      <c r="A5052" s="20">
        <v>43766.249999987762</v>
      </c>
      <c r="B5052" s="22">
        <v>1.4207743406295776</v>
      </c>
      <c r="C5052" s="21">
        <v>180196.14029121996</v>
      </c>
      <c r="D5052">
        <f t="shared" si="78"/>
        <v>6</v>
      </c>
    </row>
    <row r="5053" spans="1:4" x14ac:dyDescent="0.25">
      <c r="A5053" s="20">
        <v>43766.291666654426</v>
      </c>
      <c r="B5053" s="22">
        <v>1.3488756418228149</v>
      </c>
      <c r="C5053" s="21">
        <v>171077.26219323959</v>
      </c>
      <c r="D5053">
        <f t="shared" si="78"/>
        <v>7</v>
      </c>
    </row>
    <row r="5054" spans="1:4" x14ac:dyDescent="0.25">
      <c r="A5054" s="20">
        <v>43766.33333332109</v>
      </c>
      <c r="B5054" s="22">
        <v>1.2903290987014771</v>
      </c>
      <c r="C5054" s="21">
        <v>163651.83171060312</v>
      </c>
      <c r="D5054">
        <f t="shared" si="78"/>
        <v>8</v>
      </c>
    </row>
    <row r="5055" spans="1:4" x14ac:dyDescent="0.25">
      <c r="A5055" s="20">
        <v>43766.374999987755</v>
      </c>
      <c r="B5055" s="22">
        <v>1.1961284875869751</v>
      </c>
      <c r="C5055" s="21">
        <v>151704.41258112644</v>
      </c>
      <c r="D5055">
        <f t="shared" si="78"/>
        <v>9</v>
      </c>
    </row>
    <row r="5056" spans="1:4" x14ac:dyDescent="0.25">
      <c r="A5056" s="20">
        <v>43766.416666654419</v>
      </c>
      <c r="B5056" s="22">
        <v>1.3298832178115845</v>
      </c>
      <c r="C5056" s="21">
        <v>168668.46200328015</v>
      </c>
      <c r="D5056">
        <f t="shared" si="78"/>
        <v>10</v>
      </c>
    </row>
    <row r="5057" spans="1:4" x14ac:dyDescent="0.25">
      <c r="A5057" s="20">
        <v>43766.458333321083</v>
      </c>
      <c r="B5057" s="22">
        <v>1.0244020223617554</v>
      </c>
      <c r="C5057" s="21">
        <v>129924.42589743758</v>
      </c>
      <c r="D5057">
        <f t="shared" si="78"/>
        <v>11</v>
      </c>
    </row>
    <row r="5058" spans="1:4" x14ac:dyDescent="0.25">
      <c r="A5058" s="20">
        <v>43766.499999987747</v>
      </c>
      <c r="B5058" s="22">
        <v>1.0152113437652588</v>
      </c>
      <c r="C5058" s="21">
        <v>128758.77646079875</v>
      </c>
      <c r="D5058">
        <f t="shared" si="78"/>
        <v>12</v>
      </c>
    </row>
    <row r="5059" spans="1:4" x14ac:dyDescent="0.25">
      <c r="A5059" s="20">
        <v>43766.541666654412</v>
      </c>
      <c r="B5059" s="22">
        <v>0.9978102445602417</v>
      </c>
      <c r="C5059" s="21">
        <v>126551.8032463337</v>
      </c>
      <c r="D5059">
        <f t="shared" si="78"/>
        <v>13</v>
      </c>
    </row>
    <row r="5060" spans="1:4" x14ac:dyDescent="0.25">
      <c r="A5060" s="20">
        <v>43766.583333321076</v>
      </c>
      <c r="B5060" s="22">
        <v>1.0206488370895386</v>
      </c>
      <c r="C5060" s="21">
        <v>129448.41117749858</v>
      </c>
      <c r="D5060">
        <f t="shared" si="78"/>
        <v>14</v>
      </c>
    </row>
    <row r="5061" spans="1:4" x14ac:dyDescent="0.25">
      <c r="A5061" s="20">
        <v>43766.62499998774</v>
      </c>
      <c r="B5061" s="22">
        <v>1.1746314764022827</v>
      </c>
      <c r="C5061" s="21">
        <v>148977.95677987498</v>
      </c>
      <c r="D5061">
        <f t="shared" si="78"/>
        <v>15</v>
      </c>
    </row>
    <row r="5062" spans="1:4" x14ac:dyDescent="0.25">
      <c r="A5062" s="20">
        <v>43766.666666654404</v>
      </c>
      <c r="B5062" s="22">
        <v>1.085115909576416</v>
      </c>
      <c r="C5062" s="21">
        <v>137624.73961038821</v>
      </c>
      <c r="D5062">
        <f t="shared" si="78"/>
        <v>16</v>
      </c>
    </row>
    <row r="5063" spans="1:4" x14ac:dyDescent="0.25">
      <c r="A5063" s="20">
        <v>43766.708333321068</v>
      </c>
      <c r="B5063" s="22">
        <v>1.1142510175704956</v>
      </c>
      <c r="C5063" s="21">
        <v>141319.93163164516</v>
      </c>
      <c r="D5063">
        <f t="shared" ref="D5063:D5126" si="79">HOUR(A5063)</f>
        <v>17</v>
      </c>
    </row>
    <row r="5064" spans="1:4" x14ac:dyDescent="0.25">
      <c r="A5064" s="20">
        <v>43766.749999987733</v>
      </c>
      <c r="B5064" s="22">
        <v>1.1917216777801514</v>
      </c>
      <c r="C5064" s="21">
        <v>151145.49896938761</v>
      </c>
      <c r="D5064">
        <f t="shared" si="79"/>
        <v>18</v>
      </c>
    </row>
    <row r="5065" spans="1:4" x14ac:dyDescent="0.25">
      <c r="A5065" s="20">
        <v>43766.791666654397</v>
      </c>
      <c r="B5065" s="22">
        <v>1.1970458030700684</v>
      </c>
      <c r="C5065" s="21">
        <v>151820.75527169724</v>
      </c>
      <c r="D5065">
        <f t="shared" si="79"/>
        <v>19</v>
      </c>
    </row>
    <row r="5066" spans="1:4" x14ac:dyDescent="0.25">
      <c r="A5066" s="20">
        <v>43766.833333321061</v>
      </c>
      <c r="B5066" s="22">
        <v>1.1058465242385864</v>
      </c>
      <c r="C5066" s="21">
        <v>140253.99370173979</v>
      </c>
      <c r="D5066">
        <f t="shared" si="79"/>
        <v>20</v>
      </c>
    </row>
    <row r="5067" spans="1:4" x14ac:dyDescent="0.25">
      <c r="A5067" s="20">
        <v>43766.874999987725</v>
      </c>
      <c r="B5067" s="22">
        <v>0.97539925575256348</v>
      </c>
      <c r="C5067" s="21">
        <v>123709.42809373639</v>
      </c>
      <c r="D5067">
        <f t="shared" si="79"/>
        <v>21</v>
      </c>
    </row>
    <row r="5068" spans="1:4" x14ac:dyDescent="0.25">
      <c r="A5068" s="20">
        <v>43766.91666665439</v>
      </c>
      <c r="B5068" s="22">
        <v>1.0182293653488159</v>
      </c>
      <c r="C5068" s="21">
        <v>129141.55071644274</v>
      </c>
      <c r="D5068">
        <f t="shared" si="79"/>
        <v>22</v>
      </c>
    </row>
    <row r="5069" spans="1:4" x14ac:dyDescent="0.25">
      <c r="A5069" s="20">
        <v>43766.958333321054</v>
      </c>
      <c r="B5069" s="22">
        <v>0.90604841709136963</v>
      </c>
      <c r="C5069" s="21">
        <v>114913.69389771433</v>
      </c>
      <c r="D5069">
        <f t="shared" si="79"/>
        <v>23</v>
      </c>
    </row>
    <row r="5070" spans="1:4" x14ac:dyDescent="0.25">
      <c r="A5070" s="20">
        <v>43766.999999987718</v>
      </c>
      <c r="B5070" s="22">
        <v>0.82842940092086792</v>
      </c>
      <c r="C5070" s="21">
        <v>105069.3106433487</v>
      </c>
      <c r="D5070">
        <f t="shared" si="79"/>
        <v>0</v>
      </c>
    </row>
    <row r="5071" spans="1:4" x14ac:dyDescent="0.25">
      <c r="A5071" s="20">
        <v>43767.041666654382</v>
      </c>
      <c r="B5071" s="22">
        <v>0.75095564126968384</v>
      </c>
      <c r="C5071" s="21">
        <v>95243.350204897361</v>
      </c>
      <c r="D5071">
        <f t="shared" si="79"/>
        <v>1</v>
      </c>
    </row>
    <row r="5072" spans="1:4" x14ac:dyDescent="0.25">
      <c r="A5072" s="20">
        <v>43767.083333321047</v>
      </c>
      <c r="B5072" s="22">
        <v>0.81755077838897705</v>
      </c>
      <c r="C5072" s="21">
        <v>103689.58007257897</v>
      </c>
      <c r="D5072">
        <f t="shared" si="79"/>
        <v>2</v>
      </c>
    </row>
    <row r="5073" spans="1:4" x14ac:dyDescent="0.25">
      <c r="A5073" s="20">
        <v>43767.124999987711</v>
      </c>
      <c r="B5073" s="22">
        <v>0.79608768224716187</v>
      </c>
      <c r="C5073" s="21">
        <v>100967.42570023815</v>
      </c>
      <c r="D5073">
        <f t="shared" si="79"/>
        <v>3</v>
      </c>
    </row>
    <row r="5074" spans="1:4" x14ac:dyDescent="0.25">
      <c r="A5074" s="20">
        <v>43767.166666654375</v>
      </c>
      <c r="B5074" s="22">
        <v>0.82802259922027588</v>
      </c>
      <c r="C5074" s="21">
        <v>105017.71617530806</v>
      </c>
      <c r="D5074">
        <f t="shared" si="79"/>
        <v>4</v>
      </c>
    </row>
    <row r="5075" spans="1:4" x14ac:dyDescent="0.25">
      <c r="A5075" s="20">
        <v>43767.208333321039</v>
      </c>
      <c r="B5075" s="22">
        <v>1.0645031929016113</v>
      </c>
      <c r="C5075" s="21">
        <v>135010.43846523212</v>
      </c>
      <c r="D5075">
        <f t="shared" si="79"/>
        <v>5</v>
      </c>
    </row>
    <row r="5076" spans="1:4" x14ac:dyDescent="0.25">
      <c r="A5076" s="20">
        <v>43767.249999987704</v>
      </c>
      <c r="B5076" s="22">
        <v>1.4344139099121094</v>
      </c>
      <c r="C5076" s="21">
        <v>181926.04043768361</v>
      </c>
      <c r="D5076">
        <f t="shared" si="79"/>
        <v>6</v>
      </c>
    </row>
    <row r="5077" spans="1:4" x14ac:dyDescent="0.25">
      <c r="A5077" s="20">
        <v>43767.291666654368</v>
      </c>
      <c r="B5077" s="22">
        <v>1.4833844900131226</v>
      </c>
      <c r="C5077" s="21">
        <v>188136.95604171566</v>
      </c>
      <c r="D5077">
        <f t="shared" si="79"/>
        <v>7</v>
      </c>
    </row>
    <row r="5078" spans="1:4" x14ac:dyDescent="0.25">
      <c r="A5078" s="20">
        <v>43767.333333321032</v>
      </c>
      <c r="B5078" s="22">
        <v>1.2645626068115234</v>
      </c>
      <c r="C5078" s="21">
        <v>160383.87968286788</v>
      </c>
      <c r="D5078">
        <f t="shared" si="79"/>
        <v>8</v>
      </c>
    </row>
    <row r="5079" spans="1:4" x14ac:dyDescent="0.25">
      <c r="A5079" s="20">
        <v>43767.374999987696</v>
      </c>
      <c r="B5079" s="22">
        <v>1.2161006927490234</v>
      </c>
      <c r="C5079" s="21">
        <v>154237.47795286644</v>
      </c>
      <c r="D5079">
        <f t="shared" si="79"/>
        <v>9</v>
      </c>
    </row>
    <row r="5080" spans="1:4" x14ac:dyDescent="0.25">
      <c r="A5080" s="20">
        <v>43767.416666654361</v>
      </c>
      <c r="B5080" s="22">
        <v>1.0506479740142822</v>
      </c>
      <c r="C5080" s="21">
        <v>133253.18758098516</v>
      </c>
      <c r="D5080">
        <f t="shared" si="79"/>
        <v>10</v>
      </c>
    </row>
    <row r="5081" spans="1:4" x14ac:dyDescent="0.25">
      <c r="A5081" s="20">
        <v>43767.458333321025</v>
      </c>
      <c r="B5081" s="22">
        <v>0.85972636938095093</v>
      </c>
      <c r="C5081" s="21">
        <v>109038.69040905026</v>
      </c>
      <c r="D5081">
        <f t="shared" si="79"/>
        <v>11</v>
      </c>
    </row>
    <row r="5082" spans="1:4" x14ac:dyDescent="0.25">
      <c r="A5082" s="20">
        <v>43767.499999987689</v>
      </c>
      <c r="B5082" s="22">
        <v>0.97824448347091675</v>
      </c>
      <c r="C5082" s="21">
        <v>124070.28698486027</v>
      </c>
      <c r="D5082">
        <f t="shared" si="79"/>
        <v>12</v>
      </c>
    </row>
    <row r="5083" spans="1:4" x14ac:dyDescent="0.25">
      <c r="A5083" s="20">
        <v>43767.541666654353</v>
      </c>
      <c r="B5083" s="22">
        <v>0.81975698471069336</v>
      </c>
      <c r="C5083" s="21">
        <v>103969.3921810122</v>
      </c>
      <c r="D5083">
        <f t="shared" si="79"/>
        <v>13</v>
      </c>
    </row>
    <row r="5084" spans="1:4" x14ac:dyDescent="0.25">
      <c r="A5084" s="20">
        <v>43767.583333321018</v>
      </c>
      <c r="B5084" s="22">
        <v>0.93075990676879883</v>
      </c>
      <c r="C5084" s="21">
        <v>118047.84049184968</v>
      </c>
      <c r="D5084">
        <f t="shared" si="79"/>
        <v>14</v>
      </c>
    </row>
    <row r="5085" spans="1:4" x14ac:dyDescent="0.25">
      <c r="A5085" s="20">
        <v>43767.624999987682</v>
      </c>
      <c r="B5085" s="22">
        <v>0.92020624876022339</v>
      </c>
      <c r="C5085" s="21">
        <v>116709.32501848033</v>
      </c>
      <c r="D5085">
        <f t="shared" si="79"/>
        <v>15</v>
      </c>
    </row>
    <row r="5086" spans="1:4" x14ac:dyDescent="0.25">
      <c r="A5086" s="20">
        <v>43767.666666654346</v>
      </c>
      <c r="B5086" s="22">
        <v>1.0408042669296265</v>
      </c>
      <c r="C5086" s="21">
        <v>132004.71484883665</v>
      </c>
      <c r="D5086">
        <f t="shared" si="79"/>
        <v>16</v>
      </c>
    </row>
    <row r="5087" spans="1:4" x14ac:dyDescent="0.25">
      <c r="A5087" s="20">
        <v>43767.70833332101</v>
      </c>
      <c r="B5087" s="22">
        <v>1.1299507617950439</v>
      </c>
      <c r="C5087" s="21">
        <v>143311.12279545047</v>
      </c>
      <c r="D5087">
        <f t="shared" si="79"/>
        <v>17</v>
      </c>
    </row>
    <row r="5088" spans="1:4" x14ac:dyDescent="0.25">
      <c r="A5088" s="20">
        <v>43767.749999987675</v>
      </c>
      <c r="B5088" s="22">
        <v>1.1626754999160767</v>
      </c>
      <c r="C5088" s="21">
        <v>147461.58591462395</v>
      </c>
      <c r="D5088">
        <f t="shared" si="79"/>
        <v>18</v>
      </c>
    </row>
    <row r="5089" spans="1:4" x14ac:dyDescent="0.25">
      <c r="A5089" s="20">
        <v>43767.791666654339</v>
      </c>
      <c r="B5089" s="22">
        <v>1.2275600433349609</v>
      </c>
      <c r="C5089" s="21">
        <v>155690.86198914825</v>
      </c>
      <c r="D5089">
        <f t="shared" si="79"/>
        <v>19</v>
      </c>
    </row>
    <row r="5090" spans="1:4" x14ac:dyDescent="0.25">
      <c r="A5090" s="20">
        <v>43767.833333321003</v>
      </c>
      <c r="B5090" s="22">
        <v>1.3294302225112915</v>
      </c>
      <c r="C5090" s="21">
        <v>168611.00882275135</v>
      </c>
      <c r="D5090">
        <f t="shared" si="79"/>
        <v>20</v>
      </c>
    </row>
    <row r="5091" spans="1:4" x14ac:dyDescent="0.25">
      <c r="A5091" s="20">
        <v>43767.874999987667</v>
      </c>
      <c r="B5091" s="22">
        <v>1.4646600484848022</v>
      </c>
      <c r="C5091" s="21">
        <v>185762.14394381642</v>
      </c>
      <c r="D5091">
        <f t="shared" si="79"/>
        <v>21</v>
      </c>
    </row>
    <row r="5092" spans="1:4" x14ac:dyDescent="0.25">
      <c r="A5092" s="20">
        <v>43767.916666654331</v>
      </c>
      <c r="B5092" s="22">
        <v>0.99952524900436401</v>
      </c>
      <c r="C5092" s="21">
        <v>126769.31645203826</v>
      </c>
      <c r="D5092">
        <f t="shared" si="79"/>
        <v>22</v>
      </c>
    </row>
    <row r="5093" spans="1:4" x14ac:dyDescent="0.25">
      <c r="A5093" s="20">
        <v>43767.958333320996</v>
      </c>
      <c r="B5093" s="22">
        <v>0.80892372131347656</v>
      </c>
      <c r="C5093" s="21">
        <v>102595.41448792435</v>
      </c>
      <c r="D5093">
        <f t="shared" si="79"/>
        <v>23</v>
      </c>
    </row>
    <row r="5094" spans="1:4" x14ac:dyDescent="0.25">
      <c r="A5094" s="20">
        <v>43767.99999998766</v>
      </c>
      <c r="B5094" s="22">
        <v>0.82046347856521606</v>
      </c>
      <c r="C5094" s="21">
        <v>104058.99646375004</v>
      </c>
      <c r="D5094">
        <f t="shared" si="79"/>
        <v>0</v>
      </c>
    </row>
    <row r="5095" spans="1:4" x14ac:dyDescent="0.25">
      <c r="A5095" s="20">
        <v>43768.041666654324</v>
      </c>
      <c r="B5095" s="22">
        <v>0.71300607919692993</v>
      </c>
      <c r="C5095" s="21">
        <v>90430.225125356519</v>
      </c>
      <c r="D5095">
        <f t="shared" si="79"/>
        <v>1</v>
      </c>
    </row>
    <row r="5096" spans="1:4" x14ac:dyDescent="0.25">
      <c r="A5096" s="20">
        <v>43768.083333320988</v>
      </c>
      <c r="B5096" s="22">
        <v>0.75632083415985107</v>
      </c>
      <c r="C5096" s="21">
        <v>95923.815091599652</v>
      </c>
      <c r="D5096">
        <f t="shared" si="79"/>
        <v>2</v>
      </c>
    </row>
    <row r="5097" spans="1:4" x14ac:dyDescent="0.25">
      <c r="A5097" s="20">
        <v>43768.124999987653</v>
      </c>
      <c r="B5097" s="22">
        <v>0.66045075654983521</v>
      </c>
      <c r="C5097" s="21">
        <v>83764.658312987347</v>
      </c>
      <c r="D5097">
        <f t="shared" si="79"/>
        <v>3</v>
      </c>
    </row>
    <row r="5098" spans="1:4" x14ac:dyDescent="0.25">
      <c r="A5098" s="20">
        <v>43768.166666654317</v>
      </c>
      <c r="B5098" s="22">
        <v>0.77644991874694824</v>
      </c>
      <c r="C5098" s="21">
        <v>98476.777406912239</v>
      </c>
      <c r="D5098">
        <f t="shared" si="79"/>
        <v>4</v>
      </c>
    </row>
    <row r="5099" spans="1:4" x14ac:dyDescent="0.25">
      <c r="A5099" s="20">
        <v>43768.208333320981</v>
      </c>
      <c r="B5099" s="22">
        <v>0.83662772178649902</v>
      </c>
      <c r="C5099" s="21">
        <v>106109.09981648445</v>
      </c>
      <c r="D5099">
        <f t="shared" si="79"/>
        <v>5</v>
      </c>
    </row>
    <row r="5100" spans="1:4" x14ac:dyDescent="0.25">
      <c r="A5100" s="20">
        <v>43768.249999987645</v>
      </c>
      <c r="B5100" s="22">
        <v>1.1760083436965942</v>
      </c>
      <c r="C5100" s="21">
        <v>149152.58421016642</v>
      </c>
      <c r="D5100">
        <f t="shared" si="79"/>
        <v>6</v>
      </c>
    </row>
    <row r="5101" spans="1:4" x14ac:dyDescent="0.25">
      <c r="A5101" s="20">
        <v>43768.29166665431</v>
      </c>
      <c r="B5101" s="22">
        <v>1.1979027986526489</v>
      </c>
      <c r="C5101" s="21">
        <v>151929.44761770286</v>
      </c>
      <c r="D5101">
        <f t="shared" si="79"/>
        <v>7</v>
      </c>
    </row>
    <row r="5102" spans="1:4" x14ac:dyDescent="0.25">
      <c r="A5102" s="20">
        <v>43768.333333320974</v>
      </c>
      <c r="B5102" s="22">
        <v>0.98621481657028198</v>
      </c>
      <c r="C5102" s="21">
        <v>125081.16057700619</v>
      </c>
      <c r="D5102">
        <f t="shared" si="79"/>
        <v>8</v>
      </c>
    </row>
    <row r="5103" spans="1:4" x14ac:dyDescent="0.25">
      <c r="A5103" s="20">
        <v>43768.374999987638</v>
      </c>
      <c r="B5103" s="22">
        <v>0.95090675354003906</v>
      </c>
      <c r="C5103" s="21">
        <v>120603.05557660932</v>
      </c>
      <c r="D5103">
        <f t="shared" si="79"/>
        <v>9</v>
      </c>
    </row>
    <row r="5104" spans="1:4" x14ac:dyDescent="0.25">
      <c r="A5104" s="20">
        <v>43768.416666654302</v>
      </c>
      <c r="B5104" s="22">
        <v>0.85815763473510742</v>
      </c>
      <c r="C5104" s="21">
        <v>108839.72853295328</v>
      </c>
      <c r="D5104">
        <f t="shared" si="79"/>
        <v>10</v>
      </c>
    </row>
    <row r="5105" spans="1:4" x14ac:dyDescent="0.25">
      <c r="A5105" s="20">
        <v>43768.458333320967</v>
      </c>
      <c r="B5105" s="22">
        <v>1.0062471628189087</v>
      </c>
      <c r="C5105" s="21">
        <v>127621.85361442428</v>
      </c>
      <c r="D5105">
        <f t="shared" si="79"/>
        <v>11</v>
      </c>
    </row>
    <row r="5106" spans="1:4" x14ac:dyDescent="0.25">
      <c r="A5106" s="20">
        <v>43768.499999987631</v>
      </c>
      <c r="B5106" s="22">
        <v>1.0294184684753418</v>
      </c>
      <c r="C5106" s="21">
        <v>130560.65939476174</v>
      </c>
      <c r="D5106">
        <f t="shared" si="79"/>
        <v>12</v>
      </c>
    </row>
    <row r="5107" spans="1:4" x14ac:dyDescent="0.25">
      <c r="A5107" s="20">
        <v>43768.541666654295</v>
      </c>
      <c r="B5107" s="22">
        <v>0.83401113748550415</v>
      </c>
      <c r="C5107" s="21">
        <v>105777.23966226957</v>
      </c>
      <c r="D5107">
        <f t="shared" si="79"/>
        <v>13</v>
      </c>
    </row>
    <row r="5108" spans="1:4" x14ac:dyDescent="0.25">
      <c r="A5108" s="20">
        <v>43768.583333320959</v>
      </c>
      <c r="B5108" s="22">
        <v>0.97904539108276367</v>
      </c>
      <c r="C5108" s="21">
        <v>124171.86571996096</v>
      </c>
      <c r="D5108">
        <f t="shared" si="79"/>
        <v>14</v>
      </c>
    </row>
    <row r="5109" spans="1:4" x14ac:dyDescent="0.25">
      <c r="A5109" s="20">
        <v>43768.624999987624</v>
      </c>
      <c r="B5109" s="22">
        <v>1.0650886297225952</v>
      </c>
      <c r="C5109" s="21">
        <v>135084.68914143657</v>
      </c>
      <c r="D5109">
        <f t="shared" si="79"/>
        <v>15</v>
      </c>
    </row>
    <row r="5110" spans="1:4" x14ac:dyDescent="0.25">
      <c r="A5110" s="20">
        <v>43768.666666654288</v>
      </c>
      <c r="B5110" s="22">
        <v>1.1132278442382813</v>
      </c>
      <c r="C5110" s="21">
        <v>141190.16303994026</v>
      </c>
      <c r="D5110">
        <f t="shared" si="79"/>
        <v>16</v>
      </c>
    </row>
    <row r="5111" spans="1:4" x14ac:dyDescent="0.25">
      <c r="A5111" s="20">
        <v>43768.708333320952</v>
      </c>
      <c r="B5111" s="22">
        <v>1.2885940074920654</v>
      </c>
      <c r="C5111" s="21">
        <v>163431.77090991984</v>
      </c>
      <c r="D5111">
        <f t="shared" si="79"/>
        <v>17</v>
      </c>
    </row>
    <row r="5112" spans="1:4" x14ac:dyDescent="0.25">
      <c r="A5112" s="20">
        <v>43768.749999987616</v>
      </c>
      <c r="B5112" s="22">
        <v>1.1957412958145142</v>
      </c>
      <c r="C5112" s="21">
        <v>151655.30523103234</v>
      </c>
      <c r="D5112">
        <f t="shared" si="79"/>
        <v>18</v>
      </c>
    </row>
    <row r="5113" spans="1:4" x14ac:dyDescent="0.25">
      <c r="A5113" s="20">
        <v>43768.791666654281</v>
      </c>
      <c r="B5113" s="22">
        <v>1.2358975410461426</v>
      </c>
      <c r="C5113" s="21">
        <v>156748.30289603854</v>
      </c>
      <c r="D5113">
        <f t="shared" si="79"/>
        <v>19</v>
      </c>
    </row>
    <row r="5114" spans="1:4" x14ac:dyDescent="0.25">
      <c r="A5114" s="20">
        <v>43768.833333320945</v>
      </c>
      <c r="B5114" s="22">
        <v>1.2030707597732544</v>
      </c>
      <c r="C5114" s="21">
        <v>152584.8976919881</v>
      </c>
      <c r="D5114">
        <f t="shared" si="79"/>
        <v>20</v>
      </c>
    </row>
    <row r="5115" spans="1:4" x14ac:dyDescent="0.25">
      <c r="A5115" s="20">
        <v>43768.874999987609</v>
      </c>
      <c r="B5115" s="22">
        <v>1.1950002908706665</v>
      </c>
      <c r="C5115" s="21">
        <v>151561.3239230937</v>
      </c>
      <c r="D5115">
        <f t="shared" si="79"/>
        <v>21</v>
      </c>
    </row>
    <row r="5116" spans="1:4" x14ac:dyDescent="0.25">
      <c r="A5116" s="20">
        <v>43768.916666654273</v>
      </c>
      <c r="B5116" s="22">
        <v>1.0012165307998657</v>
      </c>
      <c r="C5116" s="21">
        <v>126983.82092539409</v>
      </c>
      <c r="D5116">
        <f t="shared" si="79"/>
        <v>22</v>
      </c>
    </row>
    <row r="5117" spans="1:4" x14ac:dyDescent="0.25">
      <c r="A5117" s="20">
        <v>43768.958333320938</v>
      </c>
      <c r="B5117" s="22">
        <v>0.82176685333251953</v>
      </c>
      <c r="C5117" s="21">
        <v>104224.30287146359</v>
      </c>
      <c r="D5117">
        <f t="shared" si="79"/>
        <v>23</v>
      </c>
    </row>
    <row r="5118" spans="1:4" x14ac:dyDescent="0.25">
      <c r="A5118" s="20">
        <v>43768.999999987602</v>
      </c>
      <c r="B5118" s="22">
        <v>0.78829485177993774</v>
      </c>
      <c r="C5118" s="21">
        <v>99979.064683304678</v>
      </c>
      <c r="D5118">
        <f t="shared" si="79"/>
        <v>0</v>
      </c>
    </row>
    <row r="5119" spans="1:4" x14ac:dyDescent="0.25">
      <c r="A5119" s="20">
        <v>43769.041666654266</v>
      </c>
      <c r="B5119" s="22">
        <v>0.63136118650436401</v>
      </c>
      <c r="C5119" s="21">
        <v>80075.241848299353</v>
      </c>
      <c r="D5119">
        <f t="shared" si="79"/>
        <v>1</v>
      </c>
    </row>
    <row r="5120" spans="1:4" x14ac:dyDescent="0.25">
      <c r="A5120" s="20">
        <v>43769.08333332093</v>
      </c>
      <c r="B5120" s="22">
        <v>0.62632858753204346</v>
      </c>
      <c r="C5120" s="21">
        <v>79436.959691511613</v>
      </c>
      <c r="D5120">
        <f t="shared" si="79"/>
        <v>2</v>
      </c>
    </row>
    <row r="5121" spans="1:4" x14ac:dyDescent="0.25">
      <c r="A5121" s="20">
        <v>43769.124999987594</v>
      </c>
      <c r="B5121" s="22">
        <v>0.67906481027603149</v>
      </c>
      <c r="C5121" s="21">
        <v>86125.469977947214</v>
      </c>
      <c r="D5121">
        <f t="shared" si="79"/>
        <v>3</v>
      </c>
    </row>
    <row r="5122" spans="1:4" x14ac:dyDescent="0.25">
      <c r="A5122" s="20">
        <v>43769.166666654259</v>
      </c>
      <c r="B5122" s="22">
        <v>0.68394529819488525</v>
      </c>
      <c r="C5122" s="21">
        <v>86744.459961483721</v>
      </c>
      <c r="D5122">
        <f t="shared" si="79"/>
        <v>4</v>
      </c>
    </row>
    <row r="5123" spans="1:4" x14ac:dyDescent="0.25">
      <c r="A5123" s="20">
        <v>43769.208333320923</v>
      </c>
      <c r="B5123" s="22">
        <v>0.79199457168579102</v>
      </c>
      <c r="C5123" s="21">
        <v>100448.29841601549</v>
      </c>
      <c r="D5123">
        <f t="shared" si="79"/>
        <v>5</v>
      </c>
    </row>
    <row r="5124" spans="1:4" x14ac:dyDescent="0.25">
      <c r="A5124" s="20">
        <v>43769.249999987587</v>
      </c>
      <c r="B5124" s="22">
        <v>1.0171562433242798</v>
      </c>
      <c r="C5124" s="21">
        <v>129005.44715562167</v>
      </c>
      <c r="D5124">
        <f t="shared" si="79"/>
        <v>6</v>
      </c>
    </row>
    <row r="5125" spans="1:4" x14ac:dyDescent="0.25">
      <c r="A5125" s="20">
        <v>43769.291666654251</v>
      </c>
      <c r="B5125" s="22">
        <v>0.93385130167007446</v>
      </c>
      <c r="C5125" s="21">
        <v>118439.92065081354</v>
      </c>
      <c r="D5125">
        <f t="shared" si="79"/>
        <v>7</v>
      </c>
    </row>
    <row r="5126" spans="1:4" x14ac:dyDescent="0.25">
      <c r="A5126" s="20">
        <v>43769.333333320916</v>
      </c>
      <c r="B5126" s="22">
        <v>0.89344525337219238</v>
      </c>
      <c r="C5126" s="21">
        <v>113315.24058059734</v>
      </c>
      <c r="D5126">
        <f t="shared" si="79"/>
        <v>8</v>
      </c>
    </row>
    <row r="5127" spans="1:4" x14ac:dyDescent="0.25">
      <c r="A5127" s="20">
        <v>43769.37499998758</v>
      </c>
      <c r="B5127" s="22">
        <v>0.99617666006088257</v>
      </c>
      <c r="C5127" s="21">
        <v>126344.6164938663</v>
      </c>
      <c r="D5127">
        <f t="shared" ref="D5127:D5190" si="80">HOUR(A5127)</f>
        <v>9</v>
      </c>
    </row>
    <row r="5128" spans="1:4" x14ac:dyDescent="0.25">
      <c r="A5128" s="20">
        <v>43769.416666654244</v>
      </c>
      <c r="B5128" s="22">
        <v>0.98001402616500854</v>
      </c>
      <c r="C5128" s="21">
        <v>124294.71725111535</v>
      </c>
      <c r="D5128">
        <f t="shared" si="80"/>
        <v>10</v>
      </c>
    </row>
    <row r="5129" spans="1:4" x14ac:dyDescent="0.25">
      <c r="A5129" s="20">
        <v>43769.458333320908</v>
      </c>
      <c r="B5129" s="22">
        <v>0.84906089305877686</v>
      </c>
      <c r="C5129" s="21">
        <v>107685.99307164512</v>
      </c>
      <c r="D5129">
        <f t="shared" si="80"/>
        <v>11</v>
      </c>
    </row>
    <row r="5130" spans="1:4" x14ac:dyDescent="0.25">
      <c r="A5130" s="20">
        <v>43769.499999987573</v>
      </c>
      <c r="B5130" s="22">
        <v>0.87069559097290039</v>
      </c>
      <c r="C5130" s="21">
        <v>110429.91161592574</v>
      </c>
      <c r="D5130">
        <f t="shared" si="80"/>
        <v>12</v>
      </c>
    </row>
    <row r="5131" spans="1:4" x14ac:dyDescent="0.25">
      <c r="A5131" s="20">
        <v>43769.541666654237</v>
      </c>
      <c r="B5131" s="22">
        <v>1.0175868272781372</v>
      </c>
      <c r="C5131" s="21">
        <v>129060.05791564008</v>
      </c>
      <c r="D5131">
        <f t="shared" si="80"/>
        <v>13</v>
      </c>
    </row>
    <row r="5132" spans="1:4" x14ac:dyDescent="0.25">
      <c r="A5132" s="20">
        <v>43769.583333320901</v>
      </c>
      <c r="B5132" s="22">
        <v>0.97636890411376953</v>
      </c>
      <c r="C5132" s="21">
        <v>123832.40813858405</v>
      </c>
      <c r="D5132">
        <f t="shared" si="80"/>
        <v>14</v>
      </c>
    </row>
    <row r="5133" spans="1:4" x14ac:dyDescent="0.25">
      <c r="A5133" s="20">
        <v>43769.624999987565</v>
      </c>
      <c r="B5133" s="22">
        <v>1.070818305015564</v>
      </c>
      <c r="C5133" s="21">
        <v>135811.38115957749</v>
      </c>
      <c r="D5133">
        <f t="shared" si="80"/>
        <v>15</v>
      </c>
    </row>
    <row r="5134" spans="1:4" x14ac:dyDescent="0.25">
      <c r="A5134" s="20">
        <v>43769.66666665423</v>
      </c>
      <c r="B5134" s="22">
        <v>1.1827414035797119</v>
      </c>
      <c r="C5134" s="21">
        <v>150006.53502317856</v>
      </c>
      <c r="D5134">
        <f t="shared" si="80"/>
        <v>16</v>
      </c>
    </row>
    <row r="5135" spans="1:4" x14ac:dyDescent="0.25">
      <c r="A5135" s="20">
        <v>43769.708333320894</v>
      </c>
      <c r="B5135" s="22">
        <v>1.4302645921707153</v>
      </c>
      <c r="C5135" s="21">
        <v>181399.784423298</v>
      </c>
      <c r="D5135">
        <f t="shared" si="80"/>
        <v>17</v>
      </c>
    </row>
    <row r="5136" spans="1:4" x14ac:dyDescent="0.25">
      <c r="A5136" s="20">
        <v>43769.749999987558</v>
      </c>
      <c r="B5136" s="22">
        <v>1.4546769857406616</v>
      </c>
      <c r="C5136" s="21">
        <v>184495.99679902627</v>
      </c>
      <c r="D5136">
        <f t="shared" si="80"/>
        <v>18</v>
      </c>
    </row>
    <row r="5137" spans="1:4" x14ac:dyDescent="0.25">
      <c r="A5137" s="20">
        <v>43769.791666654222</v>
      </c>
      <c r="B5137" s="22">
        <v>1.8415998220443726</v>
      </c>
      <c r="C5137" s="21">
        <v>233569.23784697821</v>
      </c>
      <c r="D5137">
        <f t="shared" si="80"/>
        <v>19</v>
      </c>
    </row>
    <row r="5138" spans="1:4" x14ac:dyDescent="0.25">
      <c r="A5138" s="20">
        <v>43769.833333320887</v>
      </c>
      <c r="B5138" s="22">
        <v>1.8713620901107788</v>
      </c>
      <c r="C5138" s="21">
        <v>237343.97228475148</v>
      </c>
      <c r="D5138">
        <f t="shared" si="80"/>
        <v>20</v>
      </c>
    </row>
    <row r="5139" spans="1:4" x14ac:dyDescent="0.25">
      <c r="A5139" s="20">
        <v>43769.874999987551</v>
      </c>
      <c r="B5139" s="22">
        <v>2.0193572044372559</v>
      </c>
      <c r="C5139" s="21">
        <v>256114.12291385961</v>
      </c>
      <c r="D5139">
        <f t="shared" si="80"/>
        <v>21</v>
      </c>
    </row>
    <row r="5140" spans="1:4" x14ac:dyDescent="0.25">
      <c r="A5140" s="20">
        <v>43769.916666654215</v>
      </c>
      <c r="B5140" s="22">
        <v>1.6784969568252563</v>
      </c>
      <c r="C5140" s="21">
        <v>212882.97828946103</v>
      </c>
      <c r="D5140">
        <f t="shared" si="80"/>
        <v>22</v>
      </c>
    </row>
    <row r="5141" spans="1:4" x14ac:dyDescent="0.25">
      <c r="A5141" s="20">
        <v>43769.958333320879</v>
      </c>
      <c r="B5141" s="22">
        <v>1.7583783864974976</v>
      </c>
      <c r="C5141" s="21">
        <v>223014.30238242284</v>
      </c>
      <c r="D5141">
        <f t="shared" si="80"/>
        <v>23</v>
      </c>
    </row>
    <row r="5142" spans="1:4" x14ac:dyDescent="0.25">
      <c r="A5142" s="20">
        <v>43769.999999987544</v>
      </c>
      <c r="B5142" s="22">
        <v>1.6234866380691528</v>
      </c>
      <c r="C5142" s="21">
        <v>145460.73867320534</v>
      </c>
      <c r="D5142">
        <f t="shared" si="80"/>
        <v>0</v>
      </c>
    </row>
    <row r="5143" spans="1:4" x14ac:dyDescent="0.25">
      <c r="A5143" s="20">
        <v>43770.041666654208</v>
      </c>
      <c r="B5143" s="22">
        <v>1.7584552764892578</v>
      </c>
      <c r="C5143" s="21">
        <v>157553.62406070367</v>
      </c>
      <c r="D5143">
        <f t="shared" si="80"/>
        <v>1</v>
      </c>
    </row>
    <row r="5144" spans="1:4" x14ac:dyDescent="0.25">
      <c r="A5144" s="20">
        <v>43770.083333320872</v>
      </c>
      <c r="B5144" s="22">
        <v>1.6505059003829956</v>
      </c>
      <c r="C5144" s="21">
        <v>147881.60359590713</v>
      </c>
      <c r="D5144">
        <f t="shared" si="80"/>
        <v>2</v>
      </c>
    </row>
    <row r="5145" spans="1:4" x14ac:dyDescent="0.25">
      <c r="A5145" s="20">
        <v>43770.124999987536</v>
      </c>
      <c r="B5145" s="22">
        <v>1.7724864482879639</v>
      </c>
      <c r="C5145" s="21">
        <v>158810.78538647707</v>
      </c>
      <c r="D5145">
        <f t="shared" si="80"/>
        <v>3</v>
      </c>
    </row>
    <row r="5146" spans="1:4" x14ac:dyDescent="0.25">
      <c r="A5146" s="20">
        <v>43770.166666654201</v>
      </c>
      <c r="B5146" s="22">
        <v>1.7441277503967285</v>
      </c>
      <c r="C5146" s="21">
        <v>156269.91005905496</v>
      </c>
      <c r="D5146">
        <f t="shared" si="80"/>
        <v>4</v>
      </c>
    </row>
    <row r="5147" spans="1:4" x14ac:dyDescent="0.25">
      <c r="A5147" s="20">
        <v>43770.208333320865</v>
      </c>
      <c r="B5147" s="22">
        <v>1.8822389841079712</v>
      </c>
      <c r="C5147" s="21">
        <v>168644.36489201759</v>
      </c>
      <c r="D5147">
        <f t="shared" si="80"/>
        <v>5</v>
      </c>
    </row>
    <row r="5148" spans="1:4" x14ac:dyDescent="0.25">
      <c r="A5148" s="20">
        <v>43770.249999987529</v>
      </c>
      <c r="B5148" s="22">
        <v>2.1098413467407227</v>
      </c>
      <c r="C5148" s="21">
        <v>189037.02290101844</v>
      </c>
      <c r="D5148">
        <f t="shared" si="80"/>
        <v>6</v>
      </c>
    </row>
    <row r="5149" spans="1:4" x14ac:dyDescent="0.25">
      <c r="A5149" s="20">
        <v>43770.291666654193</v>
      </c>
      <c r="B5149" s="22">
        <v>2.1165363788604736</v>
      </c>
      <c r="C5149" s="21">
        <v>189636.88266872067</v>
      </c>
      <c r="D5149">
        <f t="shared" si="80"/>
        <v>7</v>
      </c>
    </row>
    <row r="5150" spans="1:4" x14ac:dyDescent="0.25">
      <c r="A5150" s="20">
        <v>43770.333333320857</v>
      </c>
      <c r="B5150" s="22">
        <v>1.9900890588760376</v>
      </c>
      <c r="C5150" s="21">
        <v>178307.48818102808</v>
      </c>
      <c r="D5150">
        <f t="shared" si="80"/>
        <v>8</v>
      </c>
    </row>
    <row r="5151" spans="1:4" x14ac:dyDescent="0.25">
      <c r="A5151" s="20">
        <v>43770.374999987522</v>
      </c>
      <c r="B5151" s="22">
        <v>1.9709144830703735</v>
      </c>
      <c r="C5151" s="21">
        <v>176589.48946454065</v>
      </c>
      <c r="D5151">
        <f t="shared" si="80"/>
        <v>9</v>
      </c>
    </row>
    <row r="5152" spans="1:4" x14ac:dyDescent="0.25">
      <c r="A5152" s="20">
        <v>43770.416666654186</v>
      </c>
      <c r="B5152" s="22">
        <v>2.0391309261322021</v>
      </c>
      <c r="C5152" s="21">
        <v>182701.52880305573</v>
      </c>
      <c r="D5152">
        <f t="shared" si="80"/>
        <v>10</v>
      </c>
    </row>
    <row r="5153" spans="1:4" x14ac:dyDescent="0.25">
      <c r="A5153" s="20">
        <v>43770.45833332085</v>
      </c>
      <c r="B5153" s="22">
        <v>1.9256706237792969</v>
      </c>
      <c r="C5153" s="21">
        <v>172535.74178434187</v>
      </c>
      <c r="D5153">
        <f t="shared" si="80"/>
        <v>11</v>
      </c>
    </row>
    <row r="5154" spans="1:4" x14ac:dyDescent="0.25">
      <c r="A5154" s="20">
        <v>43770.499999987514</v>
      </c>
      <c r="B5154" s="22">
        <v>1.603809118270874</v>
      </c>
      <c r="C5154" s="21">
        <v>143697.6773100897</v>
      </c>
      <c r="D5154">
        <f t="shared" si="80"/>
        <v>12</v>
      </c>
    </row>
    <row r="5155" spans="1:4" x14ac:dyDescent="0.25">
      <c r="A5155" s="20">
        <v>43770.541666654179</v>
      </c>
      <c r="B5155" s="22">
        <v>1.4549204111099243</v>
      </c>
      <c r="C5155" s="21">
        <v>130357.58518005036</v>
      </c>
      <c r="D5155">
        <f t="shared" si="80"/>
        <v>13</v>
      </c>
    </row>
    <row r="5156" spans="1:4" x14ac:dyDescent="0.25">
      <c r="A5156" s="20">
        <v>43770.583333320843</v>
      </c>
      <c r="B5156" s="22">
        <v>1.1488120555877686</v>
      </c>
      <c r="C5156" s="21">
        <v>102930.96739079061</v>
      </c>
      <c r="D5156">
        <f t="shared" si="80"/>
        <v>14</v>
      </c>
    </row>
    <row r="5157" spans="1:4" x14ac:dyDescent="0.25">
      <c r="A5157" s="20">
        <v>43770.624999987507</v>
      </c>
      <c r="B5157" s="22">
        <v>1.2514481544494629</v>
      </c>
      <c r="C5157" s="21">
        <v>112126.93020617553</v>
      </c>
      <c r="D5157">
        <f t="shared" si="80"/>
        <v>15</v>
      </c>
    </row>
    <row r="5158" spans="1:4" x14ac:dyDescent="0.25">
      <c r="A5158" s="20">
        <v>43770.666666654171</v>
      </c>
      <c r="B5158" s="22">
        <v>1.3698562383651733</v>
      </c>
      <c r="C5158" s="21">
        <v>122736.02728611372</v>
      </c>
      <c r="D5158">
        <f t="shared" si="80"/>
        <v>16</v>
      </c>
    </row>
    <row r="5159" spans="1:4" x14ac:dyDescent="0.25">
      <c r="A5159" s="20">
        <v>43770.708333320836</v>
      </c>
      <c r="B5159" s="22">
        <v>1.5158734321594238</v>
      </c>
      <c r="C5159" s="21">
        <v>135818.83829930515</v>
      </c>
      <c r="D5159">
        <f t="shared" si="80"/>
        <v>17</v>
      </c>
    </row>
    <row r="5160" spans="1:4" x14ac:dyDescent="0.25">
      <c r="A5160" s="20">
        <v>43770.7499999875</v>
      </c>
      <c r="B5160" s="22">
        <v>1.7784105539321899</v>
      </c>
      <c r="C5160" s="21">
        <v>159341.57188190034</v>
      </c>
      <c r="D5160">
        <f t="shared" si="80"/>
        <v>18</v>
      </c>
    </row>
    <row r="5161" spans="1:4" x14ac:dyDescent="0.25">
      <c r="A5161" s="20">
        <v>43770.791666654164</v>
      </c>
      <c r="B5161" s="22">
        <v>1.8502025604248047</v>
      </c>
      <c r="C5161" s="21">
        <v>165773.97363401289</v>
      </c>
      <c r="D5161">
        <f t="shared" si="80"/>
        <v>19</v>
      </c>
    </row>
    <row r="5162" spans="1:4" x14ac:dyDescent="0.25">
      <c r="A5162" s="20">
        <v>43770.833333320828</v>
      </c>
      <c r="B5162" s="22">
        <v>1.8893780708312988</v>
      </c>
      <c r="C5162" s="21">
        <v>169284.01094999953</v>
      </c>
      <c r="D5162">
        <f t="shared" si="80"/>
        <v>20</v>
      </c>
    </row>
    <row r="5163" spans="1:4" x14ac:dyDescent="0.25">
      <c r="A5163" s="20">
        <v>43770.874999987493</v>
      </c>
      <c r="B5163" s="22">
        <v>2.0077919960021973</v>
      </c>
      <c r="C5163" s="21">
        <v>179893.63139321929</v>
      </c>
      <c r="D5163">
        <f t="shared" si="80"/>
        <v>21</v>
      </c>
    </row>
    <row r="5164" spans="1:4" x14ac:dyDescent="0.25">
      <c r="A5164" s="20">
        <v>43770.916666654157</v>
      </c>
      <c r="B5164" s="22">
        <v>2.0022821426391602</v>
      </c>
      <c r="C5164" s="21">
        <v>179399.96096725162</v>
      </c>
      <c r="D5164">
        <f t="shared" si="80"/>
        <v>22</v>
      </c>
    </row>
    <row r="5165" spans="1:4" x14ac:dyDescent="0.25">
      <c r="A5165" s="20">
        <v>43770.958333320821</v>
      </c>
      <c r="B5165" s="22">
        <v>2.1572396755218506</v>
      </c>
      <c r="C5165" s="21">
        <v>193283.80618503623</v>
      </c>
      <c r="D5165">
        <f t="shared" si="80"/>
        <v>23</v>
      </c>
    </row>
    <row r="5166" spans="1:4" x14ac:dyDescent="0.25">
      <c r="A5166" s="20">
        <v>43770.999999987485</v>
      </c>
      <c r="B5166" s="22">
        <v>2.2716846466064453</v>
      </c>
      <c r="C5166" s="21">
        <v>203537.81729977982</v>
      </c>
      <c r="D5166">
        <f t="shared" si="80"/>
        <v>0</v>
      </c>
    </row>
    <row r="5167" spans="1:4" x14ac:dyDescent="0.25">
      <c r="A5167" s="20">
        <v>43771.04166665415</v>
      </c>
      <c r="B5167" s="22">
        <v>2.2179887294769287</v>
      </c>
      <c r="C5167" s="21">
        <v>198726.78431297059</v>
      </c>
      <c r="D5167">
        <f t="shared" si="80"/>
        <v>1</v>
      </c>
    </row>
    <row r="5168" spans="1:4" x14ac:dyDescent="0.25">
      <c r="A5168" s="20">
        <v>43771.083333320814</v>
      </c>
      <c r="B5168" s="22">
        <v>2.0813992023468018</v>
      </c>
      <c r="C5168" s="21">
        <v>186488.67095528875</v>
      </c>
      <c r="D5168">
        <f t="shared" si="80"/>
        <v>2</v>
      </c>
    </row>
    <row r="5169" spans="1:4" x14ac:dyDescent="0.25">
      <c r="A5169" s="20">
        <v>43771.124999987478</v>
      </c>
      <c r="B5169" s="22">
        <v>2.2500417232513428</v>
      </c>
      <c r="C5169" s="21">
        <v>201598.66021375352</v>
      </c>
      <c r="D5169">
        <f t="shared" si="80"/>
        <v>3</v>
      </c>
    </row>
    <row r="5170" spans="1:4" x14ac:dyDescent="0.25">
      <c r="A5170" s="20">
        <v>43771.166666654142</v>
      </c>
      <c r="B5170" s="22">
        <v>2.3802201747894287</v>
      </c>
      <c r="C5170" s="21">
        <v>213262.35566774561</v>
      </c>
      <c r="D5170">
        <f t="shared" si="80"/>
        <v>4</v>
      </c>
    </row>
    <row r="5171" spans="1:4" x14ac:dyDescent="0.25">
      <c r="A5171" s="20">
        <v>43771.208333320807</v>
      </c>
      <c r="B5171" s="22">
        <v>2.3911142349243164</v>
      </c>
      <c r="C5171" s="21">
        <v>214238.43886868635</v>
      </c>
      <c r="D5171">
        <f t="shared" si="80"/>
        <v>5</v>
      </c>
    </row>
    <row r="5172" spans="1:4" x14ac:dyDescent="0.25">
      <c r="A5172" s="20">
        <v>43771.249999987471</v>
      </c>
      <c r="B5172" s="22">
        <v>2.3449532985687256</v>
      </c>
      <c r="C5172" s="21">
        <v>210102.52315328701</v>
      </c>
      <c r="D5172">
        <f t="shared" si="80"/>
        <v>6</v>
      </c>
    </row>
    <row r="5173" spans="1:4" x14ac:dyDescent="0.25">
      <c r="A5173" s="20">
        <v>43771.291666654135</v>
      </c>
      <c r="B5173" s="22">
        <v>2.4773933887481689</v>
      </c>
      <c r="C5173" s="21">
        <v>221968.8563251817</v>
      </c>
      <c r="D5173">
        <f t="shared" si="80"/>
        <v>7</v>
      </c>
    </row>
    <row r="5174" spans="1:4" x14ac:dyDescent="0.25">
      <c r="A5174" s="20">
        <v>43771.333333320799</v>
      </c>
      <c r="B5174" s="22">
        <v>2.5951566696166992</v>
      </c>
      <c r="C5174" s="21">
        <v>232520.1805073687</v>
      </c>
      <c r="D5174">
        <f t="shared" si="80"/>
        <v>8</v>
      </c>
    </row>
    <row r="5175" spans="1:4" x14ac:dyDescent="0.25">
      <c r="A5175" s="20">
        <v>43771.374999987464</v>
      </c>
      <c r="B5175" s="22">
        <v>2.6492736339569092</v>
      </c>
      <c r="C5175" s="21">
        <v>237368.93837398145</v>
      </c>
      <c r="D5175">
        <f t="shared" si="80"/>
        <v>9</v>
      </c>
    </row>
    <row r="5176" spans="1:4" x14ac:dyDescent="0.25">
      <c r="A5176" s="20">
        <v>43771.416666654128</v>
      </c>
      <c r="B5176" s="22">
        <v>2.3829872608184814</v>
      </c>
      <c r="C5176" s="21">
        <v>213510.28033082568</v>
      </c>
      <c r="D5176">
        <f t="shared" si="80"/>
        <v>10</v>
      </c>
    </row>
    <row r="5177" spans="1:4" x14ac:dyDescent="0.25">
      <c r="A5177" s="20">
        <v>43771.458333320792</v>
      </c>
      <c r="B5177" s="22">
        <v>2.2007007598876953</v>
      </c>
      <c r="C5177" s="21">
        <v>197177.82125553477</v>
      </c>
      <c r="D5177">
        <f t="shared" si="80"/>
        <v>11</v>
      </c>
    </row>
    <row r="5178" spans="1:4" x14ac:dyDescent="0.25">
      <c r="A5178" s="20">
        <v>43771.499999987456</v>
      </c>
      <c r="B5178" s="22">
        <v>1.9520559310913086</v>
      </c>
      <c r="C5178" s="21">
        <v>174899.80576967247</v>
      </c>
      <c r="D5178">
        <f t="shared" si="80"/>
        <v>12</v>
      </c>
    </row>
    <row r="5179" spans="1:4" x14ac:dyDescent="0.25">
      <c r="A5179" s="20">
        <v>43771.54166665412</v>
      </c>
      <c r="B5179" s="22">
        <v>1.6396853923797607</v>
      </c>
      <c r="C5179" s="21">
        <v>146912.11049996037</v>
      </c>
      <c r="D5179">
        <f t="shared" si="80"/>
        <v>13</v>
      </c>
    </row>
    <row r="5180" spans="1:4" x14ac:dyDescent="0.25">
      <c r="A5180" s="20">
        <v>43771.583333320785</v>
      </c>
      <c r="B5180" s="22">
        <v>1.3968219757080078</v>
      </c>
      <c r="C5180" s="21">
        <v>125152.09649221535</v>
      </c>
      <c r="D5180">
        <f t="shared" si="80"/>
        <v>14</v>
      </c>
    </row>
    <row r="5181" spans="1:4" x14ac:dyDescent="0.25">
      <c r="A5181" s="20">
        <v>43771.624999987449</v>
      </c>
      <c r="B5181" s="22">
        <v>1.2790895700454712</v>
      </c>
      <c r="C5181" s="21">
        <v>114603.53865880215</v>
      </c>
      <c r="D5181">
        <f t="shared" si="80"/>
        <v>15</v>
      </c>
    </row>
    <row r="5182" spans="1:4" x14ac:dyDescent="0.25">
      <c r="A5182" s="20">
        <v>43771.666666654113</v>
      </c>
      <c r="B5182" s="22">
        <v>1.4078158140182495</v>
      </c>
      <c r="C5182" s="21">
        <v>126137.11959247534</v>
      </c>
      <c r="D5182">
        <f t="shared" si="80"/>
        <v>16</v>
      </c>
    </row>
    <row r="5183" spans="1:4" x14ac:dyDescent="0.25">
      <c r="A5183" s="20">
        <v>43771.708333320777</v>
      </c>
      <c r="B5183" s="22">
        <v>1.4930297136306763</v>
      </c>
      <c r="C5183" s="21">
        <v>133772.09267583248</v>
      </c>
      <c r="D5183">
        <f t="shared" si="80"/>
        <v>17</v>
      </c>
    </row>
    <row r="5184" spans="1:4" x14ac:dyDescent="0.25">
      <c r="A5184" s="20">
        <v>43771.749999987442</v>
      </c>
      <c r="B5184" s="22">
        <v>1.4997017383575439</v>
      </c>
      <c r="C5184" s="21">
        <v>134369.89103305846</v>
      </c>
      <c r="D5184">
        <f t="shared" si="80"/>
        <v>18</v>
      </c>
    </row>
    <row r="5185" spans="1:4" x14ac:dyDescent="0.25">
      <c r="A5185" s="20">
        <v>43771.791666654106</v>
      </c>
      <c r="B5185" s="22">
        <v>1.6668621301651001</v>
      </c>
      <c r="C5185" s="21">
        <v>149347.08486949693</v>
      </c>
      <c r="D5185">
        <f t="shared" si="80"/>
        <v>19</v>
      </c>
    </row>
    <row r="5186" spans="1:4" x14ac:dyDescent="0.25">
      <c r="A5186" s="20">
        <v>43771.83333332077</v>
      </c>
      <c r="B5186" s="22">
        <v>1.9459199905395508</v>
      </c>
      <c r="C5186" s="21">
        <v>174350.03934463119</v>
      </c>
      <c r="D5186">
        <f t="shared" si="80"/>
        <v>20</v>
      </c>
    </row>
    <row r="5187" spans="1:4" x14ac:dyDescent="0.25">
      <c r="A5187" s="20">
        <v>43771.874999987434</v>
      </c>
      <c r="B5187" s="22">
        <v>2.0739672183990479</v>
      </c>
      <c r="C5187" s="21">
        <v>185822.78196704711</v>
      </c>
      <c r="D5187">
        <f t="shared" si="80"/>
        <v>21</v>
      </c>
    </row>
    <row r="5188" spans="1:4" x14ac:dyDescent="0.25">
      <c r="A5188" s="20">
        <v>43771.916666654099</v>
      </c>
      <c r="B5188" s="22">
        <v>2.0941686630249023</v>
      </c>
      <c r="C5188" s="21">
        <v>187632.78581225121</v>
      </c>
      <c r="D5188">
        <f t="shared" si="80"/>
        <v>22</v>
      </c>
    </row>
    <row r="5189" spans="1:4" x14ac:dyDescent="0.25">
      <c r="A5189" s="20">
        <v>43771.958333320763</v>
      </c>
      <c r="B5189" s="22">
        <v>2.0308008193969727</v>
      </c>
      <c r="C5189" s="21">
        <v>181955.17004005771</v>
      </c>
      <c r="D5189">
        <f t="shared" si="80"/>
        <v>23</v>
      </c>
    </row>
    <row r="5190" spans="1:4" x14ac:dyDescent="0.25">
      <c r="A5190" s="20">
        <v>43771.999999987427</v>
      </c>
      <c r="B5190" s="22">
        <v>2.0027837753295898</v>
      </c>
      <c r="C5190" s="21">
        <v>179444.90612416359</v>
      </c>
      <c r="D5190">
        <f t="shared" si="80"/>
        <v>0</v>
      </c>
    </row>
    <row r="5191" spans="1:4" x14ac:dyDescent="0.25">
      <c r="A5191" s="20">
        <v>43772.041666654091</v>
      </c>
      <c r="B5191" s="22">
        <v>1.9566609859466553</v>
      </c>
      <c r="C5191" s="21">
        <v>175312.40829141915</v>
      </c>
      <c r="D5191">
        <f t="shared" ref="D5191:D5254" si="81">HOUR(A5191)</f>
        <v>1</v>
      </c>
    </row>
    <row r="5192" spans="1:4" x14ac:dyDescent="0.25">
      <c r="A5192" s="20">
        <v>43772.083333320756</v>
      </c>
      <c r="B5192" s="22">
        <v>2.0555148124694824</v>
      </c>
      <c r="C5192" s="21">
        <v>184169.48804157035</v>
      </c>
      <c r="D5192">
        <f t="shared" si="81"/>
        <v>2</v>
      </c>
    </row>
    <row r="5193" spans="1:4" x14ac:dyDescent="0.25">
      <c r="A5193" s="20">
        <v>43772.12499998742</v>
      </c>
      <c r="B5193" s="22">
        <v>2.2021887302398682</v>
      </c>
      <c r="C5193" s="21">
        <v>197311.14004084261</v>
      </c>
      <c r="D5193">
        <f t="shared" si="81"/>
        <v>3</v>
      </c>
    </row>
    <row r="5194" spans="1:4" x14ac:dyDescent="0.25">
      <c r="A5194" s="20">
        <v>43772.166666654084</v>
      </c>
      <c r="B5194" s="22">
        <v>2.1504533290863037</v>
      </c>
      <c r="C5194" s="21">
        <v>192675.76486072884</v>
      </c>
      <c r="D5194">
        <f t="shared" si="81"/>
        <v>4</v>
      </c>
    </row>
    <row r="5195" spans="1:4" x14ac:dyDescent="0.25">
      <c r="A5195" s="20">
        <v>43772.208333320748</v>
      </c>
      <c r="B5195" s="22">
        <v>2.2742962837219238</v>
      </c>
      <c r="C5195" s="21">
        <v>203771.81409104116</v>
      </c>
      <c r="D5195">
        <f t="shared" si="81"/>
        <v>5</v>
      </c>
    </row>
    <row r="5196" spans="1:4" x14ac:dyDescent="0.25">
      <c r="A5196" s="20">
        <v>43772.249999987413</v>
      </c>
      <c r="B5196" s="22">
        <v>2.3693516254425049</v>
      </c>
      <c r="C5196" s="21">
        <v>212288.55817583032</v>
      </c>
      <c r="D5196">
        <f t="shared" si="81"/>
        <v>6</v>
      </c>
    </row>
    <row r="5197" spans="1:4" x14ac:dyDescent="0.25">
      <c r="A5197" s="20">
        <v>43772.291666654077</v>
      </c>
      <c r="B5197" s="22">
        <v>2.612713098526001</v>
      </c>
      <c r="C5197" s="21">
        <v>234093.19691398842</v>
      </c>
      <c r="D5197">
        <f t="shared" si="81"/>
        <v>7</v>
      </c>
    </row>
    <row r="5198" spans="1:4" x14ac:dyDescent="0.25">
      <c r="A5198" s="20">
        <v>43772.333333320741</v>
      </c>
      <c r="B5198" s="22">
        <v>2.7971906661987305</v>
      </c>
      <c r="C5198" s="21">
        <v>250621.97062427035</v>
      </c>
      <c r="D5198">
        <f t="shared" si="81"/>
        <v>8</v>
      </c>
    </row>
    <row r="5199" spans="1:4" x14ac:dyDescent="0.25">
      <c r="A5199" s="20">
        <v>43772.374999987405</v>
      </c>
      <c r="B5199" s="22">
        <v>2.649977445602417</v>
      </c>
      <c r="C5199" s="21">
        <v>237431.99830896439</v>
      </c>
      <c r="D5199">
        <f t="shared" si="81"/>
        <v>9</v>
      </c>
    </row>
    <row r="5200" spans="1:4" x14ac:dyDescent="0.25">
      <c r="A5200" s="20">
        <v>43772.41666665407</v>
      </c>
      <c r="B5200" s="22">
        <v>1.881983757019043</v>
      </c>
      <c r="C5200" s="21">
        <v>168621.49712087962</v>
      </c>
      <c r="D5200">
        <f t="shared" si="81"/>
        <v>10</v>
      </c>
    </row>
    <row r="5201" spans="1:4" x14ac:dyDescent="0.25">
      <c r="A5201" s="20">
        <v>43772.458333320734</v>
      </c>
      <c r="B5201" s="22">
        <v>1.8243913650512695</v>
      </c>
      <c r="C5201" s="21">
        <v>163461.34878263855</v>
      </c>
      <c r="D5201">
        <f t="shared" si="81"/>
        <v>11</v>
      </c>
    </row>
    <row r="5202" spans="1:4" x14ac:dyDescent="0.25">
      <c r="A5202" s="20">
        <v>43772.499999987398</v>
      </c>
      <c r="B5202" s="22">
        <v>1.5908735990524292</v>
      </c>
      <c r="C5202" s="21">
        <v>142538.6839826951</v>
      </c>
      <c r="D5202">
        <f t="shared" si="81"/>
        <v>12</v>
      </c>
    </row>
    <row r="5203" spans="1:4" x14ac:dyDescent="0.25">
      <c r="A5203" s="20">
        <v>43772.541666654062</v>
      </c>
      <c r="B5203" s="22">
        <v>1.4142420291900635</v>
      </c>
      <c r="C5203" s="21">
        <v>126712.89396834378</v>
      </c>
      <c r="D5203">
        <f t="shared" si="81"/>
        <v>13</v>
      </c>
    </row>
    <row r="5204" spans="1:4" x14ac:dyDescent="0.25">
      <c r="A5204" s="20">
        <v>43772.583333320727</v>
      </c>
      <c r="B5204" s="22">
        <v>1.3836246728897095</v>
      </c>
      <c r="C5204" s="21">
        <v>123969.64794510147</v>
      </c>
      <c r="D5204">
        <f t="shared" si="81"/>
        <v>14</v>
      </c>
    </row>
    <row r="5205" spans="1:4" x14ac:dyDescent="0.25">
      <c r="A5205" s="20">
        <v>43772.624999987391</v>
      </c>
      <c r="B5205" s="22">
        <v>1.2660039663314819</v>
      </c>
      <c r="C5205" s="21">
        <v>113431.09809933716</v>
      </c>
      <c r="D5205">
        <f t="shared" si="81"/>
        <v>15</v>
      </c>
    </row>
    <row r="5206" spans="1:4" x14ac:dyDescent="0.25">
      <c r="A5206" s="20">
        <v>43772.666666654055</v>
      </c>
      <c r="B5206" s="22">
        <v>1.3430981636047363</v>
      </c>
      <c r="C5206" s="21">
        <v>120338.56417871472</v>
      </c>
      <c r="D5206">
        <f t="shared" si="81"/>
        <v>16</v>
      </c>
    </row>
    <row r="5207" spans="1:4" x14ac:dyDescent="0.25">
      <c r="A5207" s="20">
        <v>43772.708333320719</v>
      </c>
      <c r="B5207" s="22">
        <v>1.6000626087188721</v>
      </c>
      <c r="C5207" s="21">
        <v>143361.99850984494</v>
      </c>
      <c r="D5207">
        <f t="shared" si="81"/>
        <v>17</v>
      </c>
    </row>
    <row r="5208" spans="1:4" x14ac:dyDescent="0.25">
      <c r="A5208" s="20">
        <v>43772.749999987383</v>
      </c>
      <c r="B5208" s="22">
        <v>1.823444128036499</v>
      </c>
      <c r="C5208" s="21">
        <v>163376.47848396399</v>
      </c>
      <c r="D5208">
        <f t="shared" si="81"/>
        <v>18</v>
      </c>
    </row>
    <row r="5209" spans="1:4" x14ac:dyDescent="0.25">
      <c r="A5209" s="20">
        <v>43772.791666654048</v>
      </c>
      <c r="B5209" s="22">
        <v>1.9992016553878784</v>
      </c>
      <c r="C5209" s="21">
        <v>179123.95626198483</v>
      </c>
      <c r="D5209">
        <f t="shared" si="81"/>
        <v>19</v>
      </c>
    </row>
    <row r="5210" spans="1:4" x14ac:dyDescent="0.25">
      <c r="A5210" s="20">
        <v>43772.833333320712</v>
      </c>
      <c r="B5210" s="22">
        <v>2.0980119705200195</v>
      </c>
      <c r="C5210" s="21">
        <v>187977.13748973276</v>
      </c>
      <c r="D5210">
        <f t="shared" si="81"/>
        <v>20</v>
      </c>
    </row>
    <row r="5211" spans="1:4" x14ac:dyDescent="0.25">
      <c r="A5211" s="20">
        <v>43772.874999987376</v>
      </c>
      <c r="B5211" s="22">
        <v>2.2200844287872314</v>
      </c>
      <c r="C5211" s="21">
        <v>198914.55424132437</v>
      </c>
      <c r="D5211">
        <f t="shared" si="81"/>
        <v>21</v>
      </c>
    </row>
    <row r="5212" spans="1:4" x14ac:dyDescent="0.25">
      <c r="A5212" s="20">
        <v>43772.91666665404</v>
      </c>
      <c r="B5212" s="22">
        <v>2.0814387798309326</v>
      </c>
      <c r="C5212" s="21">
        <v>186492.2170085432</v>
      </c>
      <c r="D5212">
        <f t="shared" si="81"/>
        <v>22</v>
      </c>
    </row>
    <row r="5213" spans="1:4" x14ac:dyDescent="0.25">
      <c r="A5213" s="20">
        <v>43772.958333320705</v>
      </c>
      <c r="B5213" s="22">
        <v>2.0972063541412354</v>
      </c>
      <c r="C5213" s="21">
        <v>187904.95608041453</v>
      </c>
      <c r="D5213">
        <f t="shared" si="81"/>
        <v>23</v>
      </c>
    </row>
    <row r="5214" spans="1:4" x14ac:dyDescent="0.25">
      <c r="A5214" s="20">
        <v>43772.999999987369</v>
      </c>
      <c r="B5214" s="22">
        <v>2.0514669418334961</v>
      </c>
      <c r="C5214" s="21">
        <v>183806.80796835184</v>
      </c>
      <c r="D5214">
        <f t="shared" si="81"/>
        <v>0</v>
      </c>
    </row>
    <row r="5215" spans="1:4" x14ac:dyDescent="0.25">
      <c r="A5215" s="20">
        <v>43773.041666654033</v>
      </c>
      <c r="B5215" s="22">
        <v>1.9623522758483887</v>
      </c>
      <c r="C5215" s="21">
        <v>175822.33502176421</v>
      </c>
      <c r="D5215">
        <f t="shared" si="81"/>
        <v>1</v>
      </c>
    </row>
    <row r="5216" spans="1:4" x14ac:dyDescent="0.25">
      <c r="A5216" s="20">
        <v>43773.083333320697</v>
      </c>
      <c r="B5216" s="22">
        <v>2.1577661037445068</v>
      </c>
      <c r="C5216" s="21">
        <v>193330.97296567392</v>
      </c>
      <c r="D5216">
        <f t="shared" si="81"/>
        <v>2</v>
      </c>
    </row>
    <row r="5217" spans="1:4" x14ac:dyDescent="0.25">
      <c r="A5217" s="20">
        <v>43773.124999987362</v>
      </c>
      <c r="B5217" s="22">
        <v>2.0622463226318359</v>
      </c>
      <c r="C5217" s="21">
        <v>184772.61615956132</v>
      </c>
      <c r="D5217">
        <f t="shared" si="81"/>
        <v>3</v>
      </c>
    </row>
    <row r="5218" spans="1:4" x14ac:dyDescent="0.25">
      <c r="A5218" s="20">
        <v>43773.166666654026</v>
      </c>
      <c r="B5218" s="22">
        <v>2.1241955757141113</v>
      </c>
      <c r="C5218" s="21">
        <v>190323.12942052557</v>
      </c>
      <c r="D5218">
        <f t="shared" si="81"/>
        <v>4</v>
      </c>
    </row>
    <row r="5219" spans="1:4" x14ac:dyDescent="0.25">
      <c r="A5219" s="20">
        <v>43773.20833332069</v>
      </c>
      <c r="B5219" s="22">
        <v>2.553983211517334</v>
      </c>
      <c r="C5219" s="21">
        <v>228831.13158733145</v>
      </c>
      <c r="D5219">
        <f t="shared" si="81"/>
        <v>5</v>
      </c>
    </row>
    <row r="5220" spans="1:4" x14ac:dyDescent="0.25">
      <c r="A5220" s="20">
        <v>43773.249999987354</v>
      </c>
      <c r="B5220" s="22">
        <v>2.6177029609680176</v>
      </c>
      <c r="C5220" s="21">
        <v>234540.27732701646</v>
      </c>
      <c r="D5220">
        <f t="shared" si="81"/>
        <v>6</v>
      </c>
    </row>
    <row r="5221" spans="1:4" x14ac:dyDescent="0.25">
      <c r="A5221" s="20">
        <v>43773.291666654019</v>
      </c>
      <c r="B5221" s="22">
        <v>2.6459882259368896</v>
      </c>
      <c r="C5221" s="21">
        <v>237074.57323032783</v>
      </c>
      <c r="D5221">
        <f t="shared" si="81"/>
        <v>7</v>
      </c>
    </row>
    <row r="5222" spans="1:4" x14ac:dyDescent="0.25">
      <c r="A5222" s="20">
        <v>43773.333333320683</v>
      </c>
      <c r="B5222" s="22">
        <v>2.5545053482055664</v>
      </c>
      <c r="C5222" s="21">
        <v>228877.91385617046</v>
      </c>
      <c r="D5222">
        <f t="shared" si="81"/>
        <v>8</v>
      </c>
    </row>
    <row r="5223" spans="1:4" x14ac:dyDescent="0.25">
      <c r="A5223" s="20">
        <v>43773.374999987347</v>
      </c>
      <c r="B5223" s="22">
        <v>2.2724084854125977</v>
      </c>
      <c r="C5223" s="21">
        <v>203602.67162315661</v>
      </c>
      <c r="D5223">
        <f t="shared" si="81"/>
        <v>9</v>
      </c>
    </row>
    <row r="5224" spans="1:4" x14ac:dyDescent="0.25">
      <c r="A5224" s="20">
        <v>43773.416666654011</v>
      </c>
      <c r="B5224" s="22">
        <v>1.6472204923629761</v>
      </c>
      <c r="C5224" s="21">
        <v>147587.23845225354</v>
      </c>
      <c r="D5224">
        <f t="shared" si="81"/>
        <v>10</v>
      </c>
    </row>
    <row r="5225" spans="1:4" x14ac:dyDescent="0.25">
      <c r="A5225" s="20">
        <v>43773.458333320676</v>
      </c>
      <c r="B5225" s="22">
        <v>1.5460094213485718</v>
      </c>
      <c r="C5225" s="21">
        <v>138518.95491579588</v>
      </c>
      <c r="D5225">
        <f t="shared" si="81"/>
        <v>11</v>
      </c>
    </row>
    <row r="5226" spans="1:4" x14ac:dyDescent="0.25">
      <c r="A5226" s="20">
        <v>43773.49999998734</v>
      </c>
      <c r="B5226" s="22">
        <v>1.2173179388046265</v>
      </c>
      <c r="C5226" s="21">
        <v>109068.93991394978</v>
      </c>
      <c r="D5226">
        <f t="shared" si="81"/>
        <v>12</v>
      </c>
    </row>
    <row r="5227" spans="1:4" x14ac:dyDescent="0.25">
      <c r="A5227" s="20">
        <v>43773.541666654004</v>
      </c>
      <c r="B5227" s="22">
        <v>1.1541818380355835</v>
      </c>
      <c r="C5227" s="21">
        <v>103412.08777888482</v>
      </c>
      <c r="D5227">
        <f t="shared" si="81"/>
        <v>13</v>
      </c>
    </row>
    <row r="5228" spans="1:4" x14ac:dyDescent="0.25">
      <c r="A5228" s="20">
        <v>43773.583333320668</v>
      </c>
      <c r="B5228" s="22">
        <v>1.1038508415222168</v>
      </c>
      <c r="C5228" s="21">
        <v>98902.544084887995</v>
      </c>
      <c r="D5228">
        <f t="shared" si="81"/>
        <v>14</v>
      </c>
    </row>
    <row r="5229" spans="1:4" x14ac:dyDescent="0.25">
      <c r="A5229" s="20">
        <v>43773.624999987333</v>
      </c>
      <c r="B5229" s="22">
        <v>1.1926928758621216</v>
      </c>
      <c r="C5229" s="21">
        <v>106862.58985137638</v>
      </c>
      <c r="D5229">
        <f t="shared" si="81"/>
        <v>15</v>
      </c>
    </row>
    <row r="5230" spans="1:4" x14ac:dyDescent="0.25">
      <c r="A5230" s="20">
        <v>43773.666666653997</v>
      </c>
      <c r="B5230" s="22">
        <v>1.3434652090072632</v>
      </c>
      <c r="C5230" s="21">
        <v>120371.45061838489</v>
      </c>
      <c r="D5230">
        <f t="shared" si="81"/>
        <v>16</v>
      </c>
    </row>
    <row r="5231" spans="1:4" x14ac:dyDescent="0.25">
      <c r="A5231" s="20">
        <v>43773.708333320661</v>
      </c>
      <c r="B5231" s="22">
        <v>1.534150242805481</v>
      </c>
      <c r="C5231" s="21">
        <v>137456.39928368607</v>
      </c>
      <c r="D5231">
        <f t="shared" si="81"/>
        <v>17</v>
      </c>
    </row>
    <row r="5232" spans="1:4" x14ac:dyDescent="0.25">
      <c r="A5232" s="20">
        <v>43773.749999987325</v>
      </c>
      <c r="B5232" s="22">
        <v>1.6607402563095093</v>
      </c>
      <c r="C5232" s="21">
        <v>148798.57878868465</v>
      </c>
      <c r="D5232">
        <f t="shared" si="81"/>
        <v>18</v>
      </c>
    </row>
    <row r="5233" spans="1:4" x14ac:dyDescent="0.25">
      <c r="A5233" s="20">
        <v>43773.79166665399</v>
      </c>
      <c r="B5233" s="22">
        <v>1.6242462396621704</v>
      </c>
      <c r="C5233" s="21">
        <v>145528.7972615711</v>
      </c>
      <c r="D5233">
        <f t="shared" si="81"/>
        <v>19</v>
      </c>
    </row>
    <row r="5234" spans="1:4" x14ac:dyDescent="0.25">
      <c r="A5234" s="20">
        <v>43773.833333320654</v>
      </c>
      <c r="B5234" s="22">
        <v>1.7483558654785156</v>
      </c>
      <c r="C5234" s="21">
        <v>156648.73962781788</v>
      </c>
      <c r="D5234">
        <f t="shared" si="81"/>
        <v>20</v>
      </c>
    </row>
    <row r="5235" spans="1:4" x14ac:dyDescent="0.25">
      <c r="A5235" s="20">
        <v>43773.874999987318</v>
      </c>
      <c r="B5235" s="22">
        <v>1.7374056577682495</v>
      </c>
      <c r="C5235" s="21">
        <v>155667.62573084442</v>
      </c>
      <c r="D5235">
        <f t="shared" si="81"/>
        <v>21</v>
      </c>
    </row>
    <row r="5236" spans="1:4" x14ac:dyDescent="0.25">
      <c r="A5236" s="20">
        <v>43773.916666653982</v>
      </c>
      <c r="B5236" s="22">
        <v>1.6983304023742676</v>
      </c>
      <c r="C5236" s="21">
        <v>152166.57103771018</v>
      </c>
      <c r="D5236">
        <f t="shared" si="81"/>
        <v>22</v>
      </c>
    </row>
    <row r="5237" spans="1:4" x14ac:dyDescent="0.25">
      <c r="A5237" s="20">
        <v>43773.958333320646</v>
      </c>
      <c r="B5237" s="22">
        <v>1.681698203086853</v>
      </c>
      <c r="C5237" s="21">
        <v>150676.36351928883</v>
      </c>
      <c r="D5237">
        <f t="shared" si="81"/>
        <v>23</v>
      </c>
    </row>
    <row r="5238" spans="1:4" x14ac:dyDescent="0.25">
      <c r="A5238" s="20">
        <v>43773.999999987311</v>
      </c>
      <c r="B5238" s="22">
        <v>1.6951954364776611</v>
      </c>
      <c r="C5238" s="21">
        <v>151885.68516877686</v>
      </c>
      <c r="D5238">
        <f t="shared" si="81"/>
        <v>0</v>
      </c>
    </row>
    <row r="5239" spans="1:4" x14ac:dyDescent="0.25">
      <c r="A5239" s="20">
        <v>43774.041666653975</v>
      </c>
      <c r="B5239" s="22">
        <v>1.8474615812301636</v>
      </c>
      <c r="C5239" s="21">
        <v>165528.38808437475</v>
      </c>
      <c r="D5239">
        <f t="shared" si="81"/>
        <v>1</v>
      </c>
    </row>
    <row r="5240" spans="1:4" x14ac:dyDescent="0.25">
      <c r="A5240" s="20">
        <v>43774.083333320639</v>
      </c>
      <c r="B5240" s="22">
        <v>1.7185431718826294</v>
      </c>
      <c r="C5240" s="21">
        <v>153977.58956682746</v>
      </c>
      <c r="D5240">
        <f t="shared" si="81"/>
        <v>2</v>
      </c>
    </row>
    <row r="5241" spans="1:4" x14ac:dyDescent="0.25">
      <c r="A5241" s="20">
        <v>43774.124999987303</v>
      </c>
      <c r="B5241" s="22">
        <v>1.9726659059524536</v>
      </c>
      <c r="C5241" s="21">
        <v>176746.41300193395</v>
      </c>
      <c r="D5241">
        <f t="shared" si="81"/>
        <v>3</v>
      </c>
    </row>
    <row r="5242" spans="1:4" x14ac:dyDescent="0.25">
      <c r="A5242" s="20">
        <v>43774.166666653968</v>
      </c>
      <c r="B5242" s="22">
        <v>1.967188835144043</v>
      </c>
      <c r="C5242" s="21">
        <v>176255.67981887283</v>
      </c>
      <c r="D5242">
        <f t="shared" si="81"/>
        <v>4</v>
      </c>
    </row>
    <row r="5243" spans="1:4" x14ac:dyDescent="0.25">
      <c r="A5243" s="20">
        <v>43774.208333320632</v>
      </c>
      <c r="B5243" s="22">
        <v>1.9664887189865112</v>
      </c>
      <c r="C5243" s="21">
        <v>176192.95099127205</v>
      </c>
      <c r="D5243">
        <f t="shared" si="81"/>
        <v>5</v>
      </c>
    </row>
    <row r="5244" spans="1:4" x14ac:dyDescent="0.25">
      <c r="A5244" s="20">
        <v>43774.249999987296</v>
      </c>
      <c r="B5244" s="22">
        <v>2.1314389705657959</v>
      </c>
      <c r="C5244" s="21">
        <v>190972.12125139203</v>
      </c>
      <c r="D5244">
        <f t="shared" si="81"/>
        <v>6</v>
      </c>
    </row>
    <row r="5245" spans="1:4" x14ac:dyDescent="0.25">
      <c r="A5245" s="20">
        <v>43774.29166665396</v>
      </c>
      <c r="B5245" s="22">
        <v>2.0180056095123291</v>
      </c>
      <c r="C5245" s="21">
        <v>180808.7481123032</v>
      </c>
      <c r="D5245">
        <f t="shared" si="81"/>
        <v>7</v>
      </c>
    </row>
    <row r="5246" spans="1:4" x14ac:dyDescent="0.25">
      <c r="A5246" s="20">
        <v>43774.333333320625</v>
      </c>
      <c r="B5246" s="22">
        <v>1.8570089340209961</v>
      </c>
      <c r="C5246" s="21">
        <v>166383.80934671409</v>
      </c>
      <c r="D5246">
        <f t="shared" si="81"/>
        <v>8</v>
      </c>
    </row>
    <row r="5247" spans="1:4" x14ac:dyDescent="0.25">
      <c r="A5247" s="20">
        <v>43774.374999987289</v>
      </c>
      <c r="B5247" s="22">
        <v>1.7746946811676025</v>
      </c>
      <c r="C5247" s="21">
        <v>159008.63806866281</v>
      </c>
      <c r="D5247">
        <f t="shared" si="81"/>
        <v>9</v>
      </c>
    </row>
    <row r="5248" spans="1:4" x14ac:dyDescent="0.25">
      <c r="A5248" s="20">
        <v>43774.416666653953</v>
      </c>
      <c r="B5248" s="22">
        <v>1.5340602397918701</v>
      </c>
      <c r="C5248" s="21">
        <v>137448.33521679713</v>
      </c>
      <c r="D5248">
        <f t="shared" si="81"/>
        <v>10</v>
      </c>
    </row>
    <row r="5249" spans="1:4" x14ac:dyDescent="0.25">
      <c r="A5249" s="20">
        <v>43774.458333320617</v>
      </c>
      <c r="B5249" s="22">
        <v>1.3532817363739014</v>
      </c>
      <c r="C5249" s="21">
        <v>121250.9893152079</v>
      </c>
      <c r="D5249">
        <f t="shared" si="81"/>
        <v>11</v>
      </c>
    </row>
    <row r="5250" spans="1:4" x14ac:dyDescent="0.25">
      <c r="A5250" s="20">
        <v>43774.499999987282</v>
      </c>
      <c r="B5250" s="22">
        <v>1.410869836807251</v>
      </c>
      <c r="C5250" s="21">
        <v>126410.75314165029</v>
      </c>
      <c r="D5250">
        <f t="shared" si="81"/>
        <v>12</v>
      </c>
    </row>
    <row r="5251" spans="1:4" x14ac:dyDescent="0.25">
      <c r="A5251" s="20">
        <v>43774.541666653946</v>
      </c>
      <c r="B5251" s="22">
        <v>1.2384809255599976</v>
      </c>
      <c r="C5251" s="21">
        <v>110965.09576382404</v>
      </c>
      <c r="D5251">
        <f t="shared" si="81"/>
        <v>13</v>
      </c>
    </row>
    <row r="5252" spans="1:4" x14ac:dyDescent="0.25">
      <c r="A5252" s="20">
        <v>43774.58333332061</v>
      </c>
      <c r="B5252" s="22">
        <v>1.3408362865447998</v>
      </c>
      <c r="C5252" s="21">
        <v>120135.90509904553</v>
      </c>
      <c r="D5252">
        <f t="shared" si="81"/>
        <v>14</v>
      </c>
    </row>
    <row r="5253" spans="1:4" x14ac:dyDescent="0.25">
      <c r="A5253" s="20">
        <v>43774.624999987274</v>
      </c>
      <c r="B5253" s="22">
        <v>1.3316669464111328</v>
      </c>
      <c r="C5253" s="21">
        <v>119314.35291763961</v>
      </c>
      <c r="D5253">
        <f t="shared" si="81"/>
        <v>15</v>
      </c>
    </row>
    <row r="5254" spans="1:4" x14ac:dyDescent="0.25">
      <c r="A5254" s="20">
        <v>43774.666666653939</v>
      </c>
      <c r="B5254" s="22">
        <v>1.3068693876266479</v>
      </c>
      <c r="C5254" s="21">
        <v>117092.54761693608</v>
      </c>
      <c r="D5254">
        <f t="shared" si="81"/>
        <v>16</v>
      </c>
    </row>
    <row r="5255" spans="1:4" x14ac:dyDescent="0.25">
      <c r="A5255" s="20">
        <v>43774.708333320603</v>
      </c>
      <c r="B5255" s="22">
        <v>1.7299648523330688</v>
      </c>
      <c r="C5255" s="21">
        <v>155000.94635723883</v>
      </c>
      <c r="D5255">
        <f t="shared" ref="D5255:D5318" si="82">HOUR(A5255)</f>
        <v>17</v>
      </c>
    </row>
    <row r="5256" spans="1:4" x14ac:dyDescent="0.25">
      <c r="A5256" s="20">
        <v>43774.749999987267</v>
      </c>
      <c r="B5256" s="22">
        <v>1.708215594291687</v>
      </c>
      <c r="C5256" s="21">
        <v>153052.26192331203</v>
      </c>
      <c r="D5256">
        <f t="shared" si="82"/>
        <v>18</v>
      </c>
    </row>
    <row r="5257" spans="1:4" x14ac:dyDescent="0.25">
      <c r="A5257" s="20">
        <v>43774.791666653931</v>
      </c>
      <c r="B5257" s="22">
        <v>1.6516671180725098</v>
      </c>
      <c r="C5257" s="21">
        <v>147985.64608009908</v>
      </c>
      <c r="D5257">
        <f t="shared" si="82"/>
        <v>19</v>
      </c>
    </row>
    <row r="5258" spans="1:4" x14ac:dyDescent="0.25">
      <c r="A5258" s="20">
        <v>43774.833333320596</v>
      </c>
      <c r="B5258" s="22">
        <v>1.8400142192840576</v>
      </c>
      <c r="C5258" s="21">
        <v>164861.12126218784</v>
      </c>
      <c r="D5258">
        <f t="shared" si="82"/>
        <v>20</v>
      </c>
    </row>
    <row r="5259" spans="1:4" x14ac:dyDescent="0.25">
      <c r="A5259" s="20">
        <v>43774.87499998726</v>
      </c>
      <c r="B5259" s="22">
        <v>1.7277016639709473</v>
      </c>
      <c r="C5259" s="21">
        <v>154798.1697878534</v>
      </c>
      <c r="D5259">
        <f t="shared" si="82"/>
        <v>21</v>
      </c>
    </row>
    <row r="5260" spans="1:4" x14ac:dyDescent="0.25">
      <c r="A5260" s="20">
        <v>43774.916666653924</v>
      </c>
      <c r="B5260" s="22">
        <v>1.5935715436935425</v>
      </c>
      <c r="C5260" s="21">
        <v>142780.41373346318</v>
      </c>
      <c r="D5260">
        <f t="shared" si="82"/>
        <v>22</v>
      </c>
    </row>
    <row r="5261" spans="1:4" x14ac:dyDescent="0.25">
      <c r="A5261" s="20">
        <v>43774.958333320588</v>
      </c>
      <c r="B5261" s="22">
        <v>1.5963482856750488</v>
      </c>
      <c r="C5261" s="21">
        <v>143029.20354809027</v>
      </c>
      <c r="D5261">
        <f t="shared" si="82"/>
        <v>23</v>
      </c>
    </row>
    <row r="5262" spans="1:4" x14ac:dyDescent="0.25">
      <c r="A5262" s="20">
        <v>43774.999999987253</v>
      </c>
      <c r="B5262" s="22">
        <v>1.5536433458328247</v>
      </c>
      <c r="C5262" s="21">
        <v>139202.93732034191</v>
      </c>
      <c r="D5262">
        <f t="shared" si="82"/>
        <v>0</v>
      </c>
    </row>
    <row r="5263" spans="1:4" x14ac:dyDescent="0.25">
      <c r="A5263" s="20">
        <v>43775.041666653917</v>
      </c>
      <c r="B5263" s="22">
        <v>1.5862571001052856</v>
      </c>
      <c r="C5263" s="21">
        <v>142125.05609615197</v>
      </c>
      <c r="D5263">
        <f t="shared" si="82"/>
        <v>1</v>
      </c>
    </row>
    <row r="5264" spans="1:4" x14ac:dyDescent="0.25">
      <c r="A5264" s="20">
        <v>43775.083333320581</v>
      </c>
      <c r="B5264" s="22">
        <v>1.7302017211914063</v>
      </c>
      <c r="C5264" s="21">
        <v>155022.16927234916</v>
      </c>
      <c r="D5264">
        <f t="shared" si="82"/>
        <v>2</v>
      </c>
    </row>
    <row r="5265" spans="1:4" x14ac:dyDescent="0.25">
      <c r="A5265" s="20">
        <v>43775.124999987245</v>
      </c>
      <c r="B5265" s="22">
        <v>1.8472408056259155</v>
      </c>
      <c r="C5265" s="21">
        <v>165508.60708850948</v>
      </c>
      <c r="D5265">
        <f t="shared" si="82"/>
        <v>3</v>
      </c>
    </row>
    <row r="5266" spans="1:4" x14ac:dyDescent="0.25">
      <c r="A5266" s="20">
        <v>43775.166666653909</v>
      </c>
      <c r="B5266" s="22">
        <v>1.8744626045227051</v>
      </c>
      <c r="C5266" s="21">
        <v>167947.61883193214</v>
      </c>
      <c r="D5266">
        <f t="shared" si="82"/>
        <v>4</v>
      </c>
    </row>
    <row r="5267" spans="1:4" x14ac:dyDescent="0.25">
      <c r="A5267" s="20">
        <v>43775.208333320574</v>
      </c>
      <c r="B5267" s="22">
        <v>2.0888886451721191</v>
      </c>
      <c r="C5267" s="21">
        <v>187159.70812927934</v>
      </c>
      <c r="D5267">
        <f t="shared" si="82"/>
        <v>5</v>
      </c>
    </row>
    <row r="5268" spans="1:4" x14ac:dyDescent="0.25">
      <c r="A5268" s="20">
        <v>43775.249999987238</v>
      </c>
      <c r="B5268" s="22">
        <v>2.4295897483825684</v>
      </c>
      <c r="C5268" s="21">
        <v>217685.75803795553</v>
      </c>
      <c r="D5268">
        <f t="shared" si="82"/>
        <v>6</v>
      </c>
    </row>
    <row r="5269" spans="1:4" x14ac:dyDescent="0.25">
      <c r="A5269" s="20">
        <v>43775.291666653902</v>
      </c>
      <c r="B5269" s="22">
        <v>2.1347160339355469</v>
      </c>
      <c r="C5269" s="21">
        <v>191265.73873321485</v>
      </c>
      <c r="D5269">
        <f t="shared" si="82"/>
        <v>7</v>
      </c>
    </row>
    <row r="5270" spans="1:4" x14ac:dyDescent="0.25">
      <c r="A5270" s="20">
        <v>43775.333333320566</v>
      </c>
      <c r="B5270" s="22">
        <v>1.9750571250915527</v>
      </c>
      <c r="C5270" s="21">
        <v>176960.66083997994</v>
      </c>
      <c r="D5270">
        <f t="shared" si="82"/>
        <v>8</v>
      </c>
    </row>
    <row r="5271" spans="1:4" x14ac:dyDescent="0.25">
      <c r="A5271" s="20">
        <v>43775.374999987231</v>
      </c>
      <c r="B5271" s="22">
        <v>1.9059057235717773</v>
      </c>
      <c r="C5271" s="21">
        <v>170764.85133376982</v>
      </c>
      <c r="D5271">
        <f t="shared" si="82"/>
        <v>9</v>
      </c>
    </row>
    <row r="5272" spans="1:4" x14ac:dyDescent="0.25">
      <c r="A5272" s="20">
        <v>43775.416666653895</v>
      </c>
      <c r="B5272" s="22">
        <v>1.6817989349365234</v>
      </c>
      <c r="C5272" s="21">
        <v>150685.38886567441</v>
      </c>
      <c r="D5272">
        <f t="shared" si="82"/>
        <v>10</v>
      </c>
    </row>
    <row r="5273" spans="1:4" x14ac:dyDescent="0.25">
      <c r="A5273" s="20">
        <v>43775.458333320559</v>
      </c>
      <c r="B5273" s="22">
        <v>1.3840285539627075</v>
      </c>
      <c r="C5273" s="21">
        <v>124005.83477771028</v>
      </c>
      <c r="D5273">
        <f t="shared" si="82"/>
        <v>11</v>
      </c>
    </row>
    <row r="5274" spans="1:4" x14ac:dyDescent="0.25">
      <c r="A5274" s="20">
        <v>43775.499999987223</v>
      </c>
      <c r="B5274" s="22">
        <v>1.3560613393783569</v>
      </c>
      <c r="C5274" s="21">
        <v>121500.03547103412</v>
      </c>
      <c r="D5274">
        <f t="shared" si="82"/>
        <v>12</v>
      </c>
    </row>
    <row r="5275" spans="1:4" x14ac:dyDescent="0.25">
      <c r="A5275" s="20">
        <v>43775.541666653888</v>
      </c>
      <c r="B5275" s="22">
        <v>1.0761131048202515</v>
      </c>
      <c r="C5275" s="21">
        <v>96417.305478557755</v>
      </c>
      <c r="D5275">
        <f t="shared" si="82"/>
        <v>13</v>
      </c>
    </row>
    <row r="5276" spans="1:4" x14ac:dyDescent="0.25">
      <c r="A5276" s="20">
        <v>43775.583333320552</v>
      </c>
      <c r="B5276" s="22">
        <v>1.0180163383483887</v>
      </c>
      <c r="C5276" s="21">
        <v>91211.966323088884</v>
      </c>
      <c r="D5276">
        <f t="shared" si="82"/>
        <v>14</v>
      </c>
    </row>
    <row r="5277" spans="1:4" x14ac:dyDescent="0.25">
      <c r="A5277" s="20">
        <v>43775.624999987216</v>
      </c>
      <c r="B5277" s="22">
        <v>1.1270884275436401</v>
      </c>
      <c r="C5277" s="21">
        <v>100984.57934677255</v>
      </c>
      <c r="D5277">
        <f t="shared" si="82"/>
        <v>15</v>
      </c>
    </row>
    <row r="5278" spans="1:4" x14ac:dyDescent="0.25">
      <c r="A5278" s="20">
        <v>43775.66666665388</v>
      </c>
      <c r="B5278" s="22">
        <v>1.1849457025527954</v>
      </c>
      <c r="C5278" s="21">
        <v>106168.46060769859</v>
      </c>
      <c r="D5278">
        <f t="shared" si="82"/>
        <v>16</v>
      </c>
    </row>
    <row r="5279" spans="1:4" x14ac:dyDescent="0.25">
      <c r="A5279" s="20">
        <v>43775.708333320545</v>
      </c>
      <c r="B5279" s="22">
        <v>1.3115321397781372</v>
      </c>
      <c r="C5279" s="21">
        <v>117510.31968619829</v>
      </c>
      <c r="D5279">
        <f t="shared" si="82"/>
        <v>17</v>
      </c>
    </row>
    <row r="5280" spans="1:4" x14ac:dyDescent="0.25">
      <c r="A5280" s="20">
        <v>43775.749999987209</v>
      </c>
      <c r="B5280" s="22">
        <v>1.4786567687988281</v>
      </c>
      <c r="C5280" s="21">
        <v>132484.30925764778</v>
      </c>
      <c r="D5280">
        <f t="shared" si="82"/>
        <v>18</v>
      </c>
    </row>
    <row r="5281" spans="1:4" x14ac:dyDescent="0.25">
      <c r="A5281" s="20">
        <v>43775.791666653873</v>
      </c>
      <c r="B5281" s="22">
        <v>1.5895899534225464</v>
      </c>
      <c r="C5281" s="21">
        <v>142423.67223135757</v>
      </c>
      <c r="D5281">
        <f t="shared" si="82"/>
        <v>19</v>
      </c>
    </row>
    <row r="5282" spans="1:4" x14ac:dyDescent="0.25">
      <c r="A5282" s="20">
        <v>43775.833333320537</v>
      </c>
      <c r="B5282" s="22">
        <v>1.7006336450576782</v>
      </c>
      <c r="C5282" s="21">
        <v>152372.93638388329</v>
      </c>
      <c r="D5282">
        <f t="shared" si="82"/>
        <v>20</v>
      </c>
    </row>
    <row r="5283" spans="1:4" x14ac:dyDescent="0.25">
      <c r="A5283" s="20">
        <v>43775.874999987202</v>
      </c>
      <c r="B5283" s="22">
        <v>1.5092742443084717</v>
      </c>
      <c r="C5283" s="21">
        <v>135227.56596177339</v>
      </c>
      <c r="D5283">
        <f t="shared" si="82"/>
        <v>21</v>
      </c>
    </row>
    <row r="5284" spans="1:4" x14ac:dyDescent="0.25">
      <c r="A5284" s="20">
        <v>43775.916666653866</v>
      </c>
      <c r="B5284" s="22">
        <v>1.3862063884735107</v>
      </c>
      <c r="C5284" s="21">
        <v>124200.9638346554</v>
      </c>
      <c r="D5284">
        <f t="shared" si="82"/>
        <v>22</v>
      </c>
    </row>
    <row r="5285" spans="1:4" x14ac:dyDescent="0.25">
      <c r="A5285" s="20">
        <v>43775.95833332053</v>
      </c>
      <c r="B5285" s="22">
        <v>1.2699904441833496</v>
      </c>
      <c r="C5285" s="21">
        <v>113788.2775176579</v>
      </c>
      <c r="D5285">
        <f t="shared" si="82"/>
        <v>23</v>
      </c>
    </row>
    <row r="5286" spans="1:4" x14ac:dyDescent="0.25">
      <c r="A5286" s="20">
        <v>43775.999999987194</v>
      </c>
      <c r="B5286" s="22">
        <v>1.1151742935180664</v>
      </c>
      <c r="C5286" s="21">
        <v>99917.099827463011</v>
      </c>
      <c r="D5286">
        <f t="shared" si="82"/>
        <v>0</v>
      </c>
    </row>
    <row r="5287" spans="1:4" x14ac:dyDescent="0.25">
      <c r="A5287" s="20">
        <v>43776.041666653859</v>
      </c>
      <c r="B5287" s="22">
        <v>1.1829798221588135</v>
      </c>
      <c r="C5287" s="21">
        <v>105992.32216125479</v>
      </c>
      <c r="D5287">
        <f t="shared" si="82"/>
        <v>1</v>
      </c>
    </row>
    <row r="5288" spans="1:4" x14ac:dyDescent="0.25">
      <c r="A5288" s="20">
        <v>43776.083333320523</v>
      </c>
      <c r="B5288" s="22">
        <v>1.1302975416183472</v>
      </c>
      <c r="C5288" s="21">
        <v>101272.10872511634</v>
      </c>
      <c r="D5288">
        <f t="shared" si="82"/>
        <v>2</v>
      </c>
    </row>
    <row r="5289" spans="1:4" x14ac:dyDescent="0.25">
      <c r="A5289" s="20">
        <v>43776.124999987187</v>
      </c>
      <c r="B5289" s="22">
        <v>1.1388289928436279</v>
      </c>
      <c r="C5289" s="21">
        <v>102036.50750000228</v>
      </c>
      <c r="D5289">
        <f t="shared" si="82"/>
        <v>3</v>
      </c>
    </row>
    <row r="5290" spans="1:4" x14ac:dyDescent="0.25">
      <c r="A5290" s="20">
        <v>43776.166666653851</v>
      </c>
      <c r="B5290" s="22">
        <v>1.3071266412734985</v>
      </c>
      <c r="C5290" s="21">
        <v>117115.59696309008</v>
      </c>
      <c r="D5290">
        <f t="shared" si="82"/>
        <v>4</v>
      </c>
    </row>
    <row r="5291" spans="1:4" x14ac:dyDescent="0.25">
      <c r="A5291" s="20">
        <v>43776.208333320516</v>
      </c>
      <c r="B5291" s="22">
        <v>1.3082038164138794</v>
      </c>
      <c r="C5291" s="21">
        <v>117212.10942455793</v>
      </c>
      <c r="D5291">
        <f t="shared" si="82"/>
        <v>5</v>
      </c>
    </row>
    <row r="5292" spans="1:4" x14ac:dyDescent="0.25">
      <c r="A5292" s="20">
        <v>43776.24999998718</v>
      </c>
      <c r="B5292" s="22">
        <v>1.5886248350143433</v>
      </c>
      <c r="C5292" s="21">
        <v>142337.19980018851</v>
      </c>
      <c r="D5292">
        <f t="shared" si="82"/>
        <v>6</v>
      </c>
    </row>
    <row r="5293" spans="1:4" x14ac:dyDescent="0.25">
      <c r="A5293" s="20">
        <v>43776.291666653844</v>
      </c>
      <c r="B5293" s="22">
        <v>1.4880943298339844</v>
      </c>
      <c r="C5293" s="21">
        <v>133329.89342647101</v>
      </c>
      <c r="D5293">
        <f t="shared" si="82"/>
        <v>7</v>
      </c>
    </row>
    <row r="5294" spans="1:4" x14ac:dyDescent="0.25">
      <c r="A5294" s="20">
        <v>43776.333333320508</v>
      </c>
      <c r="B5294" s="22">
        <v>1.4361811876296997</v>
      </c>
      <c r="C5294" s="21">
        <v>128678.59304936204</v>
      </c>
      <c r="D5294">
        <f t="shared" si="82"/>
        <v>8</v>
      </c>
    </row>
    <row r="5295" spans="1:4" x14ac:dyDescent="0.25">
      <c r="A5295" s="20">
        <v>43776.374999987172</v>
      </c>
      <c r="B5295" s="22">
        <v>1.5687004327774048</v>
      </c>
      <c r="C5295" s="21">
        <v>140552.01832776563</v>
      </c>
      <c r="D5295">
        <f t="shared" si="82"/>
        <v>9</v>
      </c>
    </row>
    <row r="5296" spans="1:4" x14ac:dyDescent="0.25">
      <c r="A5296" s="20">
        <v>43776.416666653837</v>
      </c>
      <c r="B5296" s="22">
        <v>1.4008035659790039</v>
      </c>
      <c r="C5296" s="21">
        <v>125508.83799432093</v>
      </c>
      <c r="D5296">
        <f t="shared" si="82"/>
        <v>10</v>
      </c>
    </row>
    <row r="5297" spans="1:4" x14ac:dyDescent="0.25">
      <c r="A5297" s="20">
        <v>43776.458333320501</v>
      </c>
      <c r="B5297" s="22">
        <v>1.3485963344573975</v>
      </c>
      <c r="C5297" s="21">
        <v>120831.18787811934</v>
      </c>
      <c r="D5297">
        <f t="shared" si="82"/>
        <v>11</v>
      </c>
    </row>
    <row r="5298" spans="1:4" x14ac:dyDescent="0.25">
      <c r="A5298" s="20">
        <v>43776.499999987165</v>
      </c>
      <c r="B5298" s="22">
        <v>1.2714436054229736</v>
      </c>
      <c r="C5298" s="21">
        <v>113918.47748504314</v>
      </c>
      <c r="D5298">
        <f t="shared" si="82"/>
        <v>12</v>
      </c>
    </row>
    <row r="5299" spans="1:4" x14ac:dyDescent="0.25">
      <c r="A5299" s="20">
        <v>43776.541666653829</v>
      </c>
      <c r="B5299" s="22">
        <v>1.2371258735656738</v>
      </c>
      <c r="C5299" s="21">
        <v>110843.68616339189</v>
      </c>
      <c r="D5299">
        <f t="shared" si="82"/>
        <v>13</v>
      </c>
    </row>
    <row r="5300" spans="1:4" x14ac:dyDescent="0.25">
      <c r="A5300" s="20">
        <v>43776.583333320494</v>
      </c>
      <c r="B5300" s="22">
        <v>1.4434827566146851</v>
      </c>
      <c r="C5300" s="21">
        <v>129332.79715127723</v>
      </c>
      <c r="D5300">
        <f t="shared" si="82"/>
        <v>14</v>
      </c>
    </row>
    <row r="5301" spans="1:4" x14ac:dyDescent="0.25">
      <c r="A5301" s="20">
        <v>43776.624999987158</v>
      </c>
      <c r="B5301" s="22">
        <v>1.647324800491333</v>
      </c>
      <c r="C5301" s="21">
        <v>147596.58422513804</v>
      </c>
      <c r="D5301">
        <f t="shared" si="82"/>
        <v>15</v>
      </c>
    </row>
    <row r="5302" spans="1:4" x14ac:dyDescent="0.25">
      <c r="A5302" s="20">
        <v>43776.666666653822</v>
      </c>
      <c r="B5302" s="22">
        <v>1.6660077571868896</v>
      </c>
      <c r="C5302" s="21">
        <v>149270.53497891038</v>
      </c>
      <c r="D5302">
        <f t="shared" si="82"/>
        <v>16</v>
      </c>
    </row>
    <row r="5303" spans="1:4" x14ac:dyDescent="0.25">
      <c r="A5303" s="20">
        <v>43776.708333320486</v>
      </c>
      <c r="B5303" s="22">
        <v>1.6836051940917969</v>
      </c>
      <c r="C5303" s="21">
        <v>150847.2256093841</v>
      </c>
      <c r="D5303">
        <f t="shared" si="82"/>
        <v>17</v>
      </c>
    </row>
    <row r="5304" spans="1:4" x14ac:dyDescent="0.25">
      <c r="A5304" s="20">
        <v>43776.749999987151</v>
      </c>
      <c r="B5304" s="22">
        <v>1.8306691646575928</v>
      </c>
      <c r="C5304" s="21">
        <v>164023.82545880275</v>
      </c>
      <c r="D5304">
        <f t="shared" si="82"/>
        <v>18</v>
      </c>
    </row>
    <row r="5305" spans="1:4" x14ac:dyDescent="0.25">
      <c r="A5305" s="20">
        <v>43776.791666653815</v>
      </c>
      <c r="B5305" s="22">
        <v>2.2590503692626953</v>
      </c>
      <c r="C5305" s="21">
        <v>202405.81456447567</v>
      </c>
      <c r="D5305">
        <f t="shared" si="82"/>
        <v>19</v>
      </c>
    </row>
    <row r="5306" spans="1:4" x14ac:dyDescent="0.25">
      <c r="A5306" s="20">
        <v>43776.833333320479</v>
      </c>
      <c r="B5306" s="22">
        <v>2.0810093879699707</v>
      </c>
      <c r="C5306" s="21">
        <v>186453.74446690895</v>
      </c>
      <c r="D5306">
        <f t="shared" si="82"/>
        <v>20</v>
      </c>
    </row>
    <row r="5307" spans="1:4" x14ac:dyDescent="0.25">
      <c r="A5307" s="20">
        <v>43776.874999987143</v>
      </c>
      <c r="B5307" s="22">
        <v>1.9838027954101563</v>
      </c>
      <c r="C5307" s="21">
        <v>177744.25316214983</v>
      </c>
      <c r="D5307">
        <f t="shared" si="82"/>
        <v>21</v>
      </c>
    </row>
    <row r="5308" spans="1:4" x14ac:dyDescent="0.25">
      <c r="A5308" s="20">
        <v>43776.916666653808</v>
      </c>
      <c r="B5308" s="22">
        <v>1.7917193174362183</v>
      </c>
      <c r="C5308" s="21">
        <v>160534.0070548965</v>
      </c>
      <c r="D5308">
        <f t="shared" si="82"/>
        <v>22</v>
      </c>
    </row>
    <row r="5309" spans="1:4" x14ac:dyDescent="0.25">
      <c r="A5309" s="20">
        <v>43776.958333320472</v>
      </c>
      <c r="B5309" s="22">
        <v>1.8440392017364502</v>
      </c>
      <c r="C5309" s="21">
        <v>165221.75060581337</v>
      </c>
      <c r="D5309">
        <f t="shared" si="82"/>
        <v>23</v>
      </c>
    </row>
    <row r="5310" spans="1:4" x14ac:dyDescent="0.25">
      <c r="A5310" s="20">
        <v>43776.999999987136</v>
      </c>
      <c r="B5310" s="22">
        <v>1.8591185808181763</v>
      </c>
      <c r="C5310" s="21">
        <v>166572.82893841356</v>
      </c>
      <c r="D5310">
        <f t="shared" si="82"/>
        <v>0</v>
      </c>
    </row>
    <row r="5311" spans="1:4" x14ac:dyDescent="0.25">
      <c r="A5311" s="20">
        <v>43777.0416666538</v>
      </c>
      <c r="B5311" s="22">
        <v>1.8972353935241699</v>
      </c>
      <c r="C5311" s="21">
        <v>169988.00932984336</v>
      </c>
      <c r="D5311">
        <f t="shared" si="82"/>
        <v>1</v>
      </c>
    </row>
    <row r="5312" spans="1:4" x14ac:dyDescent="0.25">
      <c r="A5312" s="20">
        <v>43777.083333320465</v>
      </c>
      <c r="B5312" s="22">
        <v>1.9624645709991455</v>
      </c>
      <c r="C5312" s="21">
        <v>175832.39641382959</v>
      </c>
      <c r="D5312">
        <f t="shared" si="82"/>
        <v>2</v>
      </c>
    </row>
    <row r="5313" spans="1:4" x14ac:dyDescent="0.25">
      <c r="A5313" s="20">
        <v>43777.124999987129</v>
      </c>
      <c r="B5313" s="22">
        <v>2.2151165008544922</v>
      </c>
      <c r="C5313" s="21">
        <v>198469.43911082292</v>
      </c>
      <c r="D5313">
        <f t="shared" si="82"/>
        <v>3</v>
      </c>
    </row>
    <row r="5314" spans="1:4" x14ac:dyDescent="0.25">
      <c r="A5314" s="20">
        <v>43777.166666653793</v>
      </c>
      <c r="B5314" s="22">
        <v>2.2596418857574463</v>
      </c>
      <c r="C5314" s="21">
        <v>202458.81310739327</v>
      </c>
      <c r="D5314">
        <f t="shared" si="82"/>
        <v>4</v>
      </c>
    </row>
    <row r="5315" spans="1:4" x14ac:dyDescent="0.25">
      <c r="A5315" s="20">
        <v>43777.208333320457</v>
      </c>
      <c r="B5315" s="22">
        <v>2.2535912990570068</v>
      </c>
      <c r="C5315" s="21">
        <v>201916.69419479233</v>
      </c>
      <c r="D5315">
        <f t="shared" si="82"/>
        <v>5</v>
      </c>
    </row>
    <row r="5316" spans="1:4" x14ac:dyDescent="0.25">
      <c r="A5316" s="20">
        <v>43777.249999987122</v>
      </c>
      <c r="B5316" s="22">
        <v>2.5572676658630371</v>
      </c>
      <c r="C5316" s="21">
        <v>229125.41128391866</v>
      </c>
      <c r="D5316">
        <f t="shared" si="82"/>
        <v>6</v>
      </c>
    </row>
    <row r="5317" spans="1:4" x14ac:dyDescent="0.25">
      <c r="A5317" s="20">
        <v>43777.291666653786</v>
      </c>
      <c r="B5317" s="22">
        <v>2.5132043361663818</v>
      </c>
      <c r="C5317" s="21">
        <v>225177.43639100585</v>
      </c>
      <c r="D5317">
        <f t="shared" si="82"/>
        <v>7</v>
      </c>
    </row>
    <row r="5318" spans="1:4" x14ac:dyDescent="0.25">
      <c r="A5318" s="20">
        <v>43777.33333332045</v>
      </c>
      <c r="B5318" s="22">
        <v>2.3737900257110596</v>
      </c>
      <c r="C5318" s="21">
        <v>212686.22882272836</v>
      </c>
      <c r="D5318">
        <f t="shared" si="82"/>
        <v>8</v>
      </c>
    </row>
    <row r="5319" spans="1:4" x14ac:dyDescent="0.25">
      <c r="A5319" s="20">
        <v>43777.374999987114</v>
      </c>
      <c r="B5319" s="22">
        <v>2.277268648147583</v>
      </c>
      <c r="C5319" s="21">
        <v>204038.13123515795</v>
      </c>
      <c r="D5319">
        <f t="shared" ref="D5319:D5382" si="83">HOUR(A5319)</f>
        <v>9</v>
      </c>
    </row>
    <row r="5320" spans="1:4" x14ac:dyDescent="0.25">
      <c r="A5320" s="20">
        <v>43777.416666653779</v>
      </c>
      <c r="B5320" s="22">
        <v>2.323725700378418</v>
      </c>
      <c r="C5320" s="21">
        <v>208200.57826466599</v>
      </c>
      <c r="D5320">
        <f t="shared" si="83"/>
        <v>10</v>
      </c>
    </row>
    <row r="5321" spans="1:4" x14ac:dyDescent="0.25">
      <c r="A5321" s="20">
        <v>43777.458333320443</v>
      </c>
      <c r="B5321" s="22">
        <v>2.2421901226043701</v>
      </c>
      <c r="C5321" s="21">
        <v>200895.17451630795</v>
      </c>
      <c r="D5321">
        <f t="shared" si="83"/>
        <v>11</v>
      </c>
    </row>
    <row r="5322" spans="1:4" x14ac:dyDescent="0.25">
      <c r="A5322" s="20">
        <v>43777.499999987107</v>
      </c>
      <c r="B5322" s="22">
        <v>1.8788952827453613</v>
      </c>
      <c r="C5322" s="21">
        <v>168344.77679643198</v>
      </c>
      <c r="D5322">
        <f t="shared" si="83"/>
        <v>12</v>
      </c>
    </row>
    <row r="5323" spans="1:4" x14ac:dyDescent="0.25">
      <c r="A5323" s="20">
        <v>43777.541666653771</v>
      </c>
      <c r="B5323" s="22">
        <v>1.8429257869720459</v>
      </c>
      <c r="C5323" s="21">
        <v>165121.99115582337</v>
      </c>
      <c r="D5323">
        <f t="shared" si="83"/>
        <v>13</v>
      </c>
    </row>
    <row r="5324" spans="1:4" x14ac:dyDescent="0.25">
      <c r="A5324" s="20">
        <v>43777.583333320435</v>
      </c>
      <c r="B5324" s="22">
        <v>1.9395054578781128</v>
      </c>
      <c r="C5324" s="21">
        <v>173775.31169532583</v>
      </c>
      <c r="D5324">
        <f t="shared" si="83"/>
        <v>14</v>
      </c>
    </row>
    <row r="5325" spans="1:4" x14ac:dyDescent="0.25">
      <c r="A5325" s="20">
        <v>43777.6249999871</v>
      </c>
      <c r="B5325" s="22">
        <v>2.1126837730407715</v>
      </c>
      <c r="C5325" s="21">
        <v>189291.69788234198</v>
      </c>
      <c r="D5325">
        <f t="shared" si="83"/>
        <v>15</v>
      </c>
    </row>
    <row r="5326" spans="1:4" x14ac:dyDescent="0.25">
      <c r="A5326" s="20">
        <v>43777.666666653764</v>
      </c>
      <c r="B5326" s="22">
        <v>2.125622034072876</v>
      </c>
      <c r="C5326" s="21">
        <v>190450.93687005236</v>
      </c>
      <c r="D5326">
        <f t="shared" si="83"/>
        <v>16</v>
      </c>
    </row>
    <row r="5327" spans="1:4" x14ac:dyDescent="0.25">
      <c r="A5327" s="20">
        <v>43777.708333320428</v>
      </c>
      <c r="B5327" s="22">
        <v>2.4417667388916016</v>
      </c>
      <c r="C5327" s="21">
        <v>218776.78890493404</v>
      </c>
      <c r="D5327">
        <f t="shared" si="83"/>
        <v>17</v>
      </c>
    </row>
    <row r="5328" spans="1:4" x14ac:dyDescent="0.25">
      <c r="A5328" s="20">
        <v>43777.749999987092</v>
      </c>
      <c r="B5328" s="22">
        <v>2.3641431331634521</v>
      </c>
      <c r="C5328" s="21">
        <v>211821.8890228364</v>
      </c>
      <c r="D5328">
        <f t="shared" si="83"/>
        <v>18</v>
      </c>
    </row>
    <row r="5329" spans="1:4" x14ac:dyDescent="0.25">
      <c r="A5329" s="20">
        <v>43777.791666653757</v>
      </c>
      <c r="B5329" s="22">
        <v>2.4257359504699707</v>
      </c>
      <c r="C5329" s="21">
        <v>217340.4664427439</v>
      </c>
      <c r="D5329">
        <f t="shared" si="83"/>
        <v>19</v>
      </c>
    </row>
    <row r="5330" spans="1:4" x14ac:dyDescent="0.25">
      <c r="A5330" s="20">
        <v>43777.833333320421</v>
      </c>
      <c r="B5330" s="22">
        <v>2.3578166961669922</v>
      </c>
      <c r="C5330" s="21">
        <v>211255.05454628717</v>
      </c>
      <c r="D5330">
        <f t="shared" si="83"/>
        <v>20</v>
      </c>
    </row>
    <row r="5331" spans="1:4" x14ac:dyDescent="0.25">
      <c r="A5331" s="20">
        <v>43777.874999987085</v>
      </c>
      <c r="B5331" s="22">
        <v>2.441265344619751</v>
      </c>
      <c r="C5331" s="21">
        <v>218731.86510978866</v>
      </c>
      <c r="D5331">
        <f t="shared" si="83"/>
        <v>21</v>
      </c>
    </row>
    <row r="5332" spans="1:4" x14ac:dyDescent="0.25">
      <c r="A5332" s="20">
        <v>43777.916666653749</v>
      </c>
      <c r="B5332" s="22">
        <v>2.4856746196746826</v>
      </c>
      <c r="C5332" s="21">
        <v>222710.83592602814</v>
      </c>
      <c r="D5332">
        <f t="shared" si="83"/>
        <v>22</v>
      </c>
    </row>
    <row r="5333" spans="1:4" x14ac:dyDescent="0.25">
      <c r="A5333" s="20">
        <v>43777.958333320414</v>
      </c>
      <c r="B5333" s="22">
        <v>2.6436810493469238</v>
      </c>
      <c r="C5333" s="21">
        <v>236867.85541500596</v>
      </c>
      <c r="D5333">
        <f t="shared" si="83"/>
        <v>23</v>
      </c>
    </row>
    <row r="5334" spans="1:4" x14ac:dyDescent="0.25">
      <c r="A5334" s="20">
        <v>43777.999999987078</v>
      </c>
      <c r="B5334" s="22">
        <v>2.8495762348175049</v>
      </c>
      <c r="C5334" s="21">
        <v>255315.59934188364</v>
      </c>
      <c r="D5334">
        <f t="shared" si="83"/>
        <v>0</v>
      </c>
    </row>
    <row r="5335" spans="1:4" x14ac:dyDescent="0.25">
      <c r="A5335" s="20">
        <v>43778.041666653742</v>
      </c>
      <c r="B5335" s="22">
        <v>2.7336051464080811</v>
      </c>
      <c r="C5335" s="21">
        <v>244924.85155917733</v>
      </c>
      <c r="D5335">
        <f t="shared" si="83"/>
        <v>1</v>
      </c>
    </row>
    <row r="5336" spans="1:4" x14ac:dyDescent="0.25">
      <c r="A5336" s="20">
        <v>43778.083333320406</v>
      </c>
      <c r="B5336" s="22">
        <v>2.9731440544128418</v>
      </c>
      <c r="C5336" s="21">
        <v>266386.99709354748</v>
      </c>
      <c r="D5336">
        <f t="shared" si="83"/>
        <v>2</v>
      </c>
    </row>
    <row r="5337" spans="1:4" x14ac:dyDescent="0.25">
      <c r="A5337" s="20">
        <v>43778.124999987071</v>
      </c>
      <c r="B5337" s="22">
        <v>3.0600147247314453</v>
      </c>
      <c r="C5337" s="21">
        <v>274170.41309296043</v>
      </c>
      <c r="D5337">
        <f t="shared" si="83"/>
        <v>3</v>
      </c>
    </row>
    <row r="5338" spans="1:4" x14ac:dyDescent="0.25">
      <c r="A5338" s="20">
        <v>43778.166666653735</v>
      </c>
      <c r="B5338" s="22">
        <v>3.1263868808746338</v>
      </c>
      <c r="C5338" s="21">
        <v>280117.2084859942</v>
      </c>
      <c r="D5338">
        <f t="shared" si="83"/>
        <v>4</v>
      </c>
    </row>
    <row r="5339" spans="1:4" x14ac:dyDescent="0.25">
      <c r="A5339" s="20">
        <v>43778.208333320399</v>
      </c>
      <c r="B5339" s="22">
        <v>2.8951480388641357</v>
      </c>
      <c r="C5339" s="21">
        <v>259398.73013203131</v>
      </c>
      <c r="D5339">
        <f t="shared" si="83"/>
        <v>5</v>
      </c>
    </row>
    <row r="5340" spans="1:4" x14ac:dyDescent="0.25">
      <c r="A5340" s="20">
        <v>43778.249999987063</v>
      </c>
      <c r="B5340" s="22">
        <v>3.2248387336730957</v>
      </c>
      <c r="C5340" s="21">
        <v>288938.27229766932</v>
      </c>
      <c r="D5340">
        <f t="shared" si="83"/>
        <v>6</v>
      </c>
    </row>
    <row r="5341" spans="1:4" x14ac:dyDescent="0.25">
      <c r="A5341" s="20">
        <v>43778.291666653728</v>
      </c>
      <c r="B5341" s="22">
        <v>2.9537308216094971</v>
      </c>
      <c r="C5341" s="21">
        <v>264647.61524870031</v>
      </c>
      <c r="D5341">
        <f t="shared" si="83"/>
        <v>7</v>
      </c>
    </row>
    <row r="5342" spans="1:4" x14ac:dyDescent="0.25">
      <c r="A5342" s="20">
        <v>43778.333333320392</v>
      </c>
      <c r="B5342" s="22">
        <v>3.0093448162078857</v>
      </c>
      <c r="C5342" s="21">
        <v>269630.50364775147</v>
      </c>
      <c r="D5342">
        <f t="shared" si="83"/>
        <v>8</v>
      </c>
    </row>
    <row r="5343" spans="1:4" x14ac:dyDescent="0.25">
      <c r="A5343" s="20">
        <v>43778.374999987056</v>
      </c>
      <c r="B5343" s="22">
        <v>2.8300528526306152</v>
      </c>
      <c r="C5343" s="21">
        <v>253566.3483608705</v>
      </c>
      <c r="D5343">
        <f t="shared" si="83"/>
        <v>9</v>
      </c>
    </row>
    <row r="5344" spans="1:4" x14ac:dyDescent="0.25">
      <c r="A5344" s="20">
        <v>43778.41666665372</v>
      </c>
      <c r="B5344" s="22">
        <v>2.4261126518249512</v>
      </c>
      <c r="C5344" s="21">
        <v>217374.21803396108</v>
      </c>
      <c r="D5344">
        <f t="shared" si="83"/>
        <v>10</v>
      </c>
    </row>
    <row r="5345" spans="1:4" x14ac:dyDescent="0.25">
      <c r="A5345" s="20">
        <v>43778.458333320385</v>
      </c>
      <c r="B5345" s="22">
        <v>2.1732296943664551</v>
      </c>
      <c r="C5345" s="21">
        <v>194716.47578513896</v>
      </c>
      <c r="D5345">
        <f t="shared" si="83"/>
        <v>11</v>
      </c>
    </row>
    <row r="5346" spans="1:4" x14ac:dyDescent="0.25">
      <c r="A5346" s="20">
        <v>43778.499999987049</v>
      </c>
      <c r="B5346" s="22">
        <v>1.9079408645629883</v>
      </c>
      <c r="C5346" s="21">
        <v>170947.19537340893</v>
      </c>
      <c r="D5346">
        <f t="shared" si="83"/>
        <v>12</v>
      </c>
    </row>
    <row r="5347" spans="1:4" x14ac:dyDescent="0.25">
      <c r="A5347" s="20">
        <v>43778.541666653713</v>
      </c>
      <c r="B5347" s="22">
        <v>1.8101919889450073</v>
      </c>
      <c r="C5347" s="21">
        <v>162189.11673053369</v>
      </c>
      <c r="D5347">
        <f t="shared" si="83"/>
        <v>13</v>
      </c>
    </row>
    <row r="5348" spans="1:4" x14ac:dyDescent="0.25">
      <c r="A5348" s="20">
        <v>43778.583333320377</v>
      </c>
      <c r="B5348" s="22">
        <v>1.6595556735992432</v>
      </c>
      <c r="C5348" s="21">
        <v>148692.44285136659</v>
      </c>
      <c r="D5348">
        <f t="shared" si="83"/>
        <v>14</v>
      </c>
    </row>
    <row r="5349" spans="1:4" x14ac:dyDescent="0.25">
      <c r="A5349" s="20">
        <v>43778.624999987042</v>
      </c>
      <c r="B5349" s="22">
        <v>1.6297628879547119</v>
      </c>
      <c r="C5349" s="21">
        <v>146023.07649788671</v>
      </c>
      <c r="D5349">
        <f t="shared" si="83"/>
        <v>15</v>
      </c>
    </row>
    <row r="5350" spans="1:4" x14ac:dyDescent="0.25">
      <c r="A5350" s="20">
        <v>43778.666666653706</v>
      </c>
      <c r="B5350" s="22">
        <v>1.7386579513549805</v>
      </c>
      <c r="C5350" s="21">
        <v>155779.82840987496</v>
      </c>
      <c r="D5350">
        <f t="shared" si="83"/>
        <v>16</v>
      </c>
    </row>
    <row r="5351" spans="1:4" x14ac:dyDescent="0.25">
      <c r="A5351" s="20">
        <v>43778.70833332037</v>
      </c>
      <c r="B5351" s="22">
        <v>1.9140398502349854</v>
      </c>
      <c r="C5351" s="21">
        <v>171493.65072462827</v>
      </c>
      <c r="D5351">
        <f t="shared" si="83"/>
        <v>17</v>
      </c>
    </row>
    <row r="5352" spans="1:4" x14ac:dyDescent="0.25">
      <c r="A5352" s="20">
        <v>43778.749999987034</v>
      </c>
      <c r="B5352" s="22">
        <v>2.1886227130889893</v>
      </c>
      <c r="C5352" s="21">
        <v>196095.65552169245</v>
      </c>
      <c r="D5352">
        <f t="shared" si="83"/>
        <v>18</v>
      </c>
    </row>
    <row r="5353" spans="1:4" x14ac:dyDescent="0.25">
      <c r="A5353" s="20">
        <v>43778.791666653698</v>
      </c>
      <c r="B5353" s="22">
        <v>1.9936987161636353</v>
      </c>
      <c r="C5353" s="21">
        <v>178630.90532724836</v>
      </c>
      <c r="D5353">
        <f t="shared" si="83"/>
        <v>19</v>
      </c>
    </row>
    <row r="5354" spans="1:4" x14ac:dyDescent="0.25">
      <c r="A5354" s="20">
        <v>43778.833333320363</v>
      </c>
      <c r="B5354" s="22">
        <v>2.1512963771820068</v>
      </c>
      <c r="C5354" s="21">
        <v>192751.30006740222</v>
      </c>
      <c r="D5354">
        <f t="shared" si="83"/>
        <v>20</v>
      </c>
    </row>
    <row r="5355" spans="1:4" x14ac:dyDescent="0.25">
      <c r="A5355" s="20">
        <v>43778.874999987027</v>
      </c>
      <c r="B5355" s="22">
        <v>2.1760537624359131</v>
      </c>
      <c r="C5355" s="21">
        <v>194969.50591043479</v>
      </c>
      <c r="D5355">
        <f t="shared" si="83"/>
        <v>21</v>
      </c>
    </row>
    <row r="5356" spans="1:4" x14ac:dyDescent="0.25">
      <c r="A5356" s="20">
        <v>43778.916666653691</v>
      </c>
      <c r="B5356" s="22">
        <v>2.2007236480712891</v>
      </c>
      <c r="C5356" s="21">
        <v>197179.87198512771</v>
      </c>
      <c r="D5356">
        <f t="shared" si="83"/>
        <v>22</v>
      </c>
    </row>
    <row r="5357" spans="1:4" x14ac:dyDescent="0.25">
      <c r="A5357" s="20">
        <v>43778.958333320355</v>
      </c>
      <c r="B5357" s="22">
        <v>2.1674609184265137</v>
      </c>
      <c r="C5357" s="21">
        <v>194199.60648065113</v>
      </c>
      <c r="D5357">
        <f t="shared" si="83"/>
        <v>23</v>
      </c>
    </row>
    <row r="5358" spans="1:4" x14ac:dyDescent="0.25">
      <c r="A5358" s="20">
        <v>43778.99999998702</v>
      </c>
      <c r="B5358" s="22">
        <v>2.1722433567047119</v>
      </c>
      <c r="C5358" s="21">
        <v>194628.10215674309</v>
      </c>
      <c r="D5358">
        <f t="shared" si="83"/>
        <v>0</v>
      </c>
    </row>
    <row r="5359" spans="1:4" x14ac:dyDescent="0.25">
      <c r="A5359" s="20">
        <v>43779.041666653684</v>
      </c>
      <c r="B5359" s="22">
        <v>2.1875953674316406</v>
      </c>
      <c r="C5359" s="21">
        <v>196003.60766944257</v>
      </c>
      <c r="D5359">
        <f t="shared" si="83"/>
        <v>1</v>
      </c>
    </row>
    <row r="5360" spans="1:4" x14ac:dyDescent="0.25">
      <c r="A5360" s="20">
        <v>43779.083333320348</v>
      </c>
      <c r="B5360" s="22">
        <v>2.0570740699768066</v>
      </c>
      <c r="C5360" s="21">
        <v>184309.19399508953</v>
      </c>
      <c r="D5360">
        <f t="shared" si="83"/>
        <v>2</v>
      </c>
    </row>
    <row r="5361" spans="1:4" x14ac:dyDescent="0.25">
      <c r="A5361" s="20">
        <v>43779.124999987012</v>
      </c>
      <c r="B5361" s="22">
        <v>2.156174898147583</v>
      </c>
      <c r="C5361" s="21">
        <v>193188.40453543124</v>
      </c>
      <c r="D5361">
        <f t="shared" si="83"/>
        <v>3</v>
      </c>
    </row>
    <row r="5362" spans="1:4" x14ac:dyDescent="0.25">
      <c r="A5362" s="20">
        <v>43779.166666653677</v>
      </c>
      <c r="B5362" s="22">
        <v>2.2161877155303955</v>
      </c>
      <c r="C5362" s="21">
        <v>198565.41752812592</v>
      </c>
      <c r="D5362">
        <f t="shared" si="83"/>
        <v>4</v>
      </c>
    </row>
    <row r="5363" spans="1:4" x14ac:dyDescent="0.25">
      <c r="A5363" s="20">
        <v>43779.208333320341</v>
      </c>
      <c r="B5363" s="22">
        <v>2.2114157676696777</v>
      </c>
      <c r="C5363" s="21">
        <v>198137.86176976407</v>
      </c>
      <c r="D5363">
        <f t="shared" si="83"/>
        <v>5</v>
      </c>
    </row>
    <row r="5364" spans="1:4" x14ac:dyDescent="0.25">
      <c r="A5364" s="20">
        <v>43779.249999987005</v>
      </c>
      <c r="B5364" s="22">
        <v>2.2921121120452881</v>
      </c>
      <c r="C5364" s="21">
        <v>205368.07209971422</v>
      </c>
      <c r="D5364">
        <f t="shared" si="83"/>
        <v>6</v>
      </c>
    </row>
    <row r="5365" spans="1:4" x14ac:dyDescent="0.25">
      <c r="A5365" s="20">
        <v>43779.291666653669</v>
      </c>
      <c r="B5365" s="22">
        <v>2.3266065120697021</v>
      </c>
      <c r="C5365" s="21">
        <v>208458.69249041102</v>
      </c>
      <c r="D5365">
        <f t="shared" si="83"/>
        <v>7</v>
      </c>
    </row>
    <row r="5366" spans="1:4" x14ac:dyDescent="0.25">
      <c r="A5366" s="20">
        <v>43779.333333320334</v>
      </c>
      <c r="B5366" s="22">
        <v>2.3041520118713379</v>
      </c>
      <c r="C5366" s="21">
        <v>206446.81995090164</v>
      </c>
      <c r="D5366">
        <f t="shared" si="83"/>
        <v>8</v>
      </c>
    </row>
    <row r="5367" spans="1:4" x14ac:dyDescent="0.25">
      <c r="A5367" s="20">
        <v>43779.374999986998</v>
      </c>
      <c r="B5367" s="22">
        <v>2.0896904468536377</v>
      </c>
      <c r="C5367" s="21">
        <v>187231.5477503321</v>
      </c>
      <c r="D5367">
        <f t="shared" si="83"/>
        <v>9</v>
      </c>
    </row>
    <row r="5368" spans="1:4" x14ac:dyDescent="0.25">
      <c r="A5368" s="20">
        <v>43779.416666653662</v>
      </c>
      <c r="B5368" s="22">
        <v>1.5805126428604126</v>
      </c>
      <c r="C5368" s="21">
        <v>141610.36569185663</v>
      </c>
      <c r="D5368">
        <f t="shared" si="83"/>
        <v>10</v>
      </c>
    </row>
    <row r="5369" spans="1:4" x14ac:dyDescent="0.25">
      <c r="A5369" s="20">
        <v>43779.458333320326</v>
      </c>
      <c r="B5369" s="22">
        <v>1.4032375812530518</v>
      </c>
      <c r="C5369" s="21">
        <v>125726.9202694704</v>
      </c>
      <c r="D5369">
        <f t="shared" si="83"/>
        <v>11</v>
      </c>
    </row>
    <row r="5370" spans="1:4" x14ac:dyDescent="0.25">
      <c r="A5370" s="20">
        <v>43779.499999986991</v>
      </c>
      <c r="B5370" s="22">
        <v>1.3428598642349243</v>
      </c>
      <c r="C5370" s="21">
        <v>120317.21309300487</v>
      </c>
      <c r="D5370">
        <f t="shared" si="83"/>
        <v>12</v>
      </c>
    </row>
    <row r="5371" spans="1:4" x14ac:dyDescent="0.25">
      <c r="A5371" s="20">
        <v>43779.541666653655</v>
      </c>
      <c r="B5371" s="22">
        <v>1.3156759738922119</v>
      </c>
      <c r="C5371" s="21">
        <v>117881.5978704705</v>
      </c>
      <c r="D5371">
        <f t="shared" si="83"/>
        <v>13</v>
      </c>
    </row>
    <row r="5372" spans="1:4" x14ac:dyDescent="0.25">
      <c r="A5372" s="20">
        <v>43779.583333320319</v>
      </c>
      <c r="B5372" s="22">
        <v>1.3442249298095703</v>
      </c>
      <c r="C5372" s="21">
        <v>120439.51988763396</v>
      </c>
      <c r="D5372">
        <f t="shared" si="83"/>
        <v>14</v>
      </c>
    </row>
    <row r="5373" spans="1:4" x14ac:dyDescent="0.25">
      <c r="A5373" s="20">
        <v>43779.624999986983</v>
      </c>
      <c r="B5373" s="22">
        <v>1.3285925388336182</v>
      </c>
      <c r="C5373" s="21">
        <v>119038.89293742095</v>
      </c>
      <c r="D5373">
        <f t="shared" si="83"/>
        <v>15</v>
      </c>
    </row>
    <row r="5374" spans="1:4" x14ac:dyDescent="0.25">
      <c r="A5374" s="20">
        <v>43779.666666653648</v>
      </c>
      <c r="B5374" s="22">
        <v>1.4502531290054321</v>
      </c>
      <c r="C5374" s="21">
        <v>129939.40723722287</v>
      </c>
      <c r="D5374">
        <f t="shared" si="83"/>
        <v>16</v>
      </c>
    </row>
    <row r="5375" spans="1:4" x14ac:dyDescent="0.25">
      <c r="A5375" s="20">
        <v>43779.708333320312</v>
      </c>
      <c r="B5375" s="22">
        <v>1.6088950634002686</v>
      </c>
      <c r="C5375" s="21">
        <v>144153.36651505475</v>
      </c>
      <c r="D5375">
        <f t="shared" si="83"/>
        <v>17</v>
      </c>
    </row>
    <row r="5376" spans="1:4" x14ac:dyDescent="0.25">
      <c r="A5376" s="20">
        <v>43779.749999986976</v>
      </c>
      <c r="B5376" s="22">
        <v>1.7001403570175171</v>
      </c>
      <c r="C5376" s="21">
        <v>152328.73888880207</v>
      </c>
      <c r="D5376">
        <f t="shared" si="83"/>
        <v>18</v>
      </c>
    </row>
    <row r="5377" spans="1:4" x14ac:dyDescent="0.25">
      <c r="A5377" s="20">
        <v>43779.79166665364</v>
      </c>
      <c r="B5377" s="22">
        <v>1.6588484048843384</v>
      </c>
      <c r="C5377" s="21">
        <v>148629.07317076801</v>
      </c>
      <c r="D5377">
        <f t="shared" si="83"/>
        <v>19</v>
      </c>
    </row>
    <row r="5378" spans="1:4" x14ac:dyDescent="0.25">
      <c r="A5378" s="20">
        <v>43779.833333320305</v>
      </c>
      <c r="B5378" s="22">
        <v>1.6578912734985352</v>
      </c>
      <c r="C5378" s="21">
        <v>148543.31635877982</v>
      </c>
      <c r="D5378">
        <f t="shared" si="83"/>
        <v>20</v>
      </c>
    </row>
    <row r="5379" spans="1:4" x14ac:dyDescent="0.25">
      <c r="A5379" s="20">
        <v>43779.874999986969</v>
      </c>
      <c r="B5379" s="22">
        <v>1.7312192916870117</v>
      </c>
      <c r="C5379" s="21">
        <v>155113.34129216871</v>
      </c>
      <c r="D5379">
        <f t="shared" si="83"/>
        <v>21</v>
      </c>
    </row>
    <row r="5380" spans="1:4" x14ac:dyDescent="0.25">
      <c r="A5380" s="20">
        <v>43779.916666653633</v>
      </c>
      <c r="B5380" s="22">
        <v>1.6565139293670654</v>
      </c>
      <c r="C5380" s="21">
        <v>148419.90943317118</v>
      </c>
      <c r="D5380">
        <f t="shared" si="83"/>
        <v>22</v>
      </c>
    </row>
    <row r="5381" spans="1:4" x14ac:dyDescent="0.25">
      <c r="A5381" s="20">
        <v>43779.958333320297</v>
      </c>
      <c r="B5381" s="22">
        <v>1.651577353477478</v>
      </c>
      <c r="C5381" s="21">
        <v>147977.60337497675</v>
      </c>
      <c r="D5381">
        <f t="shared" si="83"/>
        <v>23</v>
      </c>
    </row>
    <row r="5382" spans="1:4" x14ac:dyDescent="0.25">
      <c r="A5382" s="20">
        <v>43779.999999986961</v>
      </c>
      <c r="B5382" s="22">
        <v>1.6173450946807861</v>
      </c>
      <c r="C5382" s="21">
        <v>144910.47024664911</v>
      </c>
      <c r="D5382">
        <f t="shared" si="83"/>
        <v>0</v>
      </c>
    </row>
    <row r="5383" spans="1:4" x14ac:dyDescent="0.25">
      <c r="A5383" s="20">
        <v>43780.041666653626</v>
      </c>
      <c r="B5383" s="22">
        <v>1.7439459562301636</v>
      </c>
      <c r="C5383" s="21">
        <v>156253.6217120277</v>
      </c>
      <c r="D5383">
        <f t="shared" ref="D5383:D5446" si="84">HOUR(A5383)</f>
        <v>1</v>
      </c>
    </row>
    <row r="5384" spans="1:4" x14ac:dyDescent="0.25">
      <c r="A5384" s="20">
        <v>43780.08333332029</v>
      </c>
      <c r="B5384" s="22">
        <v>1.7932736873626709</v>
      </c>
      <c r="C5384" s="21">
        <v>160673.27509220055</v>
      </c>
      <c r="D5384">
        <f t="shared" si="84"/>
        <v>2</v>
      </c>
    </row>
    <row r="5385" spans="1:4" x14ac:dyDescent="0.25">
      <c r="A5385" s="20">
        <v>43780.124999986954</v>
      </c>
      <c r="B5385" s="22">
        <v>1.7821587324142456</v>
      </c>
      <c r="C5385" s="21">
        <v>159677.40021451123</v>
      </c>
      <c r="D5385">
        <f t="shared" si="84"/>
        <v>3</v>
      </c>
    </row>
    <row r="5386" spans="1:4" x14ac:dyDescent="0.25">
      <c r="A5386" s="20">
        <v>43780.166666653618</v>
      </c>
      <c r="B5386" s="22">
        <v>1.8666864633560181</v>
      </c>
      <c r="C5386" s="21">
        <v>167250.8941336133</v>
      </c>
      <c r="D5386">
        <f t="shared" si="84"/>
        <v>4</v>
      </c>
    </row>
    <row r="5387" spans="1:4" x14ac:dyDescent="0.25">
      <c r="A5387" s="20">
        <v>43780.208333320283</v>
      </c>
      <c r="B5387" s="22">
        <v>1.9402763843536377</v>
      </c>
      <c r="C5387" s="21">
        <v>173844.38496760477</v>
      </c>
      <c r="D5387">
        <f t="shared" si="84"/>
        <v>5</v>
      </c>
    </row>
    <row r="5388" spans="1:4" x14ac:dyDescent="0.25">
      <c r="A5388" s="20">
        <v>43780.249999986947</v>
      </c>
      <c r="B5388" s="22">
        <v>2.3101217746734619</v>
      </c>
      <c r="C5388" s="21">
        <v>206981.69722462751</v>
      </c>
      <c r="D5388">
        <f t="shared" si="84"/>
        <v>6</v>
      </c>
    </row>
    <row r="5389" spans="1:4" x14ac:dyDescent="0.25">
      <c r="A5389" s="20">
        <v>43780.291666653611</v>
      </c>
      <c r="B5389" s="22">
        <v>2.1175477504730225</v>
      </c>
      <c r="C5389" s="21">
        <v>189727.4992826088</v>
      </c>
      <c r="D5389">
        <f t="shared" si="84"/>
        <v>7</v>
      </c>
    </row>
    <row r="5390" spans="1:4" x14ac:dyDescent="0.25">
      <c r="A5390" s="20">
        <v>43780.333333320275</v>
      </c>
      <c r="B5390" s="22">
        <v>2.0072145462036133</v>
      </c>
      <c r="C5390" s="21">
        <v>179841.89319453065</v>
      </c>
      <c r="D5390">
        <f t="shared" si="84"/>
        <v>8</v>
      </c>
    </row>
    <row r="5391" spans="1:4" x14ac:dyDescent="0.25">
      <c r="A5391" s="20">
        <v>43780.37499998694</v>
      </c>
      <c r="B5391" s="22">
        <v>1.8228046894073486</v>
      </c>
      <c r="C5391" s="21">
        <v>163319.18622596117</v>
      </c>
      <c r="D5391">
        <f t="shared" si="84"/>
        <v>9</v>
      </c>
    </row>
    <row r="5392" spans="1:4" x14ac:dyDescent="0.25">
      <c r="A5392" s="20">
        <v>43780.416666653604</v>
      </c>
      <c r="B5392" s="22">
        <v>1.4635000228881836</v>
      </c>
      <c r="C5392" s="21">
        <v>131126.29903178813</v>
      </c>
      <c r="D5392">
        <f t="shared" si="84"/>
        <v>10</v>
      </c>
    </row>
    <row r="5393" spans="1:4" x14ac:dyDescent="0.25">
      <c r="A5393" s="20">
        <v>43780.458333320268</v>
      </c>
      <c r="B5393" s="22">
        <v>1.267788290977478</v>
      </c>
      <c r="C5393" s="21">
        <v>113590.96956052029</v>
      </c>
      <c r="D5393">
        <f t="shared" si="84"/>
        <v>11</v>
      </c>
    </row>
    <row r="5394" spans="1:4" x14ac:dyDescent="0.25">
      <c r="A5394" s="20">
        <v>43780.499999986932</v>
      </c>
      <c r="B5394" s="22">
        <v>1.1614092588424683</v>
      </c>
      <c r="C5394" s="21">
        <v>104059.64837138953</v>
      </c>
      <c r="D5394">
        <f t="shared" si="84"/>
        <v>12</v>
      </c>
    </row>
    <row r="5395" spans="1:4" x14ac:dyDescent="0.25">
      <c r="A5395" s="20">
        <v>43780.541666653597</v>
      </c>
      <c r="B5395" s="22">
        <v>1.2170314788818359</v>
      </c>
      <c r="C5395" s="21">
        <v>109043.2737513881</v>
      </c>
      <c r="D5395">
        <f t="shared" si="84"/>
        <v>13</v>
      </c>
    </row>
    <row r="5396" spans="1:4" x14ac:dyDescent="0.25">
      <c r="A5396" s="20">
        <v>43780.583333320261</v>
      </c>
      <c r="B5396" s="22">
        <v>1.2594869136810303</v>
      </c>
      <c r="C5396" s="21">
        <v>112847.18489039672</v>
      </c>
      <c r="D5396">
        <f t="shared" si="84"/>
        <v>14</v>
      </c>
    </row>
    <row r="5397" spans="1:4" x14ac:dyDescent="0.25">
      <c r="A5397" s="20">
        <v>43780.624999986925</v>
      </c>
      <c r="B5397" s="22">
        <v>1.1476675271987915</v>
      </c>
      <c r="C5397" s="21">
        <v>102828.42023026021</v>
      </c>
      <c r="D5397">
        <f t="shared" si="84"/>
        <v>15</v>
      </c>
    </row>
    <row r="5398" spans="1:4" x14ac:dyDescent="0.25">
      <c r="A5398" s="20">
        <v>43780.666666653589</v>
      </c>
      <c r="B5398" s="22">
        <v>1.3437093496322632</v>
      </c>
      <c r="C5398" s="21">
        <v>120393.32506737627</v>
      </c>
      <c r="D5398">
        <f t="shared" si="84"/>
        <v>16</v>
      </c>
    </row>
    <row r="5399" spans="1:4" x14ac:dyDescent="0.25">
      <c r="A5399" s="20">
        <v>43780.708333320254</v>
      </c>
      <c r="B5399" s="22">
        <v>1.4953588247299194</v>
      </c>
      <c r="C5399" s="21">
        <v>133980.77577368094</v>
      </c>
      <c r="D5399">
        <f t="shared" si="84"/>
        <v>17</v>
      </c>
    </row>
    <row r="5400" spans="1:4" x14ac:dyDescent="0.25">
      <c r="A5400" s="20">
        <v>43780.749999986918</v>
      </c>
      <c r="B5400" s="22">
        <v>1.3977415561676025</v>
      </c>
      <c r="C5400" s="21">
        <v>125234.48882596512</v>
      </c>
      <c r="D5400">
        <f t="shared" si="84"/>
        <v>18</v>
      </c>
    </row>
    <row r="5401" spans="1:4" x14ac:dyDescent="0.25">
      <c r="A5401" s="20">
        <v>43780.791666653582</v>
      </c>
      <c r="B5401" s="22">
        <v>1.5693624019622803</v>
      </c>
      <c r="C5401" s="21">
        <v>140611.32927271153</v>
      </c>
      <c r="D5401">
        <f t="shared" si="84"/>
        <v>19</v>
      </c>
    </row>
    <row r="5402" spans="1:4" x14ac:dyDescent="0.25">
      <c r="A5402" s="20">
        <v>43780.833333320246</v>
      </c>
      <c r="B5402" s="22">
        <v>1.4866399765014648</v>
      </c>
      <c r="C5402" s="21">
        <v>133199.58665025278</v>
      </c>
      <c r="D5402">
        <f t="shared" si="84"/>
        <v>20</v>
      </c>
    </row>
    <row r="5403" spans="1:4" x14ac:dyDescent="0.25">
      <c r="A5403" s="20">
        <v>43780.874999986911</v>
      </c>
      <c r="B5403" s="22">
        <v>1.5588937997817993</v>
      </c>
      <c r="C5403" s="21">
        <v>139673.36614425626</v>
      </c>
      <c r="D5403">
        <f t="shared" si="84"/>
        <v>21</v>
      </c>
    </row>
    <row r="5404" spans="1:4" x14ac:dyDescent="0.25">
      <c r="A5404" s="20">
        <v>43780.916666653575</v>
      </c>
      <c r="B5404" s="22">
        <v>1.5132696628570557</v>
      </c>
      <c r="C5404" s="21">
        <v>135585.54644634138</v>
      </c>
      <c r="D5404">
        <f t="shared" si="84"/>
        <v>22</v>
      </c>
    </row>
    <row r="5405" spans="1:4" x14ac:dyDescent="0.25">
      <c r="A5405" s="20">
        <v>43780.958333320239</v>
      </c>
      <c r="B5405" s="22">
        <v>1.3586564064025879</v>
      </c>
      <c r="C5405" s="21">
        <v>121732.54761951725</v>
      </c>
      <c r="D5405">
        <f t="shared" si="84"/>
        <v>23</v>
      </c>
    </row>
    <row r="5406" spans="1:4" x14ac:dyDescent="0.25">
      <c r="A5406" s="20">
        <v>43780.999999986903</v>
      </c>
      <c r="B5406" s="22">
        <v>1.3534324169158936</v>
      </c>
      <c r="C5406" s="21">
        <v>121264.48995169478</v>
      </c>
      <c r="D5406">
        <f t="shared" si="84"/>
        <v>0</v>
      </c>
    </row>
    <row r="5407" spans="1:4" x14ac:dyDescent="0.25">
      <c r="A5407" s="20">
        <v>43781.041666653568</v>
      </c>
      <c r="B5407" s="22">
        <v>1.4624999761581421</v>
      </c>
      <c r="C5407" s="21">
        <v>131036.69710181317</v>
      </c>
      <c r="D5407">
        <f t="shared" si="84"/>
        <v>1</v>
      </c>
    </row>
    <row r="5408" spans="1:4" x14ac:dyDescent="0.25">
      <c r="A5408" s="20">
        <v>43781.083333320232</v>
      </c>
      <c r="B5408" s="22">
        <v>1.7767935991287231</v>
      </c>
      <c r="C5408" s="21">
        <v>159196.69638086561</v>
      </c>
      <c r="D5408">
        <f t="shared" si="84"/>
        <v>2</v>
      </c>
    </row>
    <row r="5409" spans="1:4" x14ac:dyDescent="0.25">
      <c r="A5409" s="20">
        <v>43781.124999986896</v>
      </c>
      <c r="B5409" s="22">
        <v>1.802559494972229</v>
      </c>
      <c r="C5409" s="21">
        <v>161505.26249658721</v>
      </c>
      <c r="D5409">
        <f t="shared" si="84"/>
        <v>3</v>
      </c>
    </row>
    <row r="5410" spans="1:4" x14ac:dyDescent="0.25">
      <c r="A5410" s="20">
        <v>43781.16666665356</v>
      </c>
      <c r="B5410" s="22">
        <v>2.0261266231536865</v>
      </c>
      <c r="C5410" s="21">
        <v>181536.372605999</v>
      </c>
      <c r="D5410">
        <f t="shared" si="84"/>
        <v>4</v>
      </c>
    </row>
    <row r="5411" spans="1:4" x14ac:dyDescent="0.25">
      <c r="A5411" s="20">
        <v>43781.208333320224</v>
      </c>
      <c r="B5411" s="22">
        <v>2.3001105785369873</v>
      </c>
      <c r="C5411" s="21">
        <v>206084.71664538118</v>
      </c>
      <c r="D5411">
        <f t="shared" si="84"/>
        <v>5</v>
      </c>
    </row>
    <row r="5412" spans="1:4" x14ac:dyDescent="0.25">
      <c r="A5412" s="20">
        <v>43781.249999986889</v>
      </c>
      <c r="B5412" s="22">
        <v>2.5098567008972168</v>
      </c>
      <c r="C5412" s="21">
        <v>224877.49582627145</v>
      </c>
      <c r="D5412">
        <f t="shared" si="84"/>
        <v>6</v>
      </c>
    </row>
    <row r="5413" spans="1:4" x14ac:dyDescent="0.25">
      <c r="A5413" s="20">
        <v>43781.291666653553</v>
      </c>
      <c r="B5413" s="22">
        <v>2.3377635478973389</v>
      </c>
      <c r="C5413" s="21">
        <v>209458.33771990403</v>
      </c>
      <c r="D5413">
        <f t="shared" si="84"/>
        <v>7</v>
      </c>
    </row>
    <row r="5414" spans="1:4" x14ac:dyDescent="0.25">
      <c r="A5414" s="20">
        <v>43781.333333320217</v>
      </c>
      <c r="B5414" s="22">
        <v>2.4414570331573486</v>
      </c>
      <c r="C5414" s="21">
        <v>218749.03997012952</v>
      </c>
      <c r="D5414">
        <f t="shared" si="84"/>
        <v>8</v>
      </c>
    </row>
    <row r="5415" spans="1:4" x14ac:dyDescent="0.25">
      <c r="A5415" s="20">
        <v>43781.374999986881</v>
      </c>
      <c r="B5415" s="22">
        <v>2.5612211227416992</v>
      </c>
      <c r="C5415" s="21">
        <v>229479.63209756627</v>
      </c>
      <c r="D5415">
        <f t="shared" si="84"/>
        <v>9</v>
      </c>
    </row>
    <row r="5416" spans="1:4" x14ac:dyDescent="0.25">
      <c r="A5416" s="20">
        <v>43781.416666653546</v>
      </c>
      <c r="B5416" s="22">
        <v>2.6282386779785156</v>
      </c>
      <c r="C5416" s="21">
        <v>235484.25379276767</v>
      </c>
      <c r="D5416">
        <f t="shared" si="84"/>
        <v>10</v>
      </c>
    </row>
    <row r="5417" spans="1:4" x14ac:dyDescent="0.25">
      <c r="A5417" s="20">
        <v>43781.45833332021</v>
      </c>
      <c r="B5417" s="22">
        <v>2.4607071876525879</v>
      </c>
      <c r="C5417" s="21">
        <v>220473.81036662697</v>
      </c>
      <c r="D5417">
        <f t="shared" si="84"/>
        <v>11</v>
      </c>
    </row>
    <row r="5418" spans="1:4" x14ac:dyDescent="0.25">
      <c r="A5418" s="20">
        <v>43781.499999986874</v>
      </c>
      <c r="B5418" s="22">
        <v>2.5999021530151367</v>
      </c>
      <c r="C5418" s="21">
        <v>232945.36510963875</v>
      </c>
      <c r="D5418">
        <f t="shared" si="84"/>
        <v>12</v>
      </c>
    </row>
    <row r="5419" spans="1:4" x14ac:dyDescent="0.25">
      <c r="A5419" s="20">
        <v>43781.541666653538</v>
      </c>
      <c r="B5419" s="22">
        <v>2.7469799518585205</v>
      </c>
      <c r="C5419" s="21">
        <v>246123.20394151981</v>
      </c>
      <c r="D5419">
        <f t="shared" si="84"/>
        <v>13</v>
      </c>
    </row>
    <row r="5420" spans="1:4" x14ac:dyDescent="0.25">
      <c r="A5420" s="20">
        <v>43781.583333320203</v>
      </c>
      <c r="B5420" s="22">
        <v>2.8862588405609131</v>
      </c>
      <c r="C5420" s="21">
        <v>258602.2780263724</v>
      </c>
      <c r="D5420">
        <f t="shared" si="84"/>
        <v>14</v>
      </c>
    </row>
    <row r="5421" spans="1:4" x14ac:dyDescent="0.25">
      <c r="A5421" s="20">
        <v>43781.624999986867</v>
      </c>
      <c r="B5421" s="22">
        <v>3.1517500877380371</v>
      </c>
      <c r="C5421" s="21">
        <v>282389.69457793998</v>
      </c>
      <c r="D5421">
        <f t="shared" si="84"/>
        <v>15</v>
      </c>
    </row>
    <row r="5422" spans="1:4" x14ac:dyDescent="0.25">
      <c r="A5422" s="20">
        <v>43781.666666653531</v>
      </c>
      <c r="B5422" s="22">
        <v>3.1527855396270752</v>
      </c>
      <c r="C5422" s="21">
        <v>282482.46873025404</v>
      </c>
      <c r="D5422">
        <f t="shared" si="84"/>
        <v>16</v>
      </c>
    </row>
    <row r="5423" spans="1:4" x14ac:dyDescent="0.25">
      <c r="A5423" s="20">
        <v>43781.708333320195</v>
      </c>
      <c r="B5423" s="22">
        <v>3.4502866268157959</v>
      </c>
      <c r="C5423" s="21">
        <v>309137.89470285119</v>
      </c>
      <c r="D5423">
        <f t="shared" si="84"/>
        <v>17</v>
      </c>
    </row>
    <row r="5424" spans="1:4" x14ac:dyDescent="0.25">
      <c r="A5424" s="20">
        <v>43781.74999998686</v>
      </c>
      <c r="B5424" s="22">
        <v>3.2771625518798828</v>
      </c>
      <c r="C5424" s="21">
        <v>293626.36831773497</v>
      </c>
      <c r="D5424">
        <f t="shared" si="84"/>
        <v>18</v>
      </c>
    </row>
    <row r="5425" spans="1:4" x14ac:dyDescent="0.25">
      <c r="A5425" s="20">
        <v>43781.791666653524</v>
      </c>
      <c r="B5425" s="22">
        <v>3.2851569652557373</v>
      </c>
      <c r="C5425" s="21">
        <v>294342.64971336984</v>
      </c>
      <c r="D5425">
        <f t="shared" si="84"/>
        <v>19</v>
      </c>
    </row>
    <row r="5426" spans="1:4" x14ac:dyDescent="0.25">
      <c r="A5426" s="20">
        <v>43781.833333320188</v>
      </c>
      <c r="B5426" s="22">
        <v>3.1965315341949463</v>
      </c>
      <c r="C5426" s="21">
        <v>286402.01111183135</v>
      </c>
      <c r="D5426">
        <f t="shared" si="84"/>
        <v>20</v>
      </c>
    </row>
    <row r="5427" spans="1:4" x14ac:dyDescent="0.25">
      <c r="A5427" s="20">
        <v>43781.874999986852</v>
      </c>
      <c r="B5427" s="22">
        <v>3.3069157600402832</v>
      </c>
      <c r="C5427" s="21">
        <v>296292.18861796043</v>
      </c>
      <c r="D5427">
        <f t="shared" si="84"/>
        <v>21</v>
      </c>
    </row>
    <row r="5428" spans="1:4" x14ac:dyDescent="0.25">
      <c r="A5428" s="20">
        <v>43781.916666653517</v>
      </c>
      <c r="B5428" s="22">
        <v>3.2122347354888916</v>
      </c>
      <c r="C5428" s="21">
        <v>287808.9825067225</v>
      </c>
      <c r="D5428">
        <f t="shared" si="84"/>
        <v>22</v>
      </c>
    </row>
    <row r="5429" spans="1:4" x14ac:dyDescent="0.25">
      <c r="A5429" s="20">
        <v>43781.958333320181</v>
      </c>
      <c r="B5429" s="22">
        <v>3.3295190334320068</v>
      </c>
      <c r="C5429" s="21">
        <v>298317.39089982392</v>
      </c>
      <c r="D5429">
        <f t="shared" si="84"/>
        <v>23</v>
      </c>
    </row>
    <row r="5430" spans="1:4" x14ac:dyDescent="0.25">
      <c r="A5430" s="20">
        <v>43781.999999986845</v>
      </c>
      <c r="B5430" s="22">
        <v>3.3527700901031494</v>
      </c>
      <c r="C5430" s="21">
        <v>300400.633101521</v>
      </c>
      <c r="D5430">
        <f t="shared" si="84"/>
        <v>0</v>
      </c>
    </row>
    <row r="5431" spans="1:4" x14ac:dyDescent="0.25">
      <c r="A5431" s="20">
        <v>43782.041666653509</v>
      </c>
      <c r="B5431" s="22">
        <v>3.3932652473449707</v>
      </c>
      <c r="C5431" s="21">
        <v>304028.90779560077</v>
      </c>
      <c r="D5431">
        <f t="shared" si="84"/>
        <v>1</v>
      </c>
    </row>
    <row r="5432" spans="1:4" x14ac:dyDescent="0.25">
      <c r="A5432" s="20">
        <v>43782.083333320174</v>
      </c>
      <c r="B5432" s="22">
        <v>3.4268620014190674</v>
      </c>
      <c r="C5432" s="21">
        <v>307039.10113507434</v>
      </c>
      <c r="D5432">
        <f t="shared" si="84"/>
        <v>2</v>
      </c>
    </row>
    <row r="5433" spans="1:4" x14ac:dyDescent="0.25">
      <c r="A5433" s="20">
        <v>43782.124999986838</v>
      </c>
      <c r="B5433" s="22">
        <v>3.6409220695495605</v>
      </c>
      <c r="C5433" s="21">
        <v>326218.400120701</v>
      </c>
      <c r="D5433">
        <f t="shared" si="84"/>
        <v>3</v>
      </c>
    </row>
    <row r="5434" spans="1:4" x14ac:dyDescent="0.25">
      <c r="A5434" s="20">
        <v>43782.166666653502</v>
      </c>
      <c r="B5434" s="22">
        <v>3.6543600559234619</v>
      </c>
      <c r="C5434" s="21">
        <v>327422.41337119066</v>
      </c>
      <c r="D5434">
        <f t="shared" si="84"/>
        <v>4</v>
      </c>
    </row>
    <row r="5435" spans="1:4" x14ac:dyDescent="0.25">
      <c r="A5435" s="20">
        <v>43782.208333320166</v>
      </c>
      <c r="B5435" s="22">
        <v>3.9207630157470703</v>
      </c>
      <c r="C5435" s="21">
        <v>351291.51731821045</v>
      </c>
      <c r="D5435">
        <f t="shared" si="84"/>
        <v>5</v>
      </c>
    </row>
    <row r="5436" spans="1:4" x14ac:dyDescent="0.25">
      <c r="A5436" s="20">
        <v>43782.249999986831</v>
      </c>
      <c r="B5436" s="22">
        <v>4.0612478256225586</v>
      </c>
      <c r="C5436" s="21">
        <v>363878.63921849121</v>
      </c>
      <c r="D5436">
        <f t="shared" si="84"/>
        <v>6</v>
      </c>
    </row>
    <row r="5437" spans="1:4" x14ac:dyDescent="0.25">
      <c r="A5437" s="20">
        <v>43782.291666653495</v>
      </c>
      <c r="B5437" s="22">
        <v>4.1983027458190918</v>
      </c>
      <c r="C5437" s="21">
        <v>376158.45074456284</v>
      </c>
      <c r="D5437">
        <f t="shared" si="84"/>
        <v>7</v>
      </c>
    </row>
    <row r="5438" spans="1:4" x14ac:dyDescent="0.25">
      <c r="A5438" s="20">
        <v>43782.333333320159</v>
      </c>
      <c r="B5438" s="22">
        <v>3.8754172325134277</v>
      </c>
      <c r="C5438" s="21">
        <v>347228.63748279313</v>
      </c>
      <c r="D5438">
        <f t="shared" si="84"/>
        <v>8</v>
      </c>
    </row>
    <row r="5439" spans="1:4" x14ac:dyDescent="0.25">
      <c r="A5439" s="20">
        <v>43782.374999986823</v>
      </c>
      <c r="B5439" s="22">
        <v>3.3233203887939453</v>
      </c>
      <c r="C5439" s="21">
        <v>297762.00633016863</v>
      </c>
      <c r="D5439">
        <f t="shared" si="84"/>
        <v>9</v>
      </c>
    </row>
    <row r="5440" spans="1:4" x14ac:dyDescent="0.25">
      <c r="A5440" s="20">
        <v>43782.416666653487</v>
      </c>
      <c r="B5440" s="22">
        <v>3.0507204532623291</v>
      </c>
      <c r="C5440" s="21">
        <v>273337.66734585969</v>
      </c>
      <c r="D5440">
        <f t="shared" si="84"/>
        <v>10</v>
      </c>
    </row>
    <row r="5441" spans="1:4" x14ac:dyDescent="0.25">
      <c r="A5441" s="20">
        <v>43782.458333320152</v>
      </c>
      <c r="B5441" s="22">
        <v>2.798187255859375</v>
      </c>
      <c r="C5441" s="21">
        <v>250711.26280862972</v>
      </c>
      <c r="D5441">
        <f t="shared" si="84"/>
        <v>11</v>
      </c>
    </row>
    <row r="5442" spans="1:4" x14ac:dyDescent="0.25">
      <c r="A5442" s="20">
        <v>43782.499999986816</v>
      </c>
      <c r="B5442" s="22">
        <v>2.4390463829040527</v>
      </c>
      <c r="C5442" s="21">
        <v>218533.0511481062</v>
      </c>
      <c r="D5442">
        <f t="shared" si="84"/>
        <v>12</v>
      </c>
    </row>
    <row r="5443" spans="1:4" x14ac:dyDescent="0.25">
      <c r="A5443" s="20">
        <v>43782.54166665348</v>
      </c>
      <c r="B5443" s="22">
        <v>2.3934922218322754</v>
      </c>
      <c r="C5443" s="21">
        <v>214451.50112868642</v>
      </c>
      <c r="D5443">
        <f t="shared" si="84"/>
        <v>13</v>
      </c>
    </row>
    <row r="5444" spans="1:4" x14ac:dyDescent="0.25">
      <c r="A5444" s="20">
        <v>43782.583333320144</v>
      </c>
      <c r="B5444" s="22">
        <v>2.4439740180969238</v>
      </c>
      <c r="C5444" s="21">
        <v>218974.55614005341</v>
      </c>
      <c r="D5444">
        <f t="shared" si="84"/>
        <v>14</v>
      </c>
    </row>
    <row r="5445" spans="1:4" x14ac:dyDescent="0.25">
      <c r="A5445" s="20">
        <v>43782.624999986809</v>
      </c>
      <c r="B5445" s="22">
        <v>2.3390076160430908</v>
      </c>
      <c r="C5445" s="21">
        <v>209569.80341798704</v>
      </c>
      <c r="D5445">
        <f t="shared" si="84"/>
        <v>15</v>
      </c>
    </row>
    <row r="5446" spans="1:4" x14ac:dyDescent="0.25">
      <c r="A5446" s="20">
        <v>43782.666666653473</v>
      </c>
      <c r="B5446" s="22">
        <v>2.333127498626709</v>
      </c>
      <c r="C5446" s="21">
        <v>209042.95816850022</v>
      </c>
      <c r="D5446">
        <f t="shared" si="84"/>
        <v>16</v>
      </c>
    </row>
    <row r="5447" spans="1:4" x14ac:dyDescent="0.25">
      <c r="A5447" s="20">
        <v>43782.708333320137</v>
      </c>
      <c r="B5447" s="22">
        <v>2.9386222362518311</v>
      </c>
      <c r="C5447" s="21">
        <v>263293.92009969248</v>
      </c>
      <c r="D5447">
        <f t="shared" ref="D5447:D5510" si="85">HOUR(A5447)</f>
        <v>17</v>
      </c>
    </row>
    <row r="5448" spans="1:4" x14ac:dyDescent="0.25">
      <c r="A5448" s="20">
        <v>43782.749999986801</v>
      </c>
      <c r="B5448" s="22">
        <v>3.018484354019165</v>
      </c>
      <c r="C5448" s="21">
        <v>270449.38560833322</v>
      </c>
      <c r="D5448">
        <f t="shared" si="85"/>
        <v>18</v>
      </c>
    </row>
    <row r="5449" spans="1:4" x14ac:dyDescent="0.25">
      <c r="A5449" s="20">
        <v>43782.791666653466</v>
      </c>
      <c r="B5449" s="22">
        <v>3.0352516174316406</v>
      </c>
      <c r="C5449" s="21">
        <v>271951.6945675296</v>
      </c>
      <c r="D5449">
        <f t="shared" si="85"/>
        <v>19</v>
      </c>
    </row>
    <row r="5450" spans="1:4" x14ac:dyDescent="0.25">
      <c r="A5450" s="20">
        <v>43782.83333332013</v>
      </c>
      <c r="B5450" s="22">
        <v>3.1741676330566406</v>
      </c>
      <c r="C5450" s="21">
        <v>284398.25604362739</v>
      </c>
      <c r="D5450">
        <f t="shared" si="85"/>
        <v>20</v>
      </c>
    </row>
    <row r="5451" spans="1:4" x14ac:dyDescent="0.25">
      <c r="A5451" s="20">
        <v>43782.874999986794</v>
      </c>
      <c r="B5451" s="22">
        <v>3.2297980785369873</v>
      </c>
      <c r="C5451" s="21">
        <v>289382.61840457341</v>
      </c>
      <c r="D5451">
        <f t="shared" si="85"/>
        <v>21</v>
      </c>
    </row>
    <row r="5452" spans="1:4" x14ac:dyDescent="0.25">
      <c r="A5452" s="20">
        <v>43782.916666653458</v>
      </c>
      <c r="B5452" s="22">
        <v>3.0487556457519531</v>
      </c>
      <c r="C5452" s="21">
        <v>273161.62502736558</v>
      </c>
      <c r="D5452">
        <f t="shared" si="85"/>
        <v>22</v>
      </c>
    </row>
    <row r="5453" spans="1:4" x14ac:dyDescent="0.25">
      <c r="A5453" s="20">
        <v>43782.958333320123</v>
      </c>
      <c r="B5453" s="22">
        <v>3.08988356590271</v>
      </c>
      <c r="C5453" s="21">
        <v>276846.59384998353</v>
      </c>
      <c r="D5453">
        <f t="shared" si="85"/>
        <v>23</v>
      </c>
    </row>
    <row r="5454" spans="1:4" x14ac:dyDescent="0.25">
      <c r="A5454" s="20">
        <v>43782.999999986787</v>
      </c>
      <c r="B5454" s="22">
        <v>3.1371252536773682</v>
      </c>
      <c r="C5454" s="21">
        <v>281079.34245334961</v>
      </c>
      <c r="D5454">
        <f t="shared" si="85"/>
        <v>0</v>
      </c>
    </row>
    <row r="5455" spans="1:4" x14ac:dyDescent="0.25">
      <c r="A5455" s="20">
        <v>43783.041666653451</v>
      </c>
      <c r="B5455" s="22">
        <v>3.2711093425750732</v>
      </c>
      <c r="C5455" s="21">
        <v>293084.01442570152</v>
      </c>
      <c r="D5455">
        <f t="shared" si="85"/>
        <v>1</v>
      </c>
    </row>
    <row r="5456" spans="1:4" x14ac:dyDescent="0.25">
      <c r="A5456" s="20">
        <v>43783.083333320115</v>
      </c>
      <c r="B5456" s="22">
        <v>3.0414133071899414</v>
      </c>
      <c r="C5456" s="21">
        <v>272503.76806336292</v>
      </c>
      <c r="D5456">
        <f t="shared" si="85"/>
        <v>2</v>
      </c>
    </row>
    <row r="5457" spans="1:4" x14ac:dyDescent="0.25">
      <c r="A5457" s="20">
        <v>43783.12499998678</v>
      </c>
      <c r="B5457" s="22">
        <v>3.1452107429504395</v>
      </c>
      <c r="C5457" s="21">
        <v>281803.78404382308</v>
      </c>
      <c r="D5457">
        <f t="shared" si="85"/>
        <v>3</v>
      </c>
    </row>
    <row r="5458" spans="1:4" x14ac:dyDescent="0.25">
      <c r="A5458" s="20">
        <v>43783.166666653444</v>
      </c>
      <c r="B5458" s="22">
        <v>3.2802824974060059</v>
      </c>
      <c r="C5458" s="21">
        <v>293905.90839537291</v>
      </c>
      <c r="D5458">
        <f t="shared" si="85"/>
        <v>4</v>
      </c>
    </row>
    <row r="5459" spans="1:4" x14ac:dyDescent="0.25">
      <c r="A5459" s="20">
        <v>43783.208333320108</v>
      </c>
      <c r="B5459" s="22">
        <v>3.3312790393829346</v>
      </c>
      <c r="C5459" s="21">
        <v>298475.08346081449</v>
      </c>
      <c r="D5459">
        <f t="shared" si="85"/>
        <v>5</v>
      </c>
    </row>
    <row r="5460" spans="1:4" x14ac:dyDescent="0.25">
      <c r="A5460" s="20">
        <v>43783.249999986772</v>
      </c>
      <c r="B5460" s="22">
        <v>3.6577804088592529</v>
      </c>
      <c r="C5460" s="21">
        <v>327728.86927473597</v>
      </c>
      <c r="D5460">
        <f t="shared" si="85"/>
        <v>6</v>
      </c>
    </row>
    <row r="5461" spans="1:4" x14ac:dyDescent="0.25">
      <c r="A5461" s="20">
        <v>43783.291666653437</v>
      </c>
      <c r="B5461" s="22">
        <v>3.378990650177002</v>
      </c>
      <c r="C5461" s="21">
        <v>302749.93610613572</v>
      </c>
      <c r="D5461">
        <f t="shared" si="85"/>
        <v>7</v>
      </c>
    </row>
    <row r="5462" spans="1:4" x14ac:dyDescent="0.25">
      <c r="A5462" s="20">
        <v>43783.333333320101</v>
      </c>
      <c r="B5462" s="22">
        <v>3.1976912021636963</v>
      </c>
      <c r="C5462" s="21">
        <v>286505.91474454047</v>
      </c>
      <c r="D5462">
        <f t="shared" si="85"/>
        <v>8</v>
      </c>
    </row>
    <row r="5463" spans="1:4" x14ac:dyDescent="0.25">
      <c r="A5463" s="20">
        <v>43783.374999986765</v>
      </c>
      <c r="B5463" s="22">
        <v>3.0909276008605957</v>
      </c>
      <c r="C5463" s="21">
        <v>276940.13702589495</v>
      </c>
      <c r="D5463">
        <f t="shared" si="85"/>
        <v>9</v>
      </c>
    </row>
    <row r="5464" spans="1:4" x14ac:dyDescent="0.25">
      <c r="A5464" s="20">
        <v>43783.416666653429</v>
      </c>
      <c r="B5464" s="22">
        <v>2.5849781036376953</v>
      </c>
      <c r="C5464" s="21">
        <v>231608.203967974</v>
      </c>
      <c r="D5464">
        <f t="shared" si="85"/>
        <v>10</v>
      </c>
    </row>
    <row r="5465" spans="1:4" x14ac:dyDescent="0.25">
      <c r="A5465" s="20">
        <v>43783.458333320094</v>
      </c>
      <c r="B5465" s="22">
        <v>2.0666360855102539</v>
      </c>
      <c r="C5465" s="21">
        <v>185165.92900607438</v>
      </c>
      <c r="D5465">
        <f t="shared" si="85"/>
        <v>11</v>
      </c>
    </row>
    <row r="5466" spans="1:4" x14ac:dyDescent="0.25">
      <c r="A5466" s="20">
        <v>43783.499999986758</v>
      </c>
      <c r="B5466" s="22">
        <v>1.9224646091461182</v>
      </c>
      <c r="C5466" s="21">
        <v>172248.4901089638</v>
      </c>
      <c r="D5466">
        <f t="shared" si="85"/>
        <v>12</v>
      </c>
    </row>
    <row r="5467" spans="1:4" x14ac:dyDescent="0.25">
      <c r="A5467" s="20">
        <v>43783.541666653422</v>
      </c>
      <c r="B5467" s="22">
        <v>1.4563883543014526</v>
      </c>
      <c r="C5467" s="21">
        <v>130489.10957696437</v>
      </c>
      <c r="D5467">
        <f t="shared" si="85"/>
        <v>13</v>
      </c>
    </row>
    <row r="5468" spans="1:4" x14ac:dyDescent="0.25">
      <c r="A5468" s="20">
        <v>43783.583333320086</v>
      </c>
      <c r="B5468" s="22">
        <v>1.5941452980041504</v>
      </c>
      <c r="C5468" s="21">
        <v>142831.82082476959</v>
      </c>
      <c r="D5468">
        <f t="shared" si="85"/>
        <v>14</v>
      </c>
    </row>
    <row r="5469" spans="1:4" x14ac:dyDescent="0.25">
      <c r="A5469" s="20">
        <v>43783.62499998675</v>
      </c>
      <c r="B5469" s="22">
        <v>1.718868613243103</v>
      </c>
      <c r="C5469" s="21">
        <v>154006.74837822712</v>
      </c>
      <c r="D5469">
        <f t="shared" si="85"/>
        <v>15</v>
      </c>
    </row>
    <row r="5470" spans="1:4" x14ac:dyDescent="0.25">
      <c r="A5470" s="20">
        <v>43783.666666653415</v>
      </c>
      <c r="B5470" s="22">
        <v>2.1230676174163818</v>
      </c>
      <c r="C5470" s="21">
        <v>190222.0669027734</v>
      </c>
      <c r="D5470">
        <f t="shared" si="85"/>
        <v>16</v>
      </c>
    </row>
    <row r="5471" spans="1:4" x14ac:dyDescent="0.25">
      <c r="A5471" s="20">
        <v>43783.708333320079</v>
      </c>
      <c r="B5471" s="22">
        <v>2.0896866321563721</v>
      </c>
      <c r="C5471" s="21">
        <v>187231.2059620666</v>
      </c>
      <c r="D5471">
        <f t="shared" si="85"/>
        <v>17</v>
      </c>
    </row>
    <row r="5472" spans="1:4" x14ac:dyDescent="0.25">
      <c r="A5472" s="20">
        <v>43783.749999986743</v>
      </c>
      <c r="B5472" s="22">
        <v>2.4914066791534424</v>
      </c>
      <c r="C5472" s="21">
        <v>223224.41551846062</v>
      </c>
      <c r="D5472">
        <f t="shared" si="85"/>
        <v>18</v>
      </c>
    </row>
    <row r="5473" spans="1:4" x14ac:dyDescent="0.25">
      <c r="A5473" s="20">
        <v>43783.791666653407</v>
      </c>
      <c r="B5473" s="22">
        <v>2.6037771701812744</v>
      </c>
      <c r="C5473" s="21">
        <v>233292.55790207721</v>
      </c>
      <c r="D5473">
        <f t="shared" si="85"/>
        <v>19</v>
      </c>
    </row>
    <row r="5474" spans="1:4" x14ac:dyDescent="0.25">
      <c r="A5474" s="20">
        <v>43783.833333320072</v>
      </c>
      <c r="B5474" s="22">
        <v>2.712446928024292</v>
      </c>
      <c r="C5474" s="21">
        <v>243029.12294463493</v>
      </c>
      <c r="D5474">
        <f t="shared" si="85"/>
        <v>20</v>
      </c>
    </row>
    <row r="5475" spans="1:4" x14ac:dyDescent="0.25">
      <c r="A5475" s="20">
        <v>43783.874999986736</v>
      </c>
      <c r="B5475" s="22">
        <v>2.7360591888427734</v>
      </c>
      <c r="C5475" s="21">
        <v>245144.72822272062</v>
      </c>
      <c r="D5475">
        <f t="shared" si="85"/>
        <v>21</v>
      </c>
    </row>
    <row r="5476" spans="1:4" x14ac:dyDescent="0.25">
      <c r="A5476" s="20">
        <v>43783.9166666534</v>
      </c>
      <c r="B5476" s="22">
        <v>2.6873037815093994</v>
      </c>
      <c r="C5476" s="21">
        <v>240776.35376325462</v>
      </c>
      <c r="D5476">
        <f t="shared" si="85"/>
        <v>22</v>
      </c>
    </row>
    <row r="5477" spans="1:4" x14ac:dyDescent="0.25">
      <c r="A5477" s="20">
        <v>43783.958333320064</v>
      </c>
      <c r="B5477" s="22">
        <v>2.5096457004547119</v>
      </c>
      <c r="C5477" s="21">
        <v>224858.5906628365</v>
      </c>
      <c r="D5477">
        <f t="shared" si="85"/>
        <v>23</v>
      </c>
    </row>
    <row r="5478" spans="1:4" x14ac:dyDescent="0.25">
      <c r="A5478" s="20">
        <v>43783.999999986729</v>
      </c>
      <c r="B5478" s="22">
        <v>2.4488191604614258</v>
      </c>
      <c r="C5478" s="21">
        <v>219408.66996075938</v>
      </c>
      <c r="D5478">
        <f t="shared" si="85"/>
        <v>0</v>
      </c>
    </row>
    <row r="5479" spans="1:4" x14ac:dyDescent="0.25">
      <c r="A5479" s="20">
        <v>43784.041666653393</v>
      </c>
      <c r="B5479" s="22">
        <v>2.3532538414001465</v>
      </c>
      <c r="C5479" s="21">
        <v>210846.23305722748</v>
      </c>
      <c r="D5479">
        <f t="shared" si="85"/>
        <v>1</v>
      </c>
    </row>
    <row r="5480" spans="1:4" x14ac:dyDescent="0.25">
      <c r="A5480" s="20">
        <v>43784.083333320057</v>
      </c>
      <c r="B5480" s="22">
        <v>2.4783205986022949</v>
      </c>
      <c r="C5480" s="21">
        <v>222051.93223546245</v>
      </c>
      <c r="D5480">
        <f t="shared" si="85"/>
        <v>2</v>
      </c>
    </row>
    <row r="5481" spans="1:4" x14ac:dyDescent="0.25">
      <c r="A5481" s="20">
        <v>43784.124999986721</v>
      </c>
      <c r="B5481" s="22">
        <v>2.4901103973388672</v>
      </c>
      <c r="C5481" s="21">
        <v>223108.27159349364</v>
      </c>
      <c r="D5481">
        <f t="shared" si="85"/>
        <v>3</v>
      </c>
    </row>
    <row r="5482" spans="1:4" x14ac:dyDescent="0.25">
      <c r="A5482" s="20">
        <v>43784.166666653386</v>
      </c>
      <c r="B5482" s="22">
        <v>2.5011875629425049</v>
      </c>
      <c r="C5482" s="21">
        <v>224100.76063117795</v>
      </c>
      <c r="D5482">
        <f t="shared" si="85"/>
        <v>4</v>
      </c>
    </row>
    <row r="5483" spans="1:4" x14ac:dyDescent="0.25">
      <c r="A5483" s="20">
        <v>43784.20833332005</v>
      </c>
      <c r="B5483" s="22">
        <v>2.6475260257720947</v>
      </c>
      <c r="C5483" s="21">
        <v>237212.35662485365</v>
      </c>
      <c r="D5483">
        <f t="shared" si="85"/>
        <v>5</v>
      </c>
    </row>
    <row r="5484" spans="1:4" x14ac:dyDescent="0.25">
      <c r="A5484" s="20">
        <v>43784.249999986714</v>
      </c>
      <c r="B5484" s="22">
        <v>3.0519957542419434</v>
      </c>
      <c r="C5484" s="21">
        <v>273451.93143536645</v>
      </c>
      <c r="D5484">
        <f t="shared" si="85"/>
        <v>6</v>
      </c>
    </row>
    <row r="5485" spans="1:4" x14ac:dyDescent="0.25">
      <c r="A5485" s="20">
        <v>43784.291666653378</v>
      </c>
      <c r="B5485" s="22">
        <v>2.8626816272735596</v>
      </c>
      <c r="C5485" s="21">
        <v>256489.81292797587</v>
      </c>
      <c r="D5485">
        <f t="shared" si="85"/>
        <v>7</v>
      </c>
    </row>
    <row r="5486" spans="1:4" x14ac:dyDescent="0.25">
      <c r="A5486" s="20">
        <v>43784.333333320043</v>
      </c>
      <c r="B5486" s="22">
        <v>2.7546989917755127</v>
      </c>
      <c r="C5486" s="21">
        <v>246814.81249673959</v>
      </c>
      <c r="D5486">
        <f t="shared" si="85"/>
        <v>8</v>
      </c>
    </row>
    <row r="5487" spans="1:4" x14ac:dyDescent="0.25">
      <c r="A5487" s="20">
        <v>43784.374999986707</v>
      </c>
      <c r="B5487" s="22">
        <v>2.3577699661254883</v>
      </c>
      <c r="C5487" s="21">
        <v>211250.86764003494</v>
      </c>
      <c r="D5487">
        <f t="shared" si="85"/>
        <v>9</v>
      </c>
    </row>
    <row r="5488" spans="1:4" x14ac:dyDescent="0.25">
      <c r="A5488" s="20">
        <v>43784.416666653371</v>
      </c>
      <c r="B5488" s="22">
        <v>2.1582553386688232</v>
      </c>
      <c r="C5488" s="21">
        <v>193374.80731072303</v>
      </c>
      <c r="D5488">
        <f t="shared" si="85"/>
        <v>10</v>
      </c>
    </row>
    <row r="5489" spans="1:4" x14ac:dyDescent="0.25">
      <c r="A5489" s="20">
        <v>43784.458333320035</v>
      </c>
      <c r="B5489" s="22">
        <v>1.9754272699356079</v>
      </c>
      <c r="C5489" s="21">
        <v>176993.82498261577</v>
      </c>
      <c r="D5489">
        <f t="shared" si="85"/>
        <v>11</v>
      </c>
    </row>
    <row r="5490" spans="1:4" x14ac:dyDescent="0.25">
      <c r="A5490" s="20">
        <v>43784.4999999867</v>
      </c>
      <c r="B5490" s="22">
        <v>1.6200084686279297</v>
      </c>
      <c r="C5490" s="21">
        <v>145149.10254126118</v>
      </c>
      <c r="D5490">
        <f t="shared" si="85"/>
        <v>12</v>
      </c>
    </row>
    <row r="5491" spans="1:4" x14ac:dyDescent="0.25">
      <c r="A5491" s="20">
        <v>43784.541666653364</v>
      </c>
      <c r="B5491" s="22">
        <v>1.5361615419387817</v>
      </c>
      <c r="C5491" s="21">
        <v>137636.60714666586</v>
      </c>
      <c r="D5491">
        <f t="shared" si="85"/>
        <v>13</v>
      </c>
    </row>
    <row r="5492" spans="1:4" x14ac:dyDescent="0.25">
      <c r="A5492" s="20">
        <v>43784.583333320028</v>
      </c>
      <c r="B5492" s="22">
        <v>1.4842429161071777</v>
      </c>
      <c r="C5492" s="21">
        <v>132984.81544892528</v>
      </c>
      <c r="D5492">
        <f t="shared" si="85"/>
        <v>14</v>
      </c>
    </row>
    <row r="5493" spans="1:4" x14ac:dyDescent="0.25">
      <c r="A5493" s="20">
        <v>43784.624999986692</v>
      </c>
      <c r="B5493" s="22">
        <v>1.7181017398834229</v>
      </c>
      <c r="C5493" s="21">
        <v>153938.03825598024</v>
      </c>
      <c r="D5493">
        <f t="shared" si="85"/>
        <v>15</v>
      </c>
    </row>
    <row r="5494" spans="1:4" x14ac:dyDescent="0.25">
      <c r="A5494" s="20">
        <v>43784.666666653357</v>
      </c>
      <c r="B5494" s="22">
        <v>1.8860073089599609</v>
      </c>
      <c r="C5494" s="21">
        <v>168981.99829390561</v>
      </c>
      <c r="D5494">
        <f t="shared" si="85"/>
        <v>16</v>
      </c>
    </row>
    <row r="5495" spans="1:4" x14ac:dyDescent="0.25">
      <c r="A5495" s="20">
        <v>43784.708333320021</v>
      </c>
      <c r="B5495" s="22">
        <v>2.0671141147613525</v>
      </c>
      <c r="C5495" s="21">
        <v>185208.75934809365</v>
      </c>
      <c r="D5495">
        <f t="shared" si="85"/>
        <v>17</v>
      </c>
    </row>
    <row r="5496" spans="1:4" x14ac:dyDescent="0.25">
      <c r="A5496" s="20">
        <v>43784.749999986685</v>
      </c>
      <c r="B5496" s="22">
        <v>1.9673796892166138</v>
      </c>
      <c r="C5496" s="21">
        <v>176272.77991303065</v>
      </c>
      <c r="D5496">
        <f t="shared" si="85"/>
        <v>18</v>
      </c>
    </row>
    <row r="5497" spans="1:4" x14ac:dyDescent="0.25">
      <c r="A5497" s="20">
        <v>43784.791666653349</v>
      </c>
      <c r="B5497" s="22">
        <v>2.1946835517883301</v>
      </c>
      <c r="C5497" s="21">
        <v>196638.69299025688</v>
      </c>
      <c r="D5497">
        <f t="shared" si="85"/>
        <v>19</v>
      </c>
    </row>
    <row r="5498" spans="1:4" x14ac:dyDescent="0.25">
      <c r="A5498" s="20">
        <v>43784.833333320013</v>
      </c>
      <c r="B5498" s="22">
        <v>2.2928123474121094</v>
      </c>
      <c r="C5498" s="21">
        <v>205430.8116081983</v>
      </c>
      <c r="D5498">
        <f t="shared" si="85"/>
        <v>20</v>
      </c>
    </row>
    <row r="5499" spans="1:4" x14ac:dyDescent="0.25">
      <c r="A5499" s="20">
        <v>43784.874999986678</v>
      </c>
      <c r="B5499" s="22">
        <v>2.4700696468353271</v>
      </c>
      <c r="C5499" s="21">
        <v>221312.66557897333</v>
      </c>
      <c r="D5499">
        <f t="shared" si="85"/>
        <v>21</v>
      </c>
    </row>
    <row r="5500" spans="1:4" x14ac:dyDescent="0.25">
      <c r="A5500" s="20">
        <v>43784.916666653342</v>
      </c>
      <c r="B5500" s="22">
        <v>2.5398950576782227</v>
      </c>
      <c r="C5500" s="21">
        <v>227568.86479934226</v>
      </c>
      <c r="D5500">
        <f t="shared" si="85"/>
        <v>22</v>
      </c>
    </row>
    <row r="5501" spans="1:4" x14ac:dyDescent="0.25">
      <c r="A5501" s="20">
        <v>43784.958333320006</v>
      </c>
      <c r="B5501" s="22">
        <v>2.5251965522766113</v>
      </c>
      <c r="C5501" s="21">
        <v>226251.91188887463</v>
      </c>
      <c r="D5501">
        <f t="shared" si="85"/>
        <v>23</v>
      </c>
    </row>
    <row r="5502" spans="1:4" x14ac:dyDescent="0.25">
      <c r="A5502" s="20">
        <v>43784.99999998667</v>
      </c>
      <c r="B5502" s="22">
        <v>2.4132568836212158</v>
      </c>
      <c r="C5502" s="21">
        <v>216222.37021749187</v>
      </c>
      <c r="D5502">
        <f t="shared" si="85"/>
        <v>0</v>
      </c>
    </row>
    <row r="5503" spans="1:4" x14ac:dyDescent="0.25">
      <c r="A5503" s="20">
        <v>43785.041666653335</v>
      </c>
      <c r="B5503" s="22">
        <v>2.6127679347991943</v>
      </c>
      <c r="C5503" s="21">
        <v>234098.11012030486</v>
      </c>
      <c r="D5503">
        <f t="shared" si="85"/>
        <v>1</v>
      </c>
    </row>
    <row r="5504" spans="1:4" x14ac:dyDescent="0.25">
      <c r="A5504" s="20">
        <v>43785.083333319999</v>
      </c>
      <c r="B5504" s="22">
        <v>2.6161019802093506</v>
      </c>
      <c r="C5504" s="21">
        <v>234396.83306434343</v>
      </c>
      <c r="D5504">
        <f t="shared" si="85"/>
        <v>2</v>
      </c>
    </row>
    <row r="5505" spans="1:4" x14ac:dyDescent="0.25">
      <c r="A5505" s="20">
        <v>43785.124999986663</v>
      </c>
      <c r="B5505" s="22">
        <v>2.7269856929779053</v>
      </c>
      <c r="C5505" s="21">
        <v>244331.76347148514</v>
      </c>
      <c r="D5505">
        <f t="shared" si="85"/>
        <v>3</v>
      </c>
    </row>
    <row r="5506" spans="1:4" x14ac:dyDescent="0.25">
      <c r="A5506" s="20">
        <v>43785.166666653327</v>
      </c>
      <c r="B5506" s="22">
        <v>2.912722110748291</v>
      </c>
      <c r="C5506" s="21">
        <v>260973.32730937892</v>
      </c>
      <c r="D5506">
        <f t="shared" si="85"/>
        <v>4</v>
      </c>
    </row>
    <row r="5507" spans="1:4" x14ac:dyDescent="0.25">
      <c r="A5507" s="20">
        <v>43785.208333319992</v>
      </c>
      <c r="B5507" s="22">
        <v>2.9243907928466797</v>
      </c>
      <c r="C5507" s="21">
        <v>262018.81488998083</v>
      </c>
      <c r="D5507">
        <f t="shared" si="85"/>
        <v>5</v>
      </c>
    </row>
    <row r="5508" spans="1:4" x14ac:dyDescent="0.25">
      <c r="A5508" s="20">
        <v>43785.249999986656</v>
      </c>
      <c r="B5508" s="22">
        <v>2.9753317832946777</v>
      </c>
      <c r="C5508" s="21">
        <v>266583.01266380626</v>
      </c>
      <c r="D5508">
        <f t="shared" si="85"/>
        <v>6</v>
      </c>
    </row>
    <row r="5509" spans="1:4" x14ac:dyDescent="0.25">
      <c r="A5509" s="20">
        <v>43785.29166665332</v>
      </c>
      <c r="B5509" s="22">
        <v>3.0528643131256104</v>
      </c>
      <c r="C5509" s="21">
        <v>273529.75235106528</v>
      </c>
      <c r="D5509">
        <f t="shared" si="85"/>
        <v>7</v>
      </c>
    </row>
    <row r="5510" spans="1:4" x14ac:dyDescent="0.25">
      <c r="A5510" s="20">
        <v>43785.333333319984</v>
      </c>
      <c r="B5510" s="22">
        <v>3.0170674324035645</v>
      </c>
      <c r="C5510" s="21">
        <v>270322.43262947013</v>
      </c>
      <c r="D5510">
        <f t="shared" si="85"/>
        <v>8</v>
      </c>
    </row>
    <row r="5511" spans="1:4" x14ac:dyDescent="0.25">
      <c r="A5511" s="20">
        <v>43785.374999986649</v>
      </c>
      <c r="B5511" s="22">
        <v>2.8250834941864014</v>
      </c>
      <c r="C5511" s="21">
        <v>253121.10505976947</v>
      </c>
      <c r="D5511">
        <f t="shared" ref="D5511:D5574" si="86">HOUR(A5511)</f>
        <v>9</v>
      </c>
    </row>
    <row r="5512" spans="1:4" x14ac:dyDescent="0.25">
      <c r="A5512" s="20">
        <v>43785.416666653313</v>
      </c>
      <c r="B5512" s="22">
        <v>2.5384190082550049</v>
      </c>
      <c r="C5512" s="21">
        <v>227436.61410236411</v>
      </c>
      <c r="D5512">
        <f t="shared" si="86"/>
        <v>10</v>
      </c>
    </row>
    <row r="5513" spans="1:4" x14ac:dyDescent="0.25">
      <c r="A5513" s="20">
        <v>43785.458333319977</v>
      </c>
      <c r="B5513" s="22">
        <v>2.2449676990509033</v>
      </c>
      <c r="C5513" s="21">
        <v>201144.03909711813</v>
      </c>
      <c r="D5513">
        <f t="shared" si="86"/>
        <v>11</v>
      </c>
    </row>
    <row r="5514" spans="1:4" x14ac:dyDescent="0.25">
      <c r="A5514" s="20">
        <v>43785.499999986641</v>
      </c>
      <c r="B5514" s="22">
        <v>2.0937225818634033</v>
      </c>
      <c r="C5514" s="21">
        <v>187592.81794695545</v>
      </c>
      <c r="D5514">
        <f t="shared" si="86"/>
        <v>12</v>
      </c>
    </row>
    <row r="5515" spans="1:4" x14ac:dyDescent="0.25">
      <c r="A5515" s="20">
        <v>43785.541666653306</v>
      </c>
      <c r="B5515" s="22">
        <v>2.1138286590576172</v>
      </c>
      <c r="C5515" s="21">
        <v>189394.27708552225</v>
      </c>
      <c r="D5515">
        <f t="shared" si="86"/>
        <v>13</v>
      </c>
    </row>
    <row r="5516" spans="1:4" x14ac:dyDescent="0.25">
      <c r="A5516" s="20">
        <v>43785.58333331997</v>
      </c>
      <c r="B5516" s="22">
        <v>1.9204674959182739</v>
      </c>
      <c r="C5516" s="21">
        <v>172069.55327109629</v>
      </c>
      <c r="D5516">
        <f t="shared" si="86"/>
        <v>14</v>
      </c>
    </row>
    <row r="5517" spans="1:4" x14ac:dyDescent="0.25">
      <c r="A5517" s="20">
        <v>43785.624999986634</v>
      </c>
      <c r="B5517" s="22">
        <v>1.9099413156509399</v>
      </c>
      <c r="C5517" s="21">
        <v>171126.43127600878</v>
      </c>
      <c r="D5517">
        <f t="shared" si="86"/>
        <v>15</v>
      </c>
    </row>
    <row r="5518" spans="1:4" x14ac:dyDescent="0.25">
      <c r="A5518" s="20">
        <v>43785.666666653298</v>
      </c>
      <c r="B5518" s="22">
        <v>2.0422599315643311</v>
      </c>
      <c r="C5518" s="21">
        <v>182981.88062782423</v>
      </c>
      <c r="D5518">
        <f t="shared" si="86"/>
        <v>16</v>
      </c>
    </row>
    <row r="5519" spans="1:4" x14ac:dyDescent="0.25">
      <c r="A5519" s="20">
        <v>43785.708333319963</v>
      </c>
      <c r="B5519" s="22">
        <v>2.3330051898956299</v>
      </c>
      <c r="C5519" s="21">
        <v>209031.99958223794</v>
      </c>
      <c r="D5519">
        <f t="shared" si="86"/>
        <v>17</v>
      </c>
    </row>
    <row r="5520" spans="1:4" x14ac:dyDescent="0.25">
      <c r="A5520" s="20">
        <v>43785.749999986627</v>
      </c>
      <c r="B5520" s="22">
        <v>2.674776554107666</v>
      </c>
      <c r="C5520" s="21">
        <v>239653.94246115081</v>
      </c>
      <c r="D5520">
        <f t="shared" si="86"/>
        <v>18</v>
      </c>
    </row>
    <row r="5521" spans="1:4" x14ac:dyDescent="0.25">
      <c r="A5521" s="20">
        <v>43785.791666653291</v>
      </c>
      <c r="B5521" s="22">
        <v>2.3470981121063232</v>
      </c>
      <c r="C5521" s="21">
        <v>210294.69360555898</v>
      </c>
      <c r="D5521">
        <f t="shared" si="86"/>
        <v>19</v>
      </c>
    </row>
    <row r="5522" spans="1:4" x14ac:dyDescent="0.25">
      <c r="A5522" s="20">
        <v>43785.833333319955</v>
      </c>
      <c r="B5522" s="22">
        <v>2.383244514465332</v>
      </c>
      <c r="C5522" s="21">
        <v>213533.32967697969</v>
      </c>
      <c r="D5522">
        <f t="shared" si="86"/>
        <v>20</v>
      </c>
    </row>
    <row r="5523" spans="1:4" x14ac:dyDescent="0.25">
      <c r="A5523" s="20">
        <v>43785.87499998662</v>
      </c>
      <c r="B5523" s="22">
        <v>2.6383473873138428</v>
      </c>
      <c r="C5523" s="21">
        <v>236389.97133455062</v>
      </c>
      <c r="D5523">
        <f t="shared" si="86"/>
        <v>21</v>
      </c>
    </row>
    <row r="5524" spans="1:4" x14ac:dyDescent="0.25">
      <c r="A5524" s="20">
        <v>43785.916666653284</v>
      </c>
      <c r="B5524" s="22">
        <v>2.5955297946929932</v>
      </c>
      <c r="C5524" s="21">
        <v>232553.61167208699</v>
      </c>
      <c r="D5524">
        <f t="shared" si="86"/>
        <v>22</v>
      </c>
    </row>
    <row r="5525" spans="1:4" x14ac:dyDescent="0.25">
      <c r="A5525" s="20">
        <v>43785.958333319948</v>
      </c>
      <c r="B5525" s="22">
        <v>2.4215104579925537</v>
      </c>
      <c r="C5525" s="21">
        <v>216961.8718534135</v>
      </c>
      <c r="D5525">
        <f t="shared" si="86"/>
        <v>23</v>
      </c>
    </row>
    <row r="5526" spans="1:4" x14ac:dyDescent="0.25">
      <c r="A5526" s="20">
        <v>43785.999999986612</v>
      </c>
      <c r="B5526" s="22">
        <v>2.4851126670837402</v>
      </c>
      <c r="C5526" s="21">
        <v>222660.48624216806</v>
      </c>
      <c r="D5526">
        <f t="shared" si="86"/>
        <v>0</v>
      </c>
    </row>
    <row r="5527" spans="1:4" x14ac:dyDescent="0.25">
      <c r="A5527" s="20">
        <v>43786.041666653276</v>
      </c>
      <c r="B5527" s="22">
        <v>2.5492801666259766</v>
      </c>
      <c r="C5527" s="21">
        <v>228409.74937951498</v>
      </c>
      <c r="D5527">
        <f t="shared" si="86"/>
        <v>1</v>
      </c>
    </row>
    <row r="5528" spans="1:4" x14ac:dyDescent="0.25">
      <c r="A5528" s="20">
        <v>43786.083333319941</v>
      </c>
      <c r="B5528" s="22">
        <v>2.794572114944458</v>
      </c>
      <c r="C5528" s="21">
        <v>250387.35434177783</v>
      </c>
      <c r="D5528">
        <f t="shared" si="86"/>
        <v>2</v>
      </c>
    </row>
    <row r="5529" spans="1:4" x14ac:dyDescent="0.25">
      <c r="A5529" s="20">
        <v>43786.124999986605</v>
      </c>
      <c r="B5529" s="22">
        <v>2.6953682899475098</v>
      </c>
      <c r="C5529" s="21">
        <v>241498.9155182679</v>
      </c>
      <c r="D5529">
        <f t="shared" si="86"/>
        <v>3</v>
      </c>
    </row>
    <row r="5530" spans="1:4" x14ac:dyDescent="0.25">
      <c r="A5530" s="20">
        <v>43786.166666653269</v>
      </c>
      <c r="B5530" s="22">
        <v>2.8290660381317139</v>
      </c>
      <c r="C5530" s="21">
        <v>253477.93200894145</v>
      </c>
      <c r="D5530">
        <f t="shared" si="86"/>
        <v>4</v>
      </c>
    </row>
    <row r="5531" spans="1:4" x14ac:dyDescent="0.25">
      <c r="A5531" s="20">
        <v>43786.208333319933</v>
      </c>
      <c r="B5531" s="22">
        <v>2.8924410343170166</v>
      </c>
      <c r="C5531" s="21">
        <v>259156.1886341327</v>
      </c>
      <c r="D5531">
        <f t="shared" si="86"/>
        <v>5</v>
      </c>
    </row>
    <row r="5532" spans="1:4" x14ac:dyDescent="0.25">
      <c r="A5532" s="20">
        <v>43786.249999986598</v>
      </c>
      <c r="B5532" s="22">
        <v>2.9506723880767822</v>
      </c>
      <c r="C5532" s="21">
        <v>264373.58650684339</v>
      </c>
      <c r="D5532">
        <f t="shared" si="86"/>
        <v>6</v>
      </c>
    </row>
    <row r="5533" spans="1:4" x14ac:dyDescent="0.25">
      <c r="A5533" s="20">
        <v>43786.291666653262</v>
      </c>
      <c r="B5533" s="22">
        <v>2.9840164184570313</v>
      </c>
      <c r="C5533" s="21">
        <v>267361.13637372822</v>
      </c>
      <c r="D5533">
        <f t="shared" si="86"/>
        <v>7</v>
      </c>
    </row>
    <row r="5534" spans="1:4" x14ac:dyDescent="0.25">
      <c r="A5534" s="20">
        <v>43786.333333319926</v>
      </c>
      <c r="B5534" s="22">
        <v>3.0491123199462891</v>
      </c>
      <c r="C5534" s="21">
        <v>273193.58223018894</v>
      </c>
      <c r="D5534">
        <f t="shared" si="86"/>
        <v>8</v>
      </c>
    </row>
    <row r="5535" spans="1:4" x14ac:dyDescent="0.25">
      <c r="A5535" s="20">
        <v>43786.37499998659</v>
      </c>
      <c r="B5535" s="22">
        <v>2.9089395999908447</v>
      </c>
      <c r="C5535" s="21">
        <v>260634.42288237863</v>
      </c>
      <c r="D5535">
        <f t="shared" si="86"/>
        <v>9</v>
      </c>
    </row>
    <row r="5536" spans="1:4" x14ac:dyDescent="0.25">
      <c r="A5536" s="20">
        <v>43786.416666653255</v>
      </c>
      <c r="B5536" s="22">
        <v>2.3816468715667725</v>
      </c>
      <c r="C5536" s="21">
        <v>213390.18447903899</v>
      </c>
      <c r="D5536">
        <f t="shared" si="86"/>
        <v>10</v>
      </c>
    </row>
    <row r="5537" spans="1:4" x14ac:dyDescent="0.25">
      <c r="A5537" s="20">
        <v>43786.458333319919</v>
      </c>
      <c r="B5537" s="22">
        <v>1.994642972946167</v>
      </c>
      <c r="C5537" s="21">
        <v>178715.50860384054</v>
      </c>
      <c r="D5537">
        <f t="shared" si="86"/>
        <v>11</v>
      </c>
    </row>
    <row r="5538" spans="1:4" x14ac:dyDescent="0.25">
      <c r="A5538" s="20">
        <v>43786.499999986583</v>
      </c>
      <c r="B5538" s="22">
        <v>1.8857821226119995</v>
      </c>
      <c r="C5538" s="21">
        <v>168961.82210535838</v>
      </c>
      <c r="D5538">
        <f t="shared" si="86"/>
        <v>12</v>
      </c>
    </row>
    <row r="5539" spans="1:4" x14ac:dyDescent="0.25">
      <c r="A5539" s="20">
        <v>43786.541666653247</v>
      </c>
      <c r="B5539" s="22">
        <v>1.7163784503936768</v>
      </c>
      <c r="C5539" s="21">
        <v>153783.63540704496</v>
      </c>
      <c r="D5539">
        <f t="shared" si="86"/>
        <v>13</v>
      </c>
    </row>
    <row r="5540" spans="1:4" x14ac:dyDescent="0.25">
      <c r="A5540" s="20">
        <v>43786.583333319912</v>
      </c>
      <c r="B5540" s="22">
        <v>1.5381194353103638</v>
      </c>
      <c r="C5540" s="21">
        <v>137812.02997392882</v>
      </c>
      <c r="D5540">
        <f t="shared" si="86"/>
        <v>14</v>
      </c>
    </row>
    <row r="5541" spans="1:4" x14ac:dyDescent="0.25">
      <c r="A5541" s="20">
        <v>43786.624999986576</v>
      </c>
      <c r="B5541" s="22">
        <v>1.8290880918502808</v>
      </c>
      <c r="C5541" s="21">
        <v>163882.16490364031</v>
      </c>
      <c r="D5541">
        <f t="shared" si="86"/>
        <v>15</v>
      </c>
    </row>
    <row r="5542" spans="1:4" x14ac:dyDescent="0.25">
      <c r="A5542" s="20">
        <v>43786.66666665324</v>
      </c>
      <c r="B5542" s="22">
        <v>1.9640611410140991</v>
      </c>
      <c r="C5542" s="21">
        <v>175975.4454838206</v>
      </c>
      <c r="D5542">
        <f t="shared" si="86"/>
        <v>16</v>
      </c>
    </row>
    <row r="5543" spans="1:4" x14ac:dyDescent="0.25">
      <c r="A5543" s="20">
        <v>43786.708333319904</v>
      </c>
      <c r="B5543" s="22">
        <v>1.965062141418457</v>
      </c>
      <c r="C5543" s="21">
        <v>176065.13286086192</v>
      </c>
      <c r="D5543">
        <f t="shared" si="86"/>
        <v>17</v>
      </c>
    </row>
    <row r="5544" spans="1:4" x14ac:dyDescent="0.25">
      <c r="A5544" s="20">
        <v>43786.749999986569</v>
      </c>
      <c r="B5544" s="22">
        <v>1.9653844833374023</v>
      </c>
      <c r="C5544" s="21">
        <v>176094.01396929586</v>
      </c>
      <c r="D5544">
        <f t="shared" si="86"/>
        <v>18</v>
      </c>
    </row>
    <row r="5545" spans="1:4" x14ac:dyDescent="0.25">
      <c r="A5545" s="20">
        <v>43786.791666653233</v>
      </c>
      <c r="B5545" s="22">
        <v>2.1600594520568848</v>
      </c>
      <c r="C5545" s="21">
        <v>193536.45179853341</v>
      </c>
      <c r="D5545">
        <f t="shared" si="86"/>
        <v>19</v>
      </c>
    </row>
    <row r="5546" spans="1:4" x14ac:dyDescent="0.25">
      <c r="A5546" s="20">
        <v>43786.833333319897</v>
      </c>
      <c r="B5546" s="22">
        <v>2.2168903350830078</v>
      </c>
      <c r="C5546" s="21">
        <v>198628.37065427593</v>
      </c>
      <c r="D5546">
        <f t="shared" si="86"/>
        <v>20</v>
      </c>
    </row>
    <row r="5547" spans="1:4" x14ac:dyDescent="0.25">
      <c r="A5547" s="20">
        <v>43786.874999986561</v>
      </c>
      <c r="B5547" s="22">
        <v>2.173652172088623</v>
      </c>
      <c r="C5547" s="21">
        <v>194754.32883554202</v>
      </c>
      <c r="D5547">
        <f t="shared" si="86"/>
        <v>21</v>
      </c>
    </row>
    <row r="5548" spans="1:4" x14ac:dyDescent="0.25">
      <c r="A5548" s="20">
        <v>43786.916666653226</v>
      </c>
      <c r="B5548" s="22">
        <v>1.8367000818252563</v>
      </c>
      <c r="C5548" s="21">
        <v>164564.18202565977</v>
      </c>
      <c r="D5548">
        <f t="shared" si="86"/>
        <v>22</v>
      </c>
    </row>
    <row r="5549" spans="1:4" x14ac:dyDescent="0.25">
      <c r="A5549" s="20">
        <v>43786.95833331989</v>
      </c>
      <c r="B5549" s="22">
        <v>1.6443445682525635</v>
      </c>
      <c r="C5549" s="21">
        <v>147329.56214272371</v>
      </c>
      <c r="D5549">
        <f t="shared" si="86"/>
        <v>23</v>
      </c>
    </row>
    <row r="5550" spans="1:4" x14ac:dyDescent="0.25">
      <c r="A5550" s="20">
        <v>43786.999999986554</v>
      </c>
      <c r="B5550" s="22">
        <v>1.713685154914856</v>
      </c>
      <c r="C5550" s="21">
        <v>153542.32221072546</v>
      </c>
      <c r="D5550">
        <f t="shared" si="86"/>
        <v>0</v>
      </c>
    </row>
    <row r="5551" spans="1:4" x14ac:dyDescent="0.25">
      <c r="A5551" s="20">
        <v>43787.041666653218</v>
      </c>
      <c r="B5551" s="22">
        <v>1.7664234638214111</v>
      </c>
      <c r="C5551" s="21">
        <v>158267.5556620133</v>
      </c>
      <c r="D5551">
        <f t="shared" si="86"/>
        <v>1</v>
      </c>
    </row>
    <row r="5552" spans="1:4" x14ac:dyDescent="0.25">
      <c r="A5552" s="20">
        <v>43787.083333319883</v>
      </c>
      <c r="B5552" s="22">
        <v>1.8217520713806152</v>
      </c>
      <c r="C5552" s="21">
        <v>163224.87402645242</v>
      </c>
      <c r="D5552">
        <f t="shared" si="86"/>
        <v>2</v>
      </c>
    </row>
    <row r="5553" spans="1:4" x14ac:dyDescent="0.25">
      <c r="A5553" s="20">
        <v>43787.124999986547</v>
      </c>
      <c r="B5553" s="22">
        <v>1.8665845394134521</v>
      </c>
      <c r="C5553" s="21">
        <v>167241.76197839473</v>
      </c>
      <c r="D5553">
        <f t="shared" si="86"/>
        <v>3</v>
      </c>
    </row>
    <row r="5554" spans="1:4" x14ac:dyDescent="0.25">
      <c r="A5554" s="20">
        <v>43787.166666653211</v>
      </c>
      <c r="B5554" s="22">
        <v>1.9686121940612793</v>
      </c>
      <c r="C5554" s="21">
        <v>176383.20956543394</v>
      </c>
      <c r="D5554">
        <f t="shared" si="86"/>
        <v>4</v>
      </c>
    </row>
    <row r="5555" spans="1:4" x14ac:dyDescent="0.25">
      <c r="A5555" s="20">
        <v>43787.208333319875</v>
      </c>
      <c r="B5555" s="22">
        <v>2.1683902740478516</v>
      </c>
      <c r="C5555" s="21">
        <v>194282.87464683122</v>
      </c>
      <c r="D5555">
        <f t="shared" si="86"/>
        <v>5</v>
      </c>
    </row>
    <row r="5556" spans="1:4" x14ac:dyDescent="0.25">
      <c r="A5556" s="20">
        <v>43787.249999986539</v>
      </c>
      <c r="B5556" s="22">
        <v>2.3979265689849854</v>
      </c>
      <c r="C5556" s="21">
        <v>214848.8086255524</v>
      </c>
      <c r="D5556">
        <f t="shared" si="86"/>
        <v>6</v>
      </c>
    </row>
    <row r="5557" spans="1:4" x14ac:dyDescent="0.25">
      <c r="A5557" s="20">
        <v>43787.291666653204</v>
      </c>
      <c r="B5557" s="22">
        <v>2.3645944595336914</v>
      </c>
      <c r="C5557" s="21">
        <v>211862.32684699722</v>
      </c>
      <c r="D5557">
        <f t="shared" si="86"/>
        <v>7</v>
      </c>
    </row>
    <row r="5558" spans="1:4" x14ac:dyDescent="0.25">
      <c r="A5558" s="20">
        <v>43787.333333319868</v>
      </c>
      <c r="B5558" s="22">
        <v>2.2164270877838135</v>
      </c>
      <c r="C5558" s="21">
        <v>198586.86474178545</v>
      </c>
      <c r="D5558">
        <f t="shared" si="86"/>
        <v>8</v>
      </c>
    </row>
    <row r="5559" spans="1:4" x14ac:dyDescent="0.25">
      <c r="A5559" s="20">
        <v>43787.374999986532</v>
      </c>
      <c r="B5559" s="22">
        <v>2.0751059055328369</v>
      </c>
      <c r="C5559" s="21">
        <v>185924.80576429598</v>
      </c>
      <c r="D5559">
        <f t="shared" si="86"/>
        <v>9</v>
      </c>
    </row>
    <row r="5560" spans="1:4" x14ac:dyDescent="0.25">
      <c r="A5560" s="20">
        <v>43787.416666653196</v>
      </c>
      <c r="B5560" s="22">
        <v>2.0002942085266113</v>
      </c>
      <c r="C5560" s="21">
        <v>179221.84655739792</v>
      </c>
      <c r="D5560">
        <f t="shared" si="86"/>
        <v>10</v>
      </c>
    </row>
    <row r="5561" spans="1:4" x14ac:dyDescent="0.25">
      <c r="A5561" s="20">
        <v>43787.458333319861</v>
      </c>
      <c r="B5561" s="22">
        <v>1.8438063859939575</v>
      </c>
      <c r="C5561" s="21">
        <v>165200.89084073517</v>
      </c>
      <c r="D5561">
        <f t="shared" si="86"/>
        <v>11</v>
      </c>
    </row>
    <row r="5562" spans="1:4" x14ac:dyDescent="0.25">
      <c r="A5562" s="20">
        <v>43787.499999986525</v>
      </c>
      <c r="B5562" s="22">
        <v>1.4786808490753174</v>
      </c>
      <c r="C5562" s="21">
        <v>132486.46679607368</v>
      </c>
      <c r="D5562">
        <f t="shared" si="86"/>
        <v>12</v>
      </c>
    </row>
    <row r="5563" spans="1:4" x14ac:dyDescent="0.25">
      <c r="A5563" s="20">
        <v>43787.541666653189</v>
      </c>
      <c r="B5563" s="22">
        <v>1.4483950138092041</v>
      </c>
      <c r="C5563" s="21">
        <v>129772.92430927919</v>
      </c>
      <c r="D5563">
        <f t="shared" si="86"/>
        <v>13</v>
      </c>
    </row>
    <row r="5564" spans="1:4" x14ac:dyDescent="0.25">
      <c r="A5564" s="20">
        <v>43787.583333319853</v>
      </c>
      <c r="B5564" s="22">
        <v>1.4659775495529175</v>
      </c>
      <c r="C5564" s="21">
        <v>131348.27982934084</v>
      </c>
      <c r="D5564">
        <f t="shared" si="86"/>
        <v>14</v>
      </c>
    </row>
    <row r="5565" spans="1:4" x14ac:dyDescent="0.25">
      <c r="A5565" s="20">
        <v>43787.624999986518</v>
      </c>
      <c r="B5565" s="22">
        <v>1.3358207941055298</v>
      </c>
      <c r="C5565" s="21">
        <v>119686.52829610875</v>
      </c>
      <c r="D5565">
        <f t="shared" si="86"/>
        <v>15</v>
      </c>
    </row>
    <row r="5566" spans="1:4" x14ac:dyDescent="0.25">
      <c r="A5566" s="20">
        <v>43787.666666653182</v>
      </c>
      <c r="B5566" s="22">
        <v>1.7175301313400269</v>
      </c>
      <c r="C5566" s="21">
        <v>153886.82342057317</v>
      </c>
      <c r="D5566">
        <f t="shared" si="86"/>
        <v>16</v>
      </c>
    </row>
    <row r="5567" spans="1:4" x14ac:dyDescent="0.25">
      <c r="A5567" s="20">
        <v>43787.708333319846</v>
      </c>
      <c r="B5567" s="22">
        <v>1.8482004404067993</v>
      </c>
      <c r="C5567" s="21">
        <v>165594.58819904691</v>
      </c>
      <c r="D5567">
        <f t="shared" si="86"/>
        <v>17</v>
      </c>
    </row>
    <row r="5568" spans="1:4" x14ac:dyDescent="0.25">
      <c r="A5568" s="20">
        <v>43787.74999998651</v>
      </c>
      <c r="B5568" s="22">
        <v>1.7039014101028442</v>
      </c>
      <c r="C5568" s="21">
        <v>152665.72075680899</v>
      </c>
      <c r="D5568">
        <f t="shared" si="86"/>
        <v>18</v>
      </c>
    </row>
    <row r="5569" spans="1:4" x14ac:dyDescent="0.25">
      <c r="A5569" s="20">
        <v>43787.791666653175</v>
      </c>
      <c r="B5569" s="22">
        <v>1.8383275270462036</v>
      </c>
      <c r="C5569" s="21">
        <v>164709.9974444246</v>
      </c>
      <c r="D5569">
        <f t="shared" si="86"/>
        <v>19</v>
      </c>
    </row>
    <row r="5570" spans="1:4" x14ac:dyDescent="0.25">
      <c r="A5570" s="20">
        <v>43787.833333319839</v>
      </c>
      <c r="B5570" s="22">
        <v>2.0677540302276611</v>
      </c>
      <c r="C5570" s="21">
        <v>185266.09432962965</v>
      </c>
      <c r="D5570">
        <f t="shared" si="86"/>
        <v>20</v>
      </c>
    </row>
    <row r="5571" spans="1:4" x14ac:dyDescent="0.25">
      <c r="A5571" s="20">
        <v>43787.874999986503</v>
      </c>
      <c r="B5571" s="22">
        <v>1.8764110803604126</v>
      </c>
      <c r="C5571" s="21">
        <v>168122.19786941467</v>
      </c>
      <c r="D5571">
        <f t="shared" si="86"/>
        <v>21</v>
      </c>
    </row>
    <row r="5572" spans="1:4" x14ac:dyDescent="0.25">
      <c r="A5572" s="20">
        <v>43787.916666653167</v>
      </c>
      <c r="B5572" s="22">
        <v>1.9742144346237183</v>
      </c>
      <c r="C5572" s="21">
        <v>176885.15767595646</v>
      </c>
      <c r="D5572">
        <f t="shared" si="86"/>
        <v>22</v>
      </c>
    </row>
    <row r="5573" spans="1:4" x14ac:dyDescent="0.25">
      <c r="A5573" s="20">
        <v>43787.958333319832</v>
      </c>
      <c r="B5573" s="22">
        <v>1.6699585914611816</v>
      </c>
      <c r="C5573" s="21">
        <v>149624.52081312545</v>
      </c>
      <c r="D5573">
        <f t="shared" si="86"/>
        <v>23</v>
      </c>
    </row>
    <row r="5574" spans="1:4" x14ac:dyDescent="0.25">
      <c r="A5574" s="20">
        <v>43787.999999986496</v>
      </c>
      <c r="B5574" s="22">
        <v>1.5667401552200317</v>
      </c>
      <c r="C5574" s="21">
        <v>140376.38188283678</v>
      </c>
      <c r="D5574">
        <f t="shared" si="86"/>
        <v>0</v>
      </c>
    </row>
    <row r="5575" spans="1:4" x14ac:dyDescent="0.25">
      <c r="A5575" s="20">
        <v>43788.04166665316</v>
      </c>
      <c r="B5575" s="22">
        <v>1.5837019681930542</v>
      </c>
      <c r="C5575" s="21">
        <v>141896.12204357315</v>
      </c>
      <c r="D5575">
        <f t="shared" ref="D5575:D5638" si="87">HOUR(A5575)</f>
        <v>1</v>
      </c>
    </row>
    <row r="5576" spans="1:4" x14ac:dyDescent="0.25">
      <c r="A5576" s="20">
        <v>43788.083333319824</v>
      </c>
      <c r="B5576" s="22">
        <v>1.4829182624816895</v>
      </c>
      <c r="C5576" s="21">
        <v>132866.12947373374</v>
      </c>
      <c r="D5576">
        <f t="shared" si="87"/>
        <v>2</v>
      </c>
    </row>
    <row r="5577" spans="1:4" x14ac:dyDescent="0.25">
      <c r="A5577" s="20">
        <v>43788.124999986489</v>
      </c>
      <c r="B5577" s="22">
        <v>1.529163122177124</v>
      </c>
      <c r="C5577" s="21">
        <v>137009.56453097388</v>
      </c>
      <c r="D5577">
        <f t="shared" si="87"/>
        <v>3</v>
      </c>
    </row>
    <row r="5578" spans="1:4" x14ac:dyDescent="0.25">
      <c r="A5578" s="20">
        <v>43788.166666653153</v>
      </c>
      <c r="B5578" s="22">
        <v>1.5639621019363403</v>
      </c>
      <c r="C5578" s="21">
        <v>140127.47457849342</v>
      </c>
      <c r="D5578">
        <f t="shared" si="87"/>
        <v>4</v>
      </c>
    </row>
    <row r="5579" spans="1:4" x14ac:dyDescent="0.25">
      <c r="A5579" s="20">
        <v>43788.208333319817</v>
      </c>
      <c r="B5579" s="22">
        <v>1.85825514793396</v>
      </c>
      <c r="C5579" s="21">
        <v>166495.4673006965</v>
      </c>
      <c r="D5579">
        <f t="shared" si="87"/>
        <v>5</v>
      </c>
    </row>
    <row r="5580" spans="1:4" x14ac:dyDescent="0.25">
      <c r="A5580" s="20">
        <v>43788.249999986481</v>
      </c>
      <c r="B5580" s="22">
        <v>2.0326666831970215</v>
      </c>
      <c r="C5580" s="21">
        <v>182122.34722541569</v>
      </c>
      <c r="D5580">
        <f t="shared" si="87"/>
        <v>6</v>
      </c>
    </row>
    <row r="5581" spans="1:4" x14ac:dyDescent="0.25">
      <c r="A5581" s="20">
        <v>43788.291666653146</v>
      </c>
      <c r="B5581" s="22">
        <v>1.752862811088562</v>
      </c>
      <c r="C5581" s="21">
        <v>157052.55178261147</v>
      </c>
      <c r="D5581">
        <f t="shared" si="87"/>
        <v>7</v>
      </c>
    </row>
    <row r="5582" spans="1:4" x14ac:dyDescent="0.25">
      <c r="A5582" s="20">
        <v>43788.33333331981</v>
      </c>
      <c r="B5582" s="22">
        <v>1.6763099431991577</v>
      </c>
      <c r="C5582" s="21">
        <v>150193.58759428366</v>
      </c>
      <c r="D5582">
        <f t="shared" si="87"/>
        <v>8</v>
      </c>
    </row>
    <row r="5583" spans="1:4" x14ac:dyDescent="0.25">
      <c r="A5583" s="20">
        <v>43788.374999986474</v>
      </c>
      <c r="B5583" s="22">
        <v>1.6333556175231934</v>
      </c>
      <c r="C5583" s="21">
        <v>146344.97695867886</v>
      </c>
      <c r="D5583">
        <f t="shared" si="87"/>
        <v>9</v>
      </c>
    </row>
    <row r="5584" spans="1:4" x14ac:dyDescent="0.25">
      <c r="A5584" s="20">
        <v>43788.416666653138</v>
      </c>
      <c r="B5584" s="22">
        <v>1.5846381187438965</v>
      </c>
      <c r="C5584" s="21">
        <v>141979.99902010115</v>
      </c>
      <c r="D5584">
        <f t="shared" si="87"/>
        <v>10</v>
      </c>
    </row>
    <row r="5585" spans="1:4" x14ac:dyDescent="0.25">
      <c r="A5585" s="20">
        <v>43788.458333319802</v>
      </c>
      <c r="B5585" s="22">
        <v>1.3599199056625366</v>
      </c>
      <c r="C5585" s="21">
        <v>121845.75430157765</v>
      </c>
      <c r="D5585">
        <f t="shared" si="87"/>
        <v>11</v>
      </c>
    </row>
    <row r="5586" spans="1:4" x14ac:dyDescent="0.25">
      <c r="A5586" s="20">
        <v>43788.499999986467</v>
      </c>
      <c r="B5586" s="22">
        <v>1.2734243869781494</v>
      </c>
      <c r="C5586" s="21">
        <v>114095.95104189902</v>
      </c>
      <c r="D5586">
        <f t="shared" si="87"/>
        <v>12</v>
      </c>
    </row>
    <row r="5587" spans="1:4" x14ac:dyDescent="0.25">
      <c r="A5587" s="20">
        <v>43788.541666653131</v>
      </c>
      <c r="B5587" s="22">
        <v>1.228915810585022</v>
      </c>
      <c r="C5587" s="21">
        <v>110108.0830498735</v>
      </c>
      <c r="D5587">
        <f t="shared" si="87"/>
        <v>13</v>
      </c>
    </row>
    <row r="5588" spans="1:4" x14ac:dyDescent="0.25">
      <c r="A5588" s="20">
        <v>43788.583333319795</v>
      </c>
      <c r="B5588" s="22">
        <v>1.2014728784561157</v>
      </c>
      <c r="C5588" s="21">
        <v>107649.25826793569</v>
      </c>
      <c r="D5588">
        <f t="shared" si="87"/>
        <v>14</v>
      </c>
    </row>
    <row r="5589" spans="1:4" x14ac:dyDescent="0.25">
      <c r="A5589" s="20">
        <v>43788.624999986459</v>
      </c>
      <c r="B5589" s="22">
        <v>1.1871545314788818</v>
      </c>
      <c r="C5589" s="21">
        <v>106366.36669430083</v>
      </c>
      <c r="D5589">
        <f t="shared" si="87"/>
        <v>15</v>
      </c>
    </row>
    <row r="5590" spans="1:4" x14ac:dyDescent="0.25">
      <c r="A5590" s="20">
        <v>43788.666666653124</v>
      </c>
      <c r="B5590" s="22">
        <v>1.5889322757720947</v>
      </c>
      <c r="C5590" s="21">
        <v>142364.74579821038</v>
      </c>
      <c r="D5590">
        <f t="shared" si="87"/>
        <v>16</v>
      </c>
    </row>
    <row r="5591" spans="1:4" x14ac:dyDescent="0.25">
      <c r="A5591" s="20">
        <v>43788.708333319788</v>
      </c>
      <c r="B5591" s="22">
        <v>1.5362786054611206</v>
      </c>
      <c r="C5591" s="21">
        <v>137647.09577406311</v>
      </c>
      <c r="D5591">
        <f t="shared" si="87"/>
        <v>17</v>
      </c>
    </row>
    <row r="5592" spans="1:4" x14ac:dyDescent="0.25">
      <c r="A5592" s="20">
        <v>43788.749999986452</v>
      </c>
      <c r="B5592" s="22">
        <v>1.7697319984436035</v>
      </c>
      <c r="C5592" s="21">
        <v>158563.99289702644</v>
      </c>
      <c r="D5592">
        <f t="shared" si="87"/>
        <v>18</v>
      </c>
    </row>
    <row r="5593" spans="1:4" x14ac:dyDescent="0.25">
      <c r="A5593" s="20">
        <v>43788.791666653116</v>
      </c>
      <c r="B5593" s="22">
        <v>1.8317673206329346</v>
      </c>
      <c r="C5593" s="21">
        <v>164122.21775573082</v>
      </c>
      <c r="D5593">
        <f t="shared" si="87"/>
        <v>19</v>
      </c>
    </row>
    <row r="5594" spans="1:4" x14ac:dyDescent="0.25">
      <c r="A5594" s="20">
        <v>43788.833333319781</v>
      </c>
      <c r="B5594" s="22">
        <v>1.9676473140716553</v>
      </c>
      <c r="C5594" s="21">
        <v>176296.75849603146</v>
      </c>
      <c r="D5594">
        <f t="shared" si="87"/>
        <v>20</v>
      </c>
    </row>
    <row r="5595" spans="1:4" x14ac:dyDescent="0.25">
      <c r="A5595" s="20">
        <v>43788.874999986445</v>
      </c>
      <c r="B5595" s="22">
        <v>1.729718804359436</v>
      </c>
      <c r="C5595" s="21">
        <v>154978.9010141147</v>
      </c>
      <c r="D5595">
        <f t="shared" si="87"/>
        <v>21</v>
      </c>
    </row>
    <row r="5596" spans="1:4" x14ac:dyDescent="0.25">
      <c r="A5596" s="20">
        <v>43788.916666653109</v>
      </c>
      <c r="B5596" s="22">
        <v>1.6127960681915283</v>
      </c>
      <c r="C5596" s="21">
        <v>144502.88774005184</v>
      </c>
      <c r="D5596">
        <f t="shared" si="87"/>
        <v>22</v>
      </c>
    </row>
    <row r="5597" spans="1:4" x14ac:dyDescent="0.25">
      <c r="A5597" s="20">
        <v>43788.958333319773</v>
      </c>
      <c r="B5597" s="22">
        <v>1.4494175910949707</v>
      </c>
      <c r="C5597" s="21">
        <v>129864.54492619718</v>
      </c>
      <c r="D5597">
        <f t="shared" si="87"/>
        <v>23</v>
      </c>
    </row>
    <row r="5598" spans="1:4" x14ac:dyDescent="0.25">
      <c r="A5598" s="20">
        <v>43788.999999986438</v>
      </c>
      <c r="B5598" s="22">
        <v>1.3532426357269287</v>
      </c>
      <c r="C5598" s="21">
        <v>121247.48598548662</v>
      </c>
      <c r="D5598">
        <f t="shared" si="87"/>
        <v>0</v>
      </c>
    </row>
    <row r="5599" spans="1:4" x14ac:dyDescent="0.25">
      <c r="A5599" s="20">
        <v>43789.041666653102</v>
      </c>
      <c r="B5599" s="22">
        <v>1.3973349332809448</v>
      </c>
      <c r="C5599" s="21">
        <v>125198.0563330405</v>
      </c>
      <c r="D5599">
        <f t="shared" si="87"/>
        <v>1</v>
      </c>
    </row>
    <row r="5600" spans="1:4" x14ac:dyDescent="0.25">
      <c r="A5600" s="20">
        <v>43789.083333319766</v>
      </c>
      <c r="B5600" s="22">
        <v>1.3603836297988892</v>
      </c>
      <c r="C5600" s="21">
        <v>121887.30293760133</v>
      </c>
      <c r="D5600">
        <f t="shared" si="87"/>
        <v>2</v>
      </c>
    </row>
    <row r="5601" spans="1:4" x14ac:dyDescent="0.25">
      <c r="A5601" s="20">
        <v>43789.12499998643</v>
      </c>
      <c r="B5601" s="22">
        <v>1.3923879861831665</v>
      </c>
      <c r="C5601" s="21">
        <v>124754.82103799927</v>
      </c>
      <c r="D5601">
        <f t="shared" si="87"/>
        <v>3</v>
      </c>
    </row>
    <row r="5602" spans="1:4" x14ac:dyDescent="0.25">
      <c r="A5602" s="20">
        <v>43789.166666653095</v>
      </c>
      <c r="B5602" s="22">
        <v>1.4720458984375</v>
      </c>
      <c r="C5602" s="21">
        <v>131891.99019355298</v>
      </c>
      <c r="D5602">
        <f t="shared" si="87"/>
        <v>4</v>
      </c>
    </row>
    <row r="5603" spans="1:4" x14ac:dyDescent="0.25">
      <c r="A5603" s="20">
        <v>43789.208333319759</v>
      </c>
      <c r="B5603" s="22">
        <v>1.6391855478286743</v>
      </c>
      <c r="C5603" s="21">
        <v>146867.32555629784</v>
      </c>
      <c r="D5603">
        <f t="shared" si="87"/>
        <v>5</v>
      </c>
    </row>
    <row r="5604" spans="1:4" x14ac:dyDescent="0.25">
      <c r="A5604" s="20">
        <v>43789.249999986423</v>
      </c>
      <c r="B5604" s="22">
        <v>1.8521076440811157</v>
      </c>
      <c r="C5604" s="21">
        <v>165944.66482997543</v>
      </c>
      <c r="D5604">
        <f t="shared" si="87"/>
        <v>6</v>
      </c>
    </row>
    <row r="5605" spans="1:4" x14ac:dyDescent="0.25">
      <c r="A5605" s="20">
        <v>43789.291666653087</v>
      </c>
      <c r="B5605" s="22">
        <v>1.6837948560714722</v>
      </c>
      <c r="C5605" s="21">
        <v>150864.21889470899</v>
      </c>
      <c r="D5605">
        <f t="shared" si="87"/>
        <v>7</v>
      </c>
    </row>
    <row r="5606" spans="1:4" x14ac:dyDescent="0.25">
      <c r="A5606" s="20">
        <v>43789.333333319752</v>
      </c>
      <c r="B5606" s="22">
        <v>1.5109854936599731</v>
      </c>
      <c r="C5606" s="21">
        <v>135380.89004149573</v>
      </c>
      <c r="D5606">
        <f t="shared" si="87"/>
        <v>8</v>
      </c>
    </row>
    <row r="5607" spans="1:4" x14ac:dyDescent="0.25">
      <c r="A5607" s="20">
        <v>43789.374999986416</v>
      </c>
      <c r="B5607" s="22">
        <v>1.6681977510452271</v>
      </c>
      <c r="C5607" s="21">
        <v>149466.75348595175</v>
      </c>
      <c r="D5607">
        <f t="shared" si="87"/>
        <v>9</v>
      </c>
    </row>
    <row r="5608" spans="1:4" x14ac:dyDescent="0.25">
      <c r="A5608" s="20">
        <v>43789.41666665308</v>
      </c>
      <c r="B5608" s="22">
        <v>1.5487234592437744</v>
      </c>
      <c r="C5608" s="21">
        <v>138762.12658580902</v>
      </c>
      <c r="D5608">
        <f t="shared" si="87"/>
        <v>10</v>
      </c>
    </row>
    <row r="5609" spans="1:4" x14ac:dyDescent="0.25">
      <c r="A5609" s="20">
        <v>43789.458333319744</v>
      </c>
      <c r="B5609" s="22">
        <v>1.4705367088317871</v>
      </c>
      <c r="C5609" s="21">
        <v>131756.77021101833</v>
      </c>
      <c r="D5609">
        <f t="shared" si="87"/>
        <v>11</v>
      </c>
    </row>
    <row r="5610" spans="1:4" x14ac:dyDescent="0.25">
      <c r="A5610" s="20">
        <v>43789.499999986409</v>
      </c>
      <c r="B5610" s="22">
        <v>1.5891011953353882</v>
      </c>
      <c r="C5610" s="21">
        <v>142379.88060984164</v>
      </c>
      <c r="D5610">
        <f t="shared" si="87"/>
        <v>12</v>
      </c>
    </row>
    <row r="5611" spans="1:4" x14ac:dyDescent="0.25">
      <c r="A5611" s="20">
        <v>43789.541666653073</v>
      </c>
      <c r="B5611" s="22">
        <v>1.3043372631072998</v>
      </c>
      <c r="C5611" s="21">
        <v>116865.67497483353</v>
      </c>
      <c r="D5611">
        <f t="shared" si="87"/>
        <v>13</v>
      </c>
    </row>
    <row r="5612" spans="1:4" x14ac:dyDescent="0.25">
      <c r="A5612" s="20">
        <v>43789.583333319737</v>
      </c>
      <c r="B5612" s="22">
        <v>1.3056482076644897</v>
      </c>
      <c r="C5612" s="21">
        <v>116983.13264844597</v>
      </c>
      <c r="D5612">
        <f t="shared" si="87"/>
        <v>14</v>
      </c>
    </row>
    <row r="5613" spans="1:4" x14ac:dyDescent="0.25">
      <c r="A5613" s="20">
        <v>43789.624999986401</v>
      </c>
      <c r="B5613" s="22">
        <v>1.570925235748291</v>
      </c>
      <c r="C5613" s="21">
        <v>140751.35565272963</v>
      </c>
      <c r="D5613">
        <f t="shared" si="87"/>
        <v>15</v>
      </c>
    </row>
    <row r="5614" spans="1:4" x14ac:dyDescent="0.25">
      <c r="A5614" s="20">
        <v>43789.666666653065</v>
      </c>
      <c r="B5614" s="22">
        <v>1.6530438661575317</v>
      </c>
      <c r="C5614" s="21">
        <v>148108.9996012912</v>
      </c>
      <c r="D5614">
        <f t="shared" si="87"/>
        <v>16</v>
      </c>
    </row>
    <row r="5615" spans="1:4" x14ac:dyDescent="0.25">
      <c r="A5615" s="20">
        <v>43789.70833331973</v>
      </c>
      <c r="B5615" s="22">
        <v>1.7799639701843262</v>
      </c>
      <c r="C5615" s="21">
        <v>159480.75447213801</v>
      </c>
      <c r="D5615">
        <f t="shared" si="87"/>
        <v>17</v>
      </c>
    </row>
    <row r="5616" spans="1:4" x14ac:dyDescent="0.25">
      <c r="A5616" s="20">
        <v>43789.749999986394</v>
      </c>
      <c r="B5616" s="22">
        <v>1.8767436742782593</v>
      </c>
      <c r="C5616" s="21">
        <v>168151.9975338121</v>
      </c>
      <c r="D5616">
        <f t="shared" si="87"/>
        <v>18</v>
      </c>
    </row>
    <row r="5617" spans="1:4" x14ac:dyDescent="0.25">
      <c r="A5617" s="20">
        <v>43789.791666653058</v>
      </c>
      <c r="B5617" s="22">
        <v>2.0447041988372803</v>
      </c>
      <c r="C5617" s="21">
        <v>183200.88145893719</v>
      </c>
      <c r="D5617">
        <f t="shared" si="87"/>
        <v>19</v>
      </c>
    </row>
    <row r="5618" spans="1:4" x14ac:dyDescent="0.25">
      <c r="A5618" s="20">
        <v>43789.833333319722</v>
      </c>
      <c r="B5618" s="22">
        <v>2.146221399307251</v>
      </c>
      <c r="C5618" s="21">
        <v>192296.59350370045</v>
      </c>
      <c r="D5618">
        <f t="shared" si="87"/>
        <v>20</v>
      </c>
    </row>
    <row r="5619" spans="1:4" x14ac:dyDescent="0.25">
      <c r="A5619" s="20">
        <v>43789.874999986387</v>
      </c>
      <c r="B5619" s="22">
        <v>1.8880047798156738</v>
      </c>
      <c r="C5619" s="21">
        <v>169160.96717442299</v>
      </c>
      <c r="D5619">
        <f t="shared" si="87"/>
        <v>21</v>
      </c>
    </row>
    <row r="5620" spans="1:4" x14ac:dyDescent="0.25">
      <c r="A5620" s="20">
        <v>43789.916666653051</v>
      </c>
      <c r="B5620" s="22">
        <v>1.8902087211608887</v>
      </c>
      <c r="C5620" s="21">
        <v>169358.43534481007</v>
      </c>
      <c r="D5620">
        <f t="shared" si="87"/>
        <v>22</v>
      </c>
    </row>
    <row r="5621" spans="1:4" x14ac:dyDescent="0.25">
      <c r="A5621" s="20">
        <v>43789.958333319715</v>
      </c>
      <c r="B5621" s="22">
        <v>1.7292108535766602</v>
      </c>
      <c r="C5621" s="21">
        <v>154933.38977038802</v>
      </c>
      <c r="D5621">
        <f t="shared" si="87"/>
        <v>23</v>
      </c>
    </row>
    <row r="5622" spans="1:4" x14ac:dyDescent="0.25">
      <c r="A5622" s="20">
        <v>43789.999999986379</v>
      </c>
      <c r="B5622" s="22">
        <v>1.7008308172225952</v>
      </c>
      <c r="C5622" s="21">
        <v>152390.60256485583</v>
      </c>
      <c r="D5622">
        <f t="shared" si="87"/>
        <v>0</v>
      </c>
    </row>
    <row r="5623" spans="1:4" x14ac:dyDescent="0.25">
      <c r="A5623" s="20">
        <v>43790.041666653044</v>
      </c>
      <c r="B5623" s="22">
        <v>1.8988782167434692</v>
      </c>
      <c r="C5623" s="21">
        <v>170135.20258255344</v>
      </c>
      <c r="D5623">
        <f t="shared" si="87"/>
        <v>1</v>
      </c>
    </row>
    <row r="5624" spans="1:4" x14ac:dyDescent="0.25">
      <c r="A5624" s="20">
        <v>43790.083333319708</v>
      </c>
      <c r="B5624" s="22">
        <v>1.788150429725647</v>
      </c>
      <c r="C5624" s="21">
        <v>160214.24277076367</v>
      </c>
      <c r="D5624">
        <f t="shared" si="87"/>
        <v>2</v>
      </c>
    </row>
    <row r="5625" spans="1:4" x14ac:dyDescent="0.25">
      <c r="A5625" s="20">
        <v>43790.124999986372</v>
      </c>
      <c r="B5625" s="22">
        <v>1.8210282325744629</v>
      </c>
      <c r="C5625" s="21">
        <v>163160.01970307561</v>
      </c>
      <c r="D5625">
        <f t="shared" si="87"/>
        <v>3</v>
      </c>
    </row>
    <row r="5626" spans="1:4" x14ac:dyDescent="0.25">
      <c r="A5626" s="20">
        <v>43790.166666653036</v>
      </c>
      <c r="B5626" s="22">
        <v>1.9095762968063354</v>
      </c>
      <c r="C5626" s="21">
        <v>171093.72641135464</v>
      </c>
      <c r="D5626">
        <f t="shared" si="87"/>
        <v>4</v>
      </c>
    </row>
    <row r="5627" spans="1:4" x14ac:dyDescent="0.25">
      <c r="A5627" s="20">
        <v>43790.208333319701</v>
      </c>
      <c r="B5627" s="22">
        <v>2.1131551265716553</v>
      </c>
      <c r="C5627" s="21">
        <v>189333.93009489661</v>
      </c>
      <c r="D5627">
        <f t="shared" si="87"/>
        <v>5</v>
      </c>
    </row>
    <row r="5628" spans="1:4" x14ac:dyDescent="0.25">
      <c r="A5628" s="20">
        <v>43790.249999986365</v>
      </c>
      <c r="B5628" s="22">
        <v>2.3317596912384033</v>
      </c>
      <c r="C5628" s="21">
        <v>208920.40571355532</v>
      </c>
      <c r="D5628">
        <f t="shared" si="87"/>
        <v>6</v>
      </c>
    </row>
    <row r="5629" spans="1:4" x14ac:dyDescent="0.25">
      <c r="A5629" s="20">
        <v>43790.291666653029</v>
      </c>
      <c r="B5629" s="22">
        <v>2.1897974014282227</v>
      </c>
      <c r="C5629" s="21">
        <v>196200.90494569688</v>
      </c>
      <c r="D5629">
        <f t="shared" si="87"/>
        <v>7</v>
      </c>
    </row>
    <row r="5630" spans="1:4" x14ac:dyDescent="0.25">
      <c r="A5630" s="20">
        <v>43790.333333319693</v>
      </c>
      <c r="B5630" s="22">
        <v>1.8384796380996704</v>
      </c>
      <c r="C5630" s="21">
        <v>164723.62625151104</v>
      </c>
      <c r="D5630">
        <f t="shared" si="87"/>
        <v>8</v>
      </c>
    </row>
    <row r="5631" spans="1:4" x14ac:dyDescent="0.25">
      <c r="A5631" s="20">
        <v>43790.374999986358</v>
      </c>
      <c r="B5631" s="22">
        <v>1.8380743265151978</v>
      </c>
      <c r="C5631" s="21">
        <v>164687.31124830266</v>
      </c>
      <c r="D5631">
        <f t="shared" si="87"/>
        <v>9</v>
      </c>
    </row>
    <row r="5632" spans="1:4" x14ac:dyDescent="0.25">
      <c r="A5632" s="20">
        <v>43790.416666653022</v>
      </c>
      <c r="B5632" s="22">
        <v>1.5121320486068726</v>
      </c>
      <c r="C5632" s="21">
        <v>135483.61877704217</v>
      </c>
      <c r="D5632">
        <f t="shared" si="87"/>
        <v>10</v>
      </c>
    </row>
    <row r="5633" spans="1:4" x14ac:dyDescent="0.25">
      <c r="A5633" s="20">
        <v>43790.458333319686</v>
      </c>
      <c r="B5633" s="22">
        <v>1.4522489309310913</v>
      </c>
      <c r="C5633" s="21">
        <v>130118.22658537413</v>
      </c>
      <c r="D5633">
        <f t="shared" si="87"/>
        <v>11</v>
      </c>
    </row>
    <row r="5634" spans="1:4" x14ac:dyDescent="0.25">
      <c r="A5634" s="20">
        <v>43790.49999998635</v>
      </c>
      <c r="B5634" s="22">
        <v>1.3600363731384277</v>
      </c>
      <c r="C5634" s="21">
        <v>121856.1895245584</v>
      </c>
      <c r="D5634">
        <f t="shared" si="87"/>
        <v>12</v>
      </c>
    </row>
    <row r="5635" spans="1:4" x14ac:dyDescent="0.25">
      <c r="A5635" s="20">
        <v>43790.541666653015</v>
      </c>
      <c r="B5635" s="22">
        <v>1.2910062074661255</v>
      </c>
      <c r="C5635" s="21">
        <v>115671.24247666092</v>
      </c>
      <c r="D5635">
        <f t="shared" si="87"/>
        <v>13</v>
      </c>
    </row>
    <row r="5636" spans="1:4" x14ac:dyDescent="0.25">
      <c r="A5636" s="20">
        <v>43790.583333319679</v>
      </c>
      <c r="B5636" s="22">
        <v>1.3688559532165527</v>
      </c>
      <c r="C5636" s="21">
        <v>122646.40399437216</v>
      </c>
      <c r="D5636">
        <f t="shared" si="87"/>
        <v>14</v>
      </c>
    </row>
    <row r="5637" spans="1:4" x14ac:dyDescent="0.25">
      <c r="A5637" s="20">
        <v>43790.624999986343</v>
      </c>
      <c r="B5637" s="22">
        <v>1.4300662279129028</v>
      </c>
      <c r="C5637" s="21">
        <v>128130.70645978095</v>
      </c>
      <c r="D5637">
        <f t="shared" si="87"/>
        <v>15</v>
      </c>
    </row>
    <row r="5638" spans="1:4" x14ac:dyDescent="0.25">
      <c r="A5638" s="20">
        <v>43790.666666653007</v>
      </c>
      <c r="B5638" s="22">
        <v>1.3871003389358521</v>
      </c>
      <c r="C5638" s="21">
        <v>124281.0597784964</v>
      </c>
      <c r="D5638">
        <f t="shared" si="87"/>
        <v>16</v>
      </c>
    </row>
    <row r="5639" spans="1:4" x14ac:dyDescent="0.25">
      <c r="A5639" s="20">
        <v>43790.708333319672</v>
      </c>
      <c r="B5639" s="22">
        <v>1.5261425971984863</v>
      </c>
      <c r="C5639" s="21">
        <v>136738.93231000527</v>
      </c>
      <c r="D5639">
        <f t="shared" ref="D5639:D5702" si="88">HOUR(A5639)</f>
        <v>17</v>
      </c>
    </row>
    <row r="5640" spans="1:4" x14ac:dyDescent="0.25">
      <c r="A5640" s="20">
        <v>43790.749999986336</v>
      </c>
      <c r="B5640" s="22">
        <v>1.6454493999481201</v>
      </c>
      <c r="C5640" s="21">
        <v>147428.55256911632</v>
      </c>
      <c r="D5640">
        <f t="shared" si="88"/>
        <v>18</v>
      </c>
    </row>
    <row r="5641" spans="1:4" x14ac:dyDescent="0.25">
      <c r="A5641" s="20">
        <v>43790.791666653</v>
      </c>
      <c r="B5641" s="22">
        <v>1.5164999961853027</v>
      </c>
      <c r="C5641" s="21">
        <v>135874.97702191194</v>
      </c>
      <c r="D5641">
        <f t="shared" si="88"/>
        <v>19</v>
      </c>
    </row>
    <row r="5642" spans="1:4" x14ac:dyDescent="0.25">
      <c r="A5642" s="20">
        <v>43790.833333319664</v>
      </c>
      <c r="B5642" s="22">
        <v>1.7112064361572266</v>
      </c>
      <c r="C5642" s="21">
        <v>153320.23460433978</v>
      </c>
      <c r="D5642">
        <f t="shared" si="88"/>
        <v>20</v>
      </c>
    </row>
    <row r="5643" spans="1:4" x14ac:dyDescent="0.25">
      <c r="A5643" s="20">
        <v>43790.874999986328</v>
      </c>
      <c r="B5643" s="22">
        <v>1.6629098653793335</v>
      </c>
      <c r="C5643" s="21">
        <v>148992.97086468231</v>
      </c>
      <c r="D5643">
        <f t="shared" si="88"/>
        <v>21</v>
      </c>
    </row>
    <row r="5644" spans="1:4" x14ac:dyDescent="0.25">
      <c r="A5644" s="20">
        <v>43790.916666652993</v>
      </c>
      <c r="B5644" s="22">
        <v>1.4143823385238647</v>
      </c>
      <c r="C5644" s="21">
        <v>126725.46536798384</v>
      </c>
      <c r="D5644">
        <f t="shared" si="88"/>
        <v>22</v>
      </c>
    </row>
    <row r="5645" spans="1:4" x14ac:dyDescent="0.25">
      <c r="A5645" s="20">
        <v>43790.958333319657</v>
      </c>
      <c r="B5645" s="22">
        <v>1.1277035474777222</v>
      </c>
      <c r="C5645" s="21">
        <v>101039.69270458288</v>
      </c>
      <c r="D5645">
        <f t="shared" si="88"/>
        <v>23</v>
      </c>
    </row>
    <row r="5646" spans="1:4" x14ac:dyDescent="0.25">
      <c r="A5646" s="20">
        <v>43790.999999986321</v>
      </c>
      <c r="B5646" s="22">
        <v>1.0316836833953857</v>
      </c>
      <c r="C5646" s="21">
        <v>92436.529593041152</v>
      </c>
      <c r="D5646">
        <f t="shared" si="88"/>
        <v>0</v>
      </c>
    </row>
    <row r="5647" spans="1:4" x14ac:dyDescent="0.25">
      <c r="A5647" s="20">
        <v>43791.041666652985</v>
      </c>
      <c r="B5647" s="22">
        <v>1.0001628398895264</v>
      </c>
      <c r="C5647" s="21">
        <v>89612.333155294109</v>
      </c>
      <c r="D5647">
        <f t="shared" si="88"/>
        <v>1</v>
      </c>
    </row>
    <row r="5648" spans="1:4" x14ac:dyDescent="0.25">
      <c r="A5648" s="20">
        <v>43791.08333331965</v>
      </c>
      <c r="B5648" s="22">
        <v>1.0416609048843384</v>
      </c>
      <c r="C5648" s="21">
        <v>93330.46612054795</v>
      </c>
      <c r="D5648">
        <f t="shared" si="88"/>
        <v>2</v>
      </c>
    </row>
    <row r="5649" spans="1:4" x14ac:dyDescent="0.25">
      <c r="A5649" s="20">
        <v>43791.124999986314</v>
      </c>
      <c r="B5649" s="22">
        <v>1.080918550491333</v>
      </c>
      <c r="C5649" s="21">
        <v>96847.862565125964</v>
      </c>
      <c r="D5649">
        <f t="shared" si="88"/>
        <v>3</v>
      </c>
    </row>
    <row r="5650" spans="1:4" x14ac:dyDescent="0.25">
      <c r="A5650" s="20">
        <v>43791.166666652978</v>
      </c>
      <c r="B5650" s="22">
        <v>1.1161637306213379</v>
      </c>
      <c r="C5650" s="21">
        <v>100005.75115882458</v>
      </c>
      <c r="D5650">
        <f t="shared" si="88"/>
        <v>4</v>
      </c>
    </row>
    <row r="5651" spans="1:4" x14ac:dyDescent="0.25">
      <c r="A5651" s="20">
        <v>43791.208333319642</v>
      </c>
      <c r="B5651" s="22">
        <v>1.2171632051467896</v>
      </c>
      <c r="C5651" s="21">
        <v>109055.07612743082</v>
      </c>
      <c r="D5651">
        <f t="shared" si="88"/>
        <v>5</v>
      </c>
    </row>
    <row r="5652" spans="1:4" x14ac:dyDescent="0.25">
      <c r="A5652" s="20">
        <v>43791.249999986307</v>
      </c>
      <c r="B5652" s="22">
        <v>1.6581723690032959</v>
      </c>
      <c r="C5652" s="21">
        <v>148568.50188159314</v>
      </c>
      <c r="D5652">
        <f t="shared" si="88"/>
        <v>6</v>
      </c>
    </row>
    <row r="5653" spans="1:4" x14ac:dyDescent="0.25">
      <c r="A5653" s="20">
        <v>43791.291666652971</v>
      </c>
      <c r="B5653" s="22">
        <v>1.5138552188873291</v>
      </c>
      <c r="C5653" s="21">
        <v>135638.01094509414</v>
      </c>
      <c r="D5653">
        <f t="shared" si="88"/>
        <v>7</v>
      </c>
    </row>
    <row r="5654" spans="1:4" x14ac:dyDescent="0.25">
      <c r="A5654" s="20">
        <v>43791.333333319635</v>
      </c>
      <c r="B5654" s="22">
        <v>1.3860006332397461</v>
      </c>
      <c r="C5654" s="21">
        <v>124182.52863008549</v>
      </c>
      <c r="D5654">
        <f t="shared" si="88"/>
        <v>8</v>
      </c>
    </row>
    <row r="5655" spans="1:4" x14ac:dyDescent="0.25">
      <c r="A5655" s="20">
        <v>43791.374999986299</v>
      </c>
      <c r="B5655" s="22">
        <v>1.452972412109375</v>
      </c>
      <c r="C5655" s="21">
        <v>130183.04886610105</v>
      </c>
      <c r="D5655">
        <f t="shared" si="88"/>
        <v>9</v>
      </c>
    </row>
    <row r="5656" spans="1:4" x14ac:dyDescent="0.25">
      <c r="A5656" s="20">
        <v>43791.416666652964</v>
      </c>
      <c r="B5656" s="22">
        <v>1.2658731937408447</v>
      </c>
      <c r="C5656" s="21">
        <v>113419.38117036081</v>
      </c>
      <c r="D5656">
        <f t="shared" si="88"/>
        <v>10</v>
      </c>
    </row>
    <row r="5657" spans="1:4" x14ac:dyDescent="0.25">
      <c r="A5657" s="20">
        <v>43791.458333319628</v>
      </c>
      <c r="B5657" s="22">
        <v>1.3229571580886841</v>
      </c>
      <c r="C5657" s="21">
        <v>118533.97554134199</v>
      </c>
      <c r="D5657">
        <f t="shared" si="88"/>
        <v>11</v>
      </c>
    </row>
    <row r="5658" spans="1:4" x14ac:dyDescent="0.25">
      <c r="A5658" s="20">
        <v>43791.499999986292</v>
      </c>
      <c r="B5658" s="22">
        <v>1.401627779006958</v>
      </c>
      <c r="C5658" s="21">
        <v>125582.68562143345</v>
      </c>
      <c r="D5658">
        <f t="shared" si="88"/>
        <v>12</v>
      </c>
    </row>
    <row r="5659" spans="1:4" x14ac:dyDescent="0.25">
      <c r="A5659" s="20">
        <v>43791.541666652956</v>
      </c>
      <c r="B5659" s="22">
        <v>1.432315468788147</v>
      </c>
      <c r="C5659" s="21">
        <v>128332.23336582074</v>
      </c>
      <c r="D5659">
        <f t="shared" si="88"/>
        <v>13</v>
      </c>
    </row>
    <row r="5660" spans="1:4" x14ac:dyDescent="0.25">
      <c r="A5660" s="20">
        <v>43791.583333319621</v>
      </c>
      <c r="B5660" s="22">
        <v>1.4539575576782227</v>
      </c>
      <c r="C5660" s="21">
        <v>130271.31568566394</v>
      </c>
      <c r="D5660">
        <f t="shared" si="88"/>
        <v>14</v>
      </c>
    </row>
    <row r="5661" spans="1:4" x14ac:dyDescent="0.25">
      <c r="A5661" s="20">
        <v>43791.624999986285</v>
      </c>
      <c r="B5661" s="22">
        <v>1.3993346691131592</v>
      </c>
      <c r="C5661" s="21">
        <v>125377.22815034055</v>
      </c>
      <c r="D5661">
        <f t="shared" si="88"/>
        <v>15</v>
      </c>
    </row>
    <row r="5662" spans="1:4" x14ac:dyDescent="0.25">
      <c r="A5662" s="20">
        <v>43791.666666652949</v>
      </c>
      <c r="B5662" s="22">
        <v>1.5718345642089844</v>
      </c>
      <c r="C5662" s="21">
        <v>140832.82943051588</v>
      </c>
      <c r="D5662">
        <f t="shared" si="88"/>
        <v>16</v>
      </c>
    </row>
    <row r="5663" spans="1:4" x14ac:dyDescent="0.25">
      <c r="A5663" s="20">
        <v>43791.708333319613</v>
      </c>
      <c r="B5663" s="22">
        <v>1.6758265495300293</v>
      </c>
      <c r="C5663" s="21">
        <v>150150.27661251606</v>
      </c>
      <c r="D5663">
        <f t="shared" si="88"/>
        <v>17</v>
      </c>
    </row>
    <row r="5664" spans="1:4" x14ac:dyDescent="0.25">
      <c r="A5664" s="20">
        <v>43791.749999986278</v>
      </c>
      <c r="B5664" s="22">
        <v>1.8508936166763306</v>
      </c>
      <c r="C5664" s="21">
        <v>165835.89071448313</v>
      </c>
      <c r="D5664">
        <f t="shared" si="88"/>
        <v>18</v>
      </c>
    </row>
    <row r="5665" spans="1:4" x14ac:dyDescent="0.25">
      <c r="A5665" s="20">
        <v>43791.791666652942</v>
      </c>
      <c r="B5665" s="22">
        <v>1.7109177112579346</v>
      </c>
      <c r="C5665" s="21">
        <v>153294.36550499548</v>
      </c>
      <c r="D5665">
        <f t="shared" si="88"/>
        <v>19</v>
      </c>
    </row>
    <row r="5666" spans="1:4" x14ac:dyDescent="0.25">
      <c r="A5666" s="20">
        <v>43791.833333319606</v>
      </c>
      <c r="B5666" s="22">
        <v>1.8702250719070435</v>
      </c>
      <c r="C5666" s="21">
        <v>167567.9454733888</v>
      </c>
      <c r="D5666">
        <f t="shared" si="88"/>
        <v>20</v>
      </c>
    </row>
    <row r="5667" spans="1:4" x14ac:dyDescent="0.25">
      <c r="A5667" s="20">
        <v>43791.87499998627</v>
      </c>
      <c r="B5667" s="22">
        <v>1.9003018140792847</v>
      </c>
      <c r="C5667" s="21">
        <v>170262.75369088113</v>
      </c>
      <c r="D5667">
        <f t="shared" si="88"/>
        <v>21</v>
      </c>
    </row>
    <row r="5668" spans="1:4" x14ac:dyDescent="0.25">
      <c r="A5668" s="20">
        <v>43791.916666652935</v>
      </c>
      <c r="B5668" s="22">
        <v>1.8016939163208008</v>
      </c>
      <c r="C5668" s="21">
        <v>161427.70860297079</v>
      </c>
      <c r="D5668">
        <f t="shared" si="88"/>
        <v>22</v>
      </c>
    </row>
    <row r="5669" spans="1:4" x14ac:dyDescent="0.25">
      <c r="A5669" s="20">
        <v>43791.958333319599</v>
      </c>
      <c r="B5669" s="22">
        <v>1.7856738567352295</v>
      </c>
      <c r="C5669" s="21">
        <v>159992.34742027731</v>
      </c>
      <c r="D5669">
        <f t="shared" si="88"/>
        <v>23</v>
      </c>
    </row>
    <row r="5670" spans="1:4" x14ac:dyDescent="0.25">
      <c r="A5670" s="20">
        <v>43791.999999986263</v>
      </c>
      <c r="B5670" s="22">
        <v>1.7348414659500122</v>
      </c>
      <c r="C5670" s="21">
        <v>155437.87993113513</v>
      </c>
      <c r="D5670">
        <f t="shared" si="88"/>
        <v>0</v>
      </c>
    </row>
    <row r="5671" spans="1:4" x14ac:dyDescent="0.25">
      <c r="A5671" s="20">
        <v>43792.041666652927</v>
      </c>
      <c r="B5671" s="22">
        <v>1.7705670595169067</v>
      </c>
      <c r="C5671" s="21">
        <v>158638.81248451892</v>
      </c>
      <c r="D5671">
        <f t="shared" si="88"/>
        <v>1</v>
      </c>
    </row>
    <row r="5672" spans="1:4" x14ac:dyDescent="0.25">
      <c r="A5672" s="20">
        <v>43792.083333319591</v>
      </c>
      <c r="B5672" s="22">
        <v>1.8591424226760864</v>
      </c>
      <c r="C5672" s="21">
        <v>166574.96511507288</v>
      </c>
      <c r="D5672">
        <f t="shared" si="88"/>
        <v>2</v>
      </c>
    </row>
    <row r="5673" spans="1:4" x14ac:dyDescent="0.25">
      <c r="A5673" s="20">
        <v>43792.124999986256</v>
      </c>
      <c r="B5673" s="22">
        <v>1.7110310792922974</v>
      </c>
      <c r="C5673" s="21">
        <v>153304.52302501051</v>
      </c>
      <c r="D5673">
        <f t="shared" si="88"/>
        <v>3</v>
      </c>
    </row>
    <row r="5674" spans="1:4" x14ac:dyDescent="0.25">
      <c r="A5674" s="20">
        <v>43792.16666665292</v>
      </c>
      <c r="B5674" s="22">
        <v>1.8624535799026489</v>
      </c>
      <c r="C5674" s="21">
        <v>166871.63732951853</v>
      </c>
      <c r="D5674">
        <f t="shared" si="88"/>
        <v>4</v>
      </c>
    </row>
    <row r="5675" spans="1:4" x14ac:dyDescent="0.25">
      <c r="A5675" s="20">
        <v>43792.208333319584</v>
      </c>
      <c r="B5675" s="22">
        <v>1.883841872215271</v>
      </c>
      <c r="C5675" s="21">
        <v>168787.98004882334</v>
      </c>
      <c r="D5675">
        <f t="shared" si="88"/>
        <v>5</v>
      </c>
    </row>
    <row r="5676" spans="1:4" x14ac:dyDescent="0.25">
      <c r="A5676" s="20">
        <v>43792.249999986248</v>
      </c>
      <c r="B5676" s="22">
        <v>1.7879617214202881</v>
      </c>
      <c r="C5676" s="21">
        <v>160197.33493250518</v>
      </c>
      <c r="D5676">
        <f t="shared" si="88"/>
        <v>6</v>
      </c>
    </row>
    <row r="5677" spans="1:4" x14ac:dyDescent="0.25">
      <c r="A5677" s="20">
        <v>43792.291666652913</v>
      </c>
      <c r="B5677" s="22">
        <v>1.7877988815307617</v>
      </c>
      <c r="C5677" s="21">
        <v>160182.74484592208</v>
      </c>
      <c r="D5677">
        <f t="shared" si="88"/>
        <v>7</v>
      </c>
    </row>
    <row r="5678" spans="1:4" x14ac:dyDescent="0.25">
      <c r="A5678" s="20">
        <v>43792.333333319577</v>
      </c>
      <c r="B5678" s="22">
        <v>1.9595224857330322</v>
      </c>
      <c r="C5678" s="21">
        <v>175568.7922140701</v>
      </c>
      <c r="D5678">
        <f t="shared" si="88"/>
        <v>8</v>
      </c>
    </row>
    <row r="5679" spans="1:4" x14ac:dyDescent="0.25">
      <c r="A5679" s="20">
        <v>43792.374999986241</v>
      </c>
      <c r="B5679" s="22">
        <v>1.8814710378646851</v>
      </c>
      <c r="C5679" s="21">
        <v>168575.55864182106</v>
      </c>
      <c r="D5679">
        <f t="shared" si="88"/>
        <v>9</v>
      </c>
    </row>
    <row r="5680" spans="1:4" x14ac:dyDescent="0.25">
      <c r="A5680" s="20">
        <v>43792.416666652905</v>
      </c>
      <c r="B5680" s="22">
        <v>1.850054144859314</v>
      </c>
      <c r="C5680" s="21">
        <v>165760.67593430862</v>
      </c>
      <c r="D5680">
        <f t="shared" si="88"/>
        <v>10</v>
      </c>
    </row>
    <row r="5681" spans="1:4" x14ac:dyDescent="0.25">
      <c r="A5681" s="20">
        <v>43792.45833331957</v>
      </c>
      <c r="B5681" s="22">
        <v>2.0423767566680908</v>
      </c>
      <c r="C5681" s="21">
        <v>182992.34789345486</v>
      </c>
      <c r="D5681">
        <f t="shared" si="88"/>
        <v>11</v>
      </c>
    </row>
    <row r="5682" spans="1:4" x14ac:dyDescent="0.25">
      <c r="A5682" s="20">
        <v>43792.499999986234</v>
      </c>
      <c r="B5682" s="22">
        <v>1.785699725151062</v>
      </c>
      <c r="C5682" s="21">
        <v>159994.66517195269</v>
      </c>
      <c r="D5682">
        <f t="shared" si="88"/>
        <v>12</v>
      </c>
    </row>
    <row r="5683" spans="1:4" x14ac:dyDescent="0.25">
      <c r="A5683" s="20">
        <v>43792.541666652898</v>
      </c>
      <c r="B5683" s="22">
        <v>1.7177754640579224</v>
      </c>
      <c r="C5683" s="21">
        <v>153908.80467839754</v>
      </c>
      <c r="D5683">
        <f t="shared" si="88"/>
        <v>13</v>
      </c>
    </row>
    <row r="5684" spans="1:4" x14ac:dyDescent="0.25">
      <c r="A5684" s="20">
        <v>43792.583333319562</v>
      </c>
      <c r="B5684" s="22">
        <v>1.5075691938400269</v>
      </c>
      <c r="C5684" s="21">
        <v>135074.79728798248</v>
      </c>
      <c r="D5684">
        <f t="shared" si="88"/>
        <v>14</v>
      </c>
    </row>
    <row r="5685" spans="1:4" x14ac:dyDescent="0.25">
      <c r="A5685" s="20">
        <v>43792.624999986227</v>
      </c>
      <c r="B5685" s="22">
        <v>1.677466869354248</v>
      </c>
      <c r="C5685" s="21">
        <v>150297.24556667692</v>
      </c>
      <c r="D5685">
        <f t="shared" si="88"/>
        <v>15</v>
      </c>
    </row>
    <row r="5686" spans="1:4" x14ac:dyDescent="0.25">
      <c r="A5686" s="20">
        <v>43792.666666652891</v>
      </c>
      <c r="B5686" s="22">
        <v>1.6940211057662964</v>
      </c>
      <c r="C5686" s="21">
        <v>151780.4677874223</v>
      </c>
      <c r="D5686">
        <f t="shared" si="88"/>
        <v>16</v>
      </c>
    </row>
    <row r="5687" spans="1:4" x14ac:dyDescent="0.25">
      <c r="A5687" s="20">
        <v>43792.708333319555</v>
      </c>
      <c r="B5687" s="22">
        <v>2.0952932834625244</v>
      </c>
      <c r="C5687" s="21">
        <v>187733.54926527108</v>
      </c>
      <c r="D5687">
        <f t="shared" si="88"/>
        <v>17</v>
      </c>
    </row>
    <row r="5688" spans="1:4" x14ac:dyDescent="0.25">
      <c r="A5688" s="20">
        <v>43792.749999986219</v>
      </c>
      <c r="B5688" s="22">
        <v>2.0057575702667236</v>
      </c>
      <c r="C5688" s="21">
        <v>179711.35143887994</v>
      </c>
      <c r="D5688">
        <f t="shared" si="88"/>
        <v>18</v>
      </c>
    </row>
    <row r="5689" spans="1:4" x14ac:dyDescent="0.25">
      <c r="A5689" s="20">
        <v>43792.791666652884</v>
      </c>
      <c r="B5689" s="22">
        <v>1.7341277599334717</v>
      </c>
      <c r="C5689" s="21">
        <v>155373.93348283853</v>
      </c>
      <c r="D5689">
        <f t="shared" si="88"/>
        <v>19</v>
      </c>
    </row>
    <row r="5690" spans="1:4" x14ac:dyDescent="0.25">
      <c r="A5690" s="20">
        <v>43792.833333319548</v>
      </c>
      <c r="B5690" s="22">
        <v>1.9037152528762817</v>
      </c>
      <c r="C5690" s="21">
        <v>170568.59010319525</v>
      </c>
      <c r="D5690">
        <f t="shared" si="88"/>
        <v>20</v>
      </c>
    </row>
    <row r="5691" spans="1:4" x14ac:dyDescent="0.25">
      <c r="A5691" s="20">
        <v>43792.874999986212</v>
      </c>
      <c r="B5691" s="22">
        <v>1.7590172290802002</v>
      </c>
      <c r="C5691" s="21">
        <v>157603.9737445637</v>
      </c>
      <c r="D5691">
        <f t="shared" si="88"/>
        <v>21</v>
      </c>
    </row>
    <row r="5692" spans="1:4" x14ac:dyDescent="0.25">
      <c r="A5692" s="20">
        <v>43792.916666652876</v>
      </c>
      <c r="B5692" s="22">
        <v>1.7051972150802612</v>
      </c>
      <c r="C5692" s="21">
        <v>152781.82195824277</v>
      </c>
      <c r="D5692">
        <f t="shared" si="88"/>
        <v>22</v>
      </c>
    </row>
    <row r="5693" spans="1:4" x14ac:dyDescent="0.25">
      <c r="A5693" s="20">
        <v>43792.958333319541</v>
      </c>
      <c r="B5693" s="22">
        <v>1.5765310525894165</v>
      </c>
      <c r="C5693" s="21">
        <v>141253.62418975105</v>
      </c>
      <c r="D5693">
        <f t="shared" si="88"/>
        <v>23</v>
      </c>
    </row>
    <row r="5694" spans="1:4" x14ac:dyDescent="0.25">
      <c r="A5694" s="20">
        <v>43792.999999986205</v>
      </c>
      <c r="B5694" s="22">
        <v>1.605649471282959</v>
      </c>
      <c r="C5694" s="21">
        <v>143862.5687864222</v>
      </c>
      <c r="D5694">
        <f t="shared" si="88"/>
        <v>0</v>
      </c>
    </row>
    <row r="5695" spans="1:4" x14ac:dyDescent="0.25">
      <c r="A5695" s="20">
        <v>43793.041666652869</v>
      </c>
      <c r="B5695" s="22">
        <v>1.601282000541687</v>
      </c>
      <c r="C5695" s="21">
        <v>143471.2532650856</v>
      </c>
      <c r="D5695">
        <f t="shared" si="88"/>
        <v>1</v>
      </c>
    </row>
    <row r="5696" spans="1:4" x14ac:dyDescent="0.25">
      <c r="A5696" s="20">
        <v>43793.083333319533</v>
      </c>
      <c r="B5696" s="22">
        <v>1.5997923612594604</v>
      </c>
      <c r="C5696" s="21">
        <v>143337.78494741159</v>
      </c>
      <c r="D5696">
        <f t="shared" si="88"/>
        <v>2</v>
      </c>
    </row>
    <row r="5697" spans="1:4" x14ac:dyDescent="0.25">
      <c r="A5697" s="20">
        <v>43793.124999986198</v>
      </c>
      <c r="B5697" s="22">
        <v>1.6223467588424683</v>
      </c>
      <c r="C5697" s="21">
        <v>145358.60806712351</v>
      </c>
      <c r="D5697">
        <f t="shared" si="88"/>
        <v>3</v>
      </c>
    </row>
    <row r="5698" spans="1:4" x14ac:dyDescent="0.25">
      <c r="A5698" s="20">
        <v>43793.166666652862</v>
      </c>
      <c r="B5698" s="22">
        <v>1.7742857933044434</v>
      </c>
      <c r="C5698" s="21">
        <v>158972.00263895557</v>
      </c>
      <c r="D5698">
        <f t="shared" si="88"/>
        <v>4</v>
      </c>
    </row>
    <row r="5699" spans="1:4" x14ac:dyDescent="0.25">
      <c r="A5699" s="20">
        <v>43793.208333319526</v>
      </c>
      <c r="B5699" s="22">
        <v>1.9517005681991577</v>
      </c>
      <c r="C5699" s="21">
        <v>174867.96605656538</v>
      </c>
      <c r="D5699">
        <f t="shared" si="88"/>
        <v>5</v>
      </c>
    </row>
    <row r="5700" spans="1:4" x14ac:dyDescent="0.25">
      <c r="A5700" s="20">
        <v>43793.24999998619</v>
      </c>
      <c r="B5700" s="22">
        <v>1.9562200307846069</v>
      </c>
      <c r="C5700" s="21">
        <v>175272.89970410513</v>
      </c>
      <c r="D5700">
        <f t="shared" si="88"/>
        <v>6</v>
      </c>
    </row>
    <row r="5701" spans="1:4" x14ac:dyDescent="0.25">
      <c r="A5701" s="20">
        <v>43793.291666652854</v>
      </c>
      <c r="B5701" s="22">
        <v>1.9759750366210938</v>
      </c>
      <c r="C5701" s="21">
        <v>177042.90364136355</v>
      </c>
      <c r="D5701">
        <f t="shared" si="88"/>
        <v>7</v>
      </c>
    </row>
    <row r="5702" spans="1:4" x14ac:dyDescent="0.25">
      <c r="A5702" s="20">
        <v>43793.333333319519</v>
      </c>
      <c r="B5702" s="22">
        <v>2.1266064643859863</v>
      </c>
      <c r="C5702" s="21">
        <v>190539.13960431548</v>
      </c>
      <c r="D5702">
        <f t="shared" si="88"/>
        <v>8</v>
      </c>
    </row>
    <row r="5703" spans="1:4" x14ac:dyDescent="0.25">
      <c r="A5703" s="20">
        <v>43793.374999986183</v>
      </c>
      <c r="B5703" s="22">
        <v>2.0225841999053955</v>
      </c>
      <c r="C5703" s="21">
        <v>181218.979477958</v>
      </c>
      <c r="D5703">
        <f t="shared" ref="D5703:D5766" si="89">HOUR(A5703)</f>
        <v>9</v>
      </c>
    </row>
    <row r="5704" spans="1:4" x14ac:dyDescent="0.25">
      <c r="A5704" s="20">
        <v>43793.416666652847</v>
      </c>
      <c r="B5704" s="22">
        <v>1.9947010278701782</v>
      </c>
      <c r="C5704" s="21">
        <v>178720.71019400595</v>
      </c>
      <c r="D5704">
        <f t="shared" si="89"/>
        <v>10</v>
      </c>
    </row>
    <row r="5705" spans="1:4" x14ac:dyDescent="0.25">
      <c r="A5705" s="20">
        <v>43793.458333319511</v>
      </c>
      <c r="B5705" s="22">
        <v>1.5998609066009521</v>
      </c>
      <c r="C5705" s="21">
        <v>143343.92645530714</v>
      </c>
      <c r="D5705">
        <f t="shared" si="89"/>
        <v>11</v>
      </c>
    </row>
    <row r="5706" spans="1:4" x14ac:dyDescent="0.25">
      <c r="A5706" s="20">
        <v>43793.499999986176</v>
      </c>
      <c r="B5706" s="22">
        <v>1.6315045356750488</v>
      </c>
      <c r="C5706" s="21">
        <v>146179.12420284966</v>
      </c>
      <c r="D5706">
        <f t="shared" si="89"/>
        <v>12</v>
      </c>
    </row>
    <row r="5707" spans="1:4" x14ac:dyDescent="0.25">
      <c r="A5707" s="20">
        <v>43793.54166665284</v>
      </c>
      <c r="B5707" s="22">
        <v>1.8788254261016846</v>
      </c>
      <c r="C5707" s="21">
        <v>168338.51779882019</v>
      </c>
      <c r="D5707">
        <f t="shared" si="89"/>
        <v>13</v>
      </c>
    </row>
    <row r="5708" spans="1:4" x14ac:dyDescent="0.25">
      <c r="A5708" s="20">
        <v>43793.583333319504</v>
      </c>
      <c r="B5708" s="22">
        <v>1.5722287893295288</v>
      </c>
      <c r="C5708" s="21">
        <v>140868.15111157767</v>
      </c>
      <c r="D5708">
        <f t="shared" si="89"/>
        <v>14</v>
      </c>
    </row>
    <row r="5709" spans="1:4" x14ac:dyDescent="0.25">
      <c r="A5709" s="20">
        <v>43793.624999986168</v>
      </c>
      <c r="B5709" s="22">
        <v>1.5797386169433594</v>
      </c>
      <c r="C5709" s="21">
        <v>141541.01471661197</v>
      </c>
      <c r="D5709">
        <f t="shared" si="89"/>
        <v>15</v>
      </c>
    </row>
    <row r="5710" spans="1:4" x14ac:dyDescent="0.25">
      <c r="A5710" s="20">
        <v>43793.666666652833</v>
      </c>
      <c r="B5710" s="22">
        <v>1.5507339239120483</v>
      </c>
      <c r="C5710" s="21">
        <v>138942.25968260571</v>
      </c>
      <c r="D5710">
        <f t="shared" si="89"/>
        <v>16</v>
      </c>
    </row>
    <row r="5711" spans="1:4" x14ac:dyDescent="0.25">
      <c r="A5711" s="20">
        <v>43793.708333319497</v>
      </c>
      <c r="B5711" s="22">
        <v>1.8606528043746948</v>
      </c>
      <c r="C5711" s="21">
        <v>166710.29190644049</v>
      </c>
      <c r="D5711">
        <f t="shared" si="89"/>
        <v>17</v>
      </c>
    </row>
    <row r="5712" spans="1:4" x14ac:dyDescent="0.25">
      <c r="A5712" s="20">
        <v>43793.749999986161</v>
      </c>
      <c r="B5712" s="22">
        <v>2.2118597030639648</v>
      </c>
      <c r="C5712" s="21">
        <v>198177.6373791605</v>
      </c>
      <c r="D5712">
        <f t="shared" si="89"/>
        <v>18</v>
      </c>
    </row>
    <row r="5713" spans="1:4" x14ac:dyDescent="0.25">
      <c r="A5713" s="20">
        <v>43793.791666652825</v>
      </c>
      <c r="B5713" s="22">
        <v>2.5647616386413574</v>
      </c>
      <c r="C5713" s="21">
        <v>229796.85433147452</v>
      </c>
      <c r="D5713">
        <f t="shared" si="89"/>
        <v>19</v>
      </c>
    </row>
    <row r="5714" spans="1:4" x14ac:dyDescent="0.25">
      <c r="A5714" s="20">
        <v>43793.83333331949</v>
      </c>
      <c r="B5714" s="22">
        <v>2.622760534286499</v>
      </c>
      <c r="C5714" s="21">
        <v>234993.4244817569</v>
      </c>
      <c r="D5714">
        <f t="shared" si="89"/>
        <v>20</v>
      </c>
    </row>
    <row r="5715" spans="1:4" x14ac:dyDescent="0.25">
      <c r="A5715" s="20">
        <v>43793.874999986154</v>
      </c>
      <c r="B5715" s="22">
        <v>2.5441598892211914</v>
      </c>
      <c r="C5715" s="21">
        <v>227950.98408016053</v>
      </c>
      <c r="D5715">
        <f t="shared" si="89"/>
        <v>21</v>
      </c>
    </row>
    <row r="5716" spans="1:4" x14ac:dyDescent="0.25">
      <c r="A5716" s="20">
        <v>43793.916666652818</v>
      </c>
      <c r="B5716" s="22">
        <v>2.456657886505127</v>
      </c>
      <c r="C5716" s="21">
        <v>220111.00212280892</v>
      </c>
      <c r="D5716">
        <f t="shared" si="89"/>
        <v>22</v>
      </c>
    </row>
    <row r="5717" spans="1:4" x14ac:dyDescent="0.25">
      <c r="A5717" s="20">
        <v>43793.958333319482</v>
      </c>
      <c r="B5717" s="22">
        <v>2.2882044315338135</v>
      </c>
      <c r="C5717" s="21">
        <v>205017.95274525252</v>
      </c>
      <c r="D5717">
        <f t="shared" si="89"/>
        <v>23</v>
      </c>
    </row>
    <row r="5718" spans="1:4" x14ac:dyDescent="0.25">
      <c r="A5718" s="20">
        <v>43793.999999986147</v>
      </c>
      <c r="B5718" s="22">
        <v>2.2916305065155029</v>
      </c>
      <c r="C5718" s="21">
        <v>205324.92133119606</v>
      </c>
      <c r="D5718">
        <f t="shared" si="89"/>
        <v>0</v>
      </c>
    </row>
    <row r="5719" spans="1:4" x14ac:dyDescent="0.25">
      <c r="A5719" s="20">
        <v>43794.041666652811</v>
      </c>
      <c r="B5719" s="22">
        <v>2.0935306549072266</v>
      </c>
      <c r="C5719" s="21">
        <v>187575.62172484794</v>
      </c>
      <c r="D5719">
        <f t="shared" si="89"/>
        <v>1</v>
      </c>
    </row>
    <row r="5720" spans="1:4" x14ac:dyDescent="0.25">
      <c r="A5720" s="20">
        <v>43794.083333319475</v>
      </c>
      <c r="B5720" s="22">
        <v>2.3171243667602539</v>
      </c>
      <c r="C5720" s="21">
        <v>207609.1136712349</v>
      </c>
      <c r="D5720">
        <f t="shared" si="89"/>
        <v>2</v>
      </c>
    </row>
    <row r="5721" spans="1:4" x14ac:dyDescent="0.25">
      <c r="A5721" s="20">
        <v>43794.124999986139</v>
      </c>
      <c r="B5721" s="22">
        <v>2.2207417488098145</v>
      </c>
      <c r="C5721" s="21">
        <v>198973.4486318217</v>
      </c>
      <c r="D5721">
        <f t="shared" si="89"/>
        <v>3</v>
      </c>
    </row>
    <row r="5722" spans="1:4" x14ac:dyDescent="0.25">
      <c r="A5722" s="20">
        <v>43794.166666652804</v>
      </c>
      <c r="B5722" s="22">
        <v>2.4285819530487061</v>
      </c>
      <c r="C5722" s="21">
        <v>217595.46185056629</v>
      </c>
      <c r="D5722">
        <f t="shared" si="89"/>
        <v>4</v>
      </c>
    </row>
    <row r="5723" spans="1:4" x14ac:dyDescent="0.25">
      <c r="A5723" s="20">
        <v>43794.208333319468</v>
      </c>
      <c r="B5723" s="22">
        <v>2.4860372543334961</v>
      </c>
      <c r="C5723" s="21">
        <v>222743.3271730163</v>
      </c>
      <c r="D5723">
        <f t="shared" si="89"/>
        <v>5</v>
      </c>
    </row>
    <row r="5724" spans="1:4" x14ac:dyDescent="0.25">
      <c r="A5724" s="20">
        <v>43794.249999986132</v>
      </c>
      <c r="B5724" s="22">
        <v>2.8289430141448975</v>
      </c>
      <c r="C5724" s="21">
        <v>253466.90933737936</v>
      </c>
      <c r="D5724">
        <f t="shared" si="89"/>
        <v>6</v>
      </c>
    </row>
    <row r="5725" spans="1:4" x14ac:dyDescent="0.25">
      <c r="A5725" s="20">
        <v>43794.291666652796</v>
      </c>
      <c r="B5725" s="22">
        <v>2.6917338371276855</v>
      </c>
      <c r="C5725" s="21">
        <v>241173.27674832195</v>
      </c>
      <c r="D5725">
        <f t="shared" si="89"/>
        <v>7</v>
      </c>
    </row>
    <row r="5726" spans="1:4" x14ac:dyDescent="0.25">
      <c r="A5726" s="20">
        <v>43794.333333319461</v>
      </c>
      <c r="B5726" s="22">
        <v>2.5134818553924561</v>
      </c>
      <c r="C5726" s="21">
        <v>225202.30148732028</v>
      </c>
      <c r="D5726">
        <f t="shared" si="89"/>
        <v>8</v>
      </c>
    </row>
    <row r="5727" spans="1:4" x14ac:dyDescent="0.25">
      <c r="A5727" s="20">
        <v>43794.374999986125</v>
      </c>
      <c r="B5727" s="22">
        <v>2.2254495620727539</v>
      </c>
      <c r="C5727" s="21">
        <v>199395.25807496998</v>
      </c>
      <c r="D5727">
        <f t="shared" si="89"/>
        <v>9</v>
      </c>
    </row>
    <row r="5728" spans="1:4" x14ac:dyDescent="0.25">
      <c r="A5728" s="20">
        <v>43794.416666652789</v>
      </c>
      <c r="B5728" s="22">
        <v>1.9087281227111816</v>
      </c>
      <c r="C5728" s="21">
        <v>171017.73192669952</v>
      </c>
      <c r="D5728">
        <f t="shared" si="89"/>
        <v>10</v>
      </c>
    </row>
    <row r="5729" spans="1:4" x14ac:dyDescent="0.25">
      <c r="A5729" s="20">
        <v>43794.458333319453</v>
      </c>
      <c r="B5729" s="22">
        <v>1.6918661594390869</v>
      </c>
      <c r="C5729" s="21">
        <v>151587.38946007012</v>
      </c>
      <c r="D5729">
        <f t="shared" si="89"/>
        <v>11</v>
      </c>
    </row>
    <row r="5730" spans="1:4" x14ac:dyDescent="0.25">
      <c r="A5730" s="20">
        <v>43794.499999986117</v>
      </c>
      <c r="B5730" s="22">
        <v>1.363337516784668</v>
      </c>
      <c r="C5730" s="21">
        <v>122151.96454480714</v>
      </c>
      <c r="D5730">
        <f t="shared" si="89"/>
        <v>12</v>
      </c>
    </row>
    <row r="5731" spans="1:4" x14ac:dyDescent="0.25">
      <c r="A5731" s="20">
        <v>43794.541666652782</v>
      </c>
      <c r="B5731" s="22">
        <v>1.1915652751922607</v>
      </c>
      <c r="C5731" s="21">
        <v>106761.55937627408</v>
      </c>
      <c r="D5731">
        <f t="shared" si="89"/>
        <v>13</v>
      </c>
    </row>
    <row r="5732" spans="1:4" x14ac:dyDescent="0.25">
      <c r="A5732" s="20">
        <v>43794.583333319446</v>
      </c>
      <c r="B5732" s="22">
        <v>1.3233827352523804</v>
      </c>
      <c r="C5732" s="21">
        <v>118572.10629471076</v>
      </c>
      <c r="D5732">
        <f t="shared" si="89"/>
        <v>14</v>
      </c>
    </row>
    <row r="5733" spans="1:4" x14ac:dyDescent="0.25">
      <c r="A5733" s="20">
        <v>43794.62499998611</v>
      </c>
      <c r="B5733" s="22">
        <v>1.4118181467056274</v>
      </c>
      <c r="C5733" s="21">
        <v>126495.71956827454</v>
      </c>
      <c r="D5733">
        <f t="shared" si="89"/>
        <v>15</v>
      </c>
    </row>
    <row r="5734" spans="1:4" x14ac:dyDescent="0.25">
      <c r="A5734" s="20">
        <v>43794.666666652774</v>
      </c>
      <c r="B5734" s="22">
        <v>1.4476697444915771</v>
      </c>
      <c r="C5734" s="21">
        <v>129707.94181530282</v>
      </c>
      <c r="D5734">
        <f t="shared" si="89"/>
        <v>16</v>
      </c>
    </row>
    <row r="5735" spans="1:4" x14ac:dyDescent="0.25">
      <c r="A5735" s="20">
        <v>43794.708333319439</v>
      </c>
      <c r="B5735" s="22">
        <v>1.7367522716522217</v>
      </c>
      <c r="C5735" s="21">
        <v>155609.08380949593</v>
      </c>
      <c r="D5735">
        <f t="shared" si="89"/>
        <v>17</v>
      </c>
    </row>
    <row r="5736" spans="1:4" x14ac:dyDescent="0.25">
      <c r="A5736" s="20">
        <v>43794.749999986103</v>
      </c>
      <c r="B5736" s="22">
        <v>1.9348330497741699</v>
      </c>
      <c r="C5736" s="21">
        <v>173356.67447451659</v>
      </c>
      <c r="D5736">
        <f t="shared" si="89"/>
        <v>18</v>
      </c>
    </row>
    <row r="5737" spans="1:4" x14ac:dyDescent="0.25">
      <c r="A5737" s="20">
        <v>43794.791666652767</v>
      </c>
      <c r="B5737" s="22">
        <v>1.9392712116241455</v>
      </c>
      <c r="C5737" s="21">
        <v>173754.32375964805</v>
      </c>
      <c r="D5737">
        <f t="shared" si="89"/>
        <v>19</v>
      </c>
    </row>
    <row r="5738" spans="1:4" x14ac:dyDescent="0.25">
      <c r="A5738" s="20">
        <v>43794.833333319431</v>
      </c>
      <c r="B5738" s="22">
        <v>2.014197826385498</v>
      </c>
      <c r="C5738" s="21">
        <v>180467.57933804402</v>
      </c>
      <c r="D5738">
        <f t="shared" si="89"/>
        <v>20</v>
      </c>
    </row>
    <row r="5739" spans="1:4" x14ac:dyDescent="0.25">
      <c r="A5739" s="20">
        <v>43794.874999986096</v>
      </c>
      <c r="B5739" s="22">
        <v>2.0972185134887695</v>
      </c>
      <c r="C5739" s="21">
        <v>187906.04553051078</v>
      </c>
      <c r="D5739">
        <f t="shared" si="89"/>
        <v>21</v>
      </c>
    </row>
    <row r="5740" spans="1:4" x14ac:dyDescent="0.25">
      <c r="A5740" s="20">
        <v>43794.91666665276</v>
      </c>
      <c r="B5740" s="22">
        <v>2.0894114971160889</v>
      </c>
      <c r="C5740" s="21">
        <v>187206.55448341812</v>
      </c>
      <c r="D5740">
        <f t="shared" si="89"/>
        <v>22</v>
      </c>
    </row>
    <row r="5741" spans="1:4" x14ac:dyDescent="0.25">
      <c r="A5741" s="20">
        <v>43794.958333319424</v>
      </c>
      <c r="B5741" s="22">
        <v>1.8204588890075684</v>
      </c>
      <c r="C5741" s="21">
        <v>163109.00780445116</v>
      </c>
      <c r="D5741">
        <f t="shared" si="89"/>
        <v>23</v>
      </c>
    </row>
    <row r="5742" spans="1:4" x14ac:dyDescent="0.25">
      <c r="A5742" s="20">
        <v>43794.999999986088</v>
      </c>
      <c r="B5742" s="22">
        <v>1.8747454881668091</v>
      </c>
      <c r="C5742" s="21">
        <v>167972.96456799493</v>
      </c>
      <c r="D5742">
        <f t="shared" si="89"/>
        <v>0</v>
      </c>
    </row>
    <row r="5743" spans="1:4" x14ac:dyDescent="0.25">
      <c r="A5743" s="20">
        <v>43795.041666652753</v>
      </c>
      <c r="B5743" s="22">
        <v>1.9674407243728638</v>
      </c>
      <c r="C5743" s="21">
        <v>176278.2485252785</v>
      </c>
      <c r="D5743">
        <f t="shared" si="89"/>
        <v>1</v>
      </c>
    </row>
    <row r="5744" spans="1:4" x14ac:dyDescent="0.25">
      <c r="A5744" s="20">
        <v>43795.083333319417</v>
      </c>
      <c r="B5744" s="22">
        <v>1.9967763423919678</v>
      </c>
      <c r="C5744" s="21">
        <v>178906.65369131602</v>
      </c>
      <c r="D5744">
        <f t="shared" si="89"/>
        <v>2</v>
      </c>
    </row>
    <row r="5745" spans="1:4" x14ac:dyDescent="0.25">
      <c r="A5745" s="20">
        <v>43795.124999986081</v>
      </c>
      <c r="B5745" s="22">
        <v>2.0313751697540283</v>
      </c>
      <c r="C5745" s="21">
        <v>182006.63053578063</v>
      </c>
      <c r="D5745">
        <f t="shared" si="89"/>
        <v>3</v>
      </c>
    </row>
    <row r="5746" spans="1:4" x14ac:dyDescent="0.25">
      <c r="A5746" s="20">
        <v>43795.166666652745</v>
      </c>
      <c r="B5746" s="22">
        <v>2.2784304618835449</v>
      </c>
      <c r="C5746" s="21">
        <v>204142.22712376635</v>
      </c>
      <c r="D5746">
        <f t="shared" si="89"/>
        <v>4</v>
      </c>
    </row>
    <row r="5747" spans="1:4" x14ac:dyDescent="0.25">
      <c r="A5747" s="20">
        <v>43795.20833331941</v>
      </c>
      <c r="B5747" s="22">
        <v>2.4903721809387207</v>
      </c>
      <c r="C5747" s="21">
        <v>223131.72681321294</v>
      </c>
      <c r="D5747">
        <f t="shared" si="89"/>
        <v>5</v>
      </c>
    </row>
    <row r="5748" spans="1:4" x14ac:dyDescent="0.25">
      <c r="A5748" s="20">
        <v>43795.249999986074</v>
      </c>
      <c r="B5748" s="22">
        <v>2.6468081474304199</v>
      </c>
      <c r="C5748" s="21">
        <v>237148.03634564171</v>
      </c>
      <c r="D5748">
        <f t="shared" si="89"/>
        <v>6</v>
      </c>
    </row>
    <row r="5749" spans="1:4" x14ac:dyDescent="0.25">
      <c r="A5749" s="20">
        <v>43795.291666652738</v>
      </c>
      <c r="B5749" s="22">
        <v>2.5672504901885986</v>
      </c>
      <c r="C5749" s="21">
        <v>230019.8498129404</v>
      </c>
      <c r="D5749">
        <f t="shared" si="89"/>
        <v>7</v>
      </c>
    </row>
    <row r="5750" spans="1:4" x14ac:dyDescent="0.25">
      <c r="A5750" s="20">
        <v>43795.333333319402</v>
      </c>
      <c r="B5750" s="22">
        <v>2.3868706226348877</v>
      </c>
      <c r="C5750" s="21">
        <v>213858.22078509489</v>
      </c>
      <c r="D5750">
        <f t="shared" si="89"/>
        <v>8</v>
      </c>
    </row>
    <row r="5751" spans="1:4" x14ac:dyDescent="0.25">
      <c r="A5751" s="20">
        <v>43795.374999986067</v>
      </c>
      <c r="B5751" s="22">
        <v>2.3443231582641602</v>
      </c>
      <c r="C5751" s="21">
        <v>210046.06400418133</v>
      </c>
      <c r="D5751">
        <f t="shared" si="89"/>
        <v>9</v>
      </c>
    </row>
    <row r="5752" spans="1:4" x14ac:dyDescent="0.25">
      <c r="A5752" s="20">
        <v>43795.416666652731</v>
      </c>
      <c r="B5752" s="22">
        <v>1.976435661315918</v>
      </c>
      <c r="C5752" s="21">
        <v>177084.17457442151</v>
      </c>
      <c r="D5752">
        <f t="shared" si="89"/>
        <v>10</v>
      </c>
    </row>
    <row r="5753" spans="1:4" x14ac:dyDescent="0.25">
      <c r="A5753" s="20">
        <v>43795.458333319395</v>
      </c>
      <c r="B5753" s="22">
        <v>1.775603175163269</v>
      </c>
      <c r="C5753" s="21">
        <v>159090.03708026602</v>
      </c>
      <c r="D5753">
        <f t="shared" si="89"/>
        <v>11</v>
      </c>
    </row>
    <row r="5754" spans="1:4" x14ac:dyDescent="0.25">
      <c r="A5754" s="20">
        <v>43795.499999986059</v>
      </c>
      <c r="B5754" s="22">
        <v>1.4526602029800415</v>
      </c>
      <c r="C5754" s="21">
        <v>130155.07563274731</v>
      </c>
      <c r="D5754">
        <f t="shared" si="89"/>
        <v>12</v>
      </c>
    </row>
    <row r="5755" spans="1:4" x14ac:dyDescent="0.25">
      <c r="A5755" s="20">
        <v>43795.541666652724</v>
      </c>
      <c r="B5755" s="22">
        <v>1.5165122747421265</v>
      </c>
      <c r="C5755" s="21">
        <v>135876.07715289149</v>
      </c>
      <c r="D5755">
        <f t="shared" si="89"/>
        <v>13</v>
      </c>
    </row>
    <row r="5756" spans="1:4" x14ac:dyDescent="0.25">
      <c r="A5756" s="20">
        <v>43795.583333319388</v>
      </c>
      <c r="B5756" s="22">
        <v>1.4254804849624634</v>
      </c>
      <c r="C5756" s="21">
        <v>127719.83424112834</v>
      </c>
      <c r="D5756">
        <f t="shared" si="89"/>
        <v>14</v>
      </c>
    </row>
    <row r="5757" spans="1:4" x14ac:dyDescent="0.25">
      <c r="A5757" s="20">
        <v>43795.624999986052</v>
      </c>
      <c r="B5757" s="22">
        <v>1.4187936782836914</v>
      </c>
      <c r="C5757" s="21">
        <v>127120.71145437358</v>
      </c>
      <c r="D5757">
        <f t="shared" si="89"/>
        <v>15</v>
      </c>
    </row>
    <row r="5758" spans="1:4" x14ac:dyDescent="0.25">
      <c r="A5758" s="20">
        <v>43795.666666652716</v>
      </c>
      <c r="B5758" s="22">
        <v>1.6123300790786743</v>
      </c>
      <c r="C5758" s="21">
        <v>144461.13616724554</v>
      </c>
      <c r="D5758">
        <f t="shared" si="89"/>
        <v>16</v>
      </c>
    </row>
    <row r="5759" spans="1:4" x14ac:dyDescent="0.25">
      <c r="A5759" s="20">
        <v>43795.70833331938</v>
      </c>
      <c r="B5759" s="22">
        <v>1.7626341581344604</v>
      </c>
      <c r="C5759" s="21">
        <v>157928.04242466507</v>
      </c>
      <c r="D5759">
        <f t="shared" si="89"/>
        <v>17</v>
      </c>
    </row>
    <row r="5760" spans="1:4" x14ac:dyDescent="0.25">
      <c r="A5760" s="20">
        <v>43795.749999986045</v>
      </c>
      <c r="B5760" s="22">
        <v>1.77458655834198</v>
      </c>
      <c r="C5760" s="21">
        <v>158998.95050751284</v>
      </c>
      <c r="D5760">
        <f t="shared" si="89"/>
        <v>18</v>
      </c>
    </row>
    <row r="5761" spans="1:4" x14ac:dyDescent="0.25">
      <c r="A5761" s="20">
        <v>43795.791666652709</v>
      </c>
      <c r="B5761" s="22">
        <v>1.6411812305450439</v>
      </c>
      <c r="C5761" s="21">
        <v>147046.13422356581</v>
      </c>
      <c r="D5761">
        <f t="shared" si="89"/>
        <v>19</v>
      </c>
    </row>
    <row r="5762" spans="1:4" x14ac:dyDescent="0.25">
      <c r="A5762" s="20">
        <v>43795.833333319373</v>
      </c>
      <c r="B5762" s="22">
        <v>1.7963610887527466</v>
      </c>
      <c r="C5762" s="21">
        <v>160949.89928869851</v>
      </c>
      <c r="D5762">
        <f t="shared" si="89"/>
        <v>20</v>
      </c>
    </row>
    <row r="5763" spans="1:4" x14ac:dyDescent="0.25">
      <c r="A5763" s="20">
        <v>43795.874999986037</v>
      </c>
      <c r="B5763" s="22">
        <v>1.6780520677566528</v>
      </c>
      <c r="C5763" s="21">
        <v>150349.67802277979</v>
      </c>
      <c r="D5763">
        <f t="shared" si="89"/>
        <v>21</v>
      </c>
    </row>
    <row r="5764" spans="1:4" x14ac:dyDescent="0.25">
      <c r="A5764" s="20">
        <v>43795.916666652702</v>
      </c>
      <c r="B5764" s="22">
        <v>1.6064006090164185</v>
      </c>
      <c r="C5764" s="21">
        <v>143929.86903207394</v>
      </c>
      <c r="D5764">
        <f t="shared" si="89"/>
        <v>22</v>
      </c>
    </row>
    <row r="5765" spans="1:4" x14ac:dyDescent="0.25">
      <c r="A5765" s="20">
        <v>43795.958333319366</v>
      </c>
      <c r="B5765" s="22">
        <v>1.5731066465377808</v>
      </c>
      <c r="C5765" s="21">
        <v>140946.80513617364</v>
      </c>
      <c r="D5765">
        <f t="shared" si="89"/>
        <v>23</v>
      </c>
    </row>
    <row r="5766" spans="1:4" x14ac:dyDescent="0.25">
      <c r="A5766" s="20">
        <v>43795.99999998603</v>
      </c>
      <c r="B5766" s="22">
        <v>1.298771858215332</v>
      </c>
      <c r="C5766" s="21">
        <v>116367.02725724965</v>
      </c>
      <c r="D5766">
        <f t="shared" si="89"/>
        <v>0</v>
      </c>
    </row>
    <row r="5767" spans="1:4" x14ac:dyDescent="0.25">
      <c r="A5767" s="20">
        <v>43796.041666652694</v>
      </c>
      <c r="B5767" s="22">
        <v>1.3581655025482178</v>
      </c>
      <c r="C5767" s="21">
        <v>121688.56374210196</v>
      </c>
      <c r="D5767">
        <f t="shared" ref="D5767:D5830" si="90">HOUR(A5767)</f>
        <v>1</v>
      </c>
    </row>
    <row r="5768" spans="1:4" x14ac:dyDescent="0.25">
      <c r="A5768" s="20">
        <v>43796.083333319359</v>
      </c>
      <c r="B5768" s="22">
        <v>1.2917948961257935</v>
      </c>
      <c r="C5768" s="21">
        <v>115741.90720055104</v>
      </c>
      <c r="D5768">
        <f t="shared" si="90"/>
        <v>2</v>
      </c>
    </row>
    <row r="5769" spans="1:4" x14ac:dyDescent="0.25">
      <c r="A5769" s="20">
        <v>43796.124999986023</v>
      </c>
      <c r="B5769" s="22">
        <v>1.289813756942749</v>
      </c>
      <c r="C5769" s="21">
        <v>115564.40160104528</v>
      </c>
      <c r="D5769">
        <f t="shared" si="90"/>
        <v>3</v>
      </c>
    </row>
    <row r="5770" spans="1:4" x14ac:dyDescent="0.25">
      <c r="A5770" s="20">
        <v>43796.166666652687</v>
      </c>
      <c r="B5770" s="22">
        <v>1.3332111835479736</v>
      </c>
      <c r="C5770" s="21">
        <v>119452.71307986343</v>
      </c>
      <c r="D5770">
        <f t="shared" si="90"/>
        <v>4</v>
      </c>
    </row>
    <row r="5771" spans="1:4" x14ac:dyDescent="0.25">
      <c r="A5771" s="20">
        <v>43796.208333319351</v>
      </c>
      <c r="B5771" s="22">
        <v>1.4094060659408569</v>
      </c>
      <c r="C5771" s="21">
        <v>126279.60257565163</v>
      </c>
      <c r="D5771">
        <f t="shared" si="90"/>
        <v>5</v>
      </c>
    </row>
    <row r="5772" spans="1:4" x14ac:dyDescent="0.25">
      <c r="A5772" s="20">
        <v>43796.249999986016</v>
      </c>
      <c r="B5772" s="22">
        <v>1.4303144216537476</v>
      </c>
      <c r="C5772" s="21">
        <v>128152.94405880442</v>
      </c>
      <c r="D5772">
        <f t="shared" si="90"/>
        <v>6</v>
      </c>
    </row>
    <row r="5773" spans="1:4" x14ac:dyDescent="0.25">
      <c r="A5773" s="20">
        <v>43796.29166665268</v>
      </c>
      <c r="B5773" s="22">
        <v>1.4723489284515381</v>
      </c>
      <c r="C5773" s="21">
        <v>131919.14099889286</v>
      </c>
      <c r="D5773">
        <f t="shared" si="90"/>
        <v>7</v>
      </c>
    </row>
    <row r="5774" spans="1:4" x14ac:dyDescent="0.25">
      <c r="A5774" s="20">
        <v>43796.333333319344</v>
      </c>
      <c r="B5774" s="22">
        <v>1.3917622566223145</v>
      </c>
      <c r="C5774" s="21">
        <v>124698.75708157555</v>
      </c>
      <c r="D5774">
        <f t="shared" si="90"/>
        <v>8</v>
      </c>
    </row>
    <row r="5775" spans="1:4" x14ac:dyDescent="0.25">
      <c r="A5775" s="20">
        <v>43796.374999986008</v>
      </c>
      <c r="B5775" s="22">
        <v>1.3394621610641479</v>
      </c>
      <c r="C5775" s="21">
        <v>120012.7865572859</v>
      </c>
      <c r="D5775">
        <f t="shared" si="90"/>
        <v>9</v>
      </c>
    </row>
    <row r="5776" spans="1:4" x14ac:dyDescent="0.25">
      <c r="A5776" s="20">
        <v>43796.416666652673</v>
      </c>
      <c r="B5776" s="22">
        <v>1.3676642179489136</v>
      </c>
      <c r="C5776" s="21">
        <v>122539.62720405631</v>
      </c>
      <c r="D5776">
        <f t="shared" si="90"/>
        <v>10</v>
      </c>
    </row>
    <row r="5777" spans="1:4" x14ac:dyDescent="0.25">
      <c r="A5777" s="20">
        <v>43796.458333319337</v>
      </c>
      <c r="B5777" s="22">
        <v>1.2358101606369019</v>
      </c>
      <c r="C5777" s="21">
        <v>110725.80125444759</v>
      </c>
      <c r="D5777">
        <f t="shared" si="90"/>
        <v>11</v>
      </c>
    </row>
    <row r="5778" spans="1:4" x14ac:dyDescent="0.25">
      <c r="A5778" s="20">
        <v>43796.499999986001</v>
      </c>
      <c r="B5778" s="22">
        <v>1.1483058929443359</v>
      </c>
      <c r="C5778" s="21">
        <v>102885.61636031336</v>
      </c>
      <c r="D5778">
        <f t="shared" si="90"/>
        <v>12</v>
      </c>
    </row>
    <row r="5779" spans="1:4" x14ac:dyDescent="0.25">
      <c r="A5779" s="20">
        <v>43796.541666652665</v>
      </c>
      <c r="B5779" s="22">
        <v>1.2700462341308594</v>
      </c>
      <c r="C5779" s="21">
        <v>113793.27617104071</v>
      </c>
      <c r="D5779">
        <f t="shared" si="90"/>
        <v>13</v>
      </c>
    </row>
    <row r="5780" spans="1:4" x14ac:dyDescent="0.25">
      <c r="A5780" s="20">
        <v>43796.58333331933</v>
      </c>
      <c r="B5780" s="22">
        <v>1.2495391368865967</v>
      </c>
      <c r="C5780" s="21">
        <v>111955.88654106419</v>
      </c>
      <c r="D5780">
        <f t="shared" si="90"/>
        <v>14</v>
      </c>
    </row>
    <row r="5781" spans="1:4" x14ac:dyDescent="0.25">
      <c r="A5781" s="20">
        <v>43796.624999985994</v>
      </c>
      <c r="B5781" s="22">
        <v>1.4215342998504639</v>
      </c>
      <c r="C5781" s="21">
        <v>127366.26496136184</v>
      </c>
      <c r="D5781">
        <f t="shared" si="90"/>
        <v>15</v>
      </c>
    </row>
    <row r="5782" spans="1:4" x14ac:dyDescent="0.25">
      <c r="A5782" s="20">
        <v>43796.666666652658</v>
      </c>
      <c r="B5782" s="22">
        <v>1.3262648582458496</v>
      </c>
      <c r="C5782" s="21">
        <v>118830.33801017204</v>
      </c>
      <c r="D5782">
        <f t="shared" si="90"/>
        <v>16</v>
      </c>
    </row>
    <row r="5783" spans="1:4" x14ac:dyDescent="0.25">
      <c r="A5783" s="20">
        <v>43796.708333319322</v>
      </c>
      <c r="B5783" s="22">
        <v>1.5208196640014648</v>
      </c>
      <c r="C5783" s="21">
        <v>136262.00950904662</v>
      </c>
      <c r="D5783">
        <f t="shared" si="90"/>
        <v>17</v>
      </c>
    </row>
    <row r="5784" spans="1:4" x14ac:dyDescent="0.25">
      <c r="A5784" s="20">
        <v>43796.749999985987</v>
      </c>
      <c r="B5784" s="22">
        <v>1.6615550518035889</v>
      </c>
      <c r="C5784" s="21">
        <v>148871.58262601672</v>
      </c>
      <c r="D5784">
        <f t="shared" si="90"/>
        <v>18</v>
      </c>
    </row>
    <row r="5785" spans="1:4" x14ac:dyDescent="0.25">
      <c r="A5785" s="20">
        <v>43796.791666652651</v>
      </c>
      <c r="B5785" s="22">
        <v>1.6179527044296265</v>
      </c>
      <c r="C5785" s="21">
        <v>144964.91070881177</v>
      </c>
      <c r="D5785">
        <f t="shared" si="90"/>
        <v>19</v>
      </c>
    </row>
    <row r="5786" spans="1:4" x14ac:dyDescent="0.25">
      <c r="A5786" s="20">
        <v>43796.833333319315</v>
      </c>
      <c r="B5786" s="22">
        <v>1.5884659290313721</v>
      </c>
      <c r="C5786" s="21">
        <v>142322.96218275419</v>
      </c>
      <c r="D5786">
        <f t="shared" si="90"/>
        <v>20</v>
      </c>
    </row>
    <row r="5787" spans="1:4" x14ac:dyDescent="0.25">
      <c r="A5787" s="20">
        <v>43796.874999985979</v>
      </c>
      <c r="B5787" s="22">
        <v>1.718769907951355</v>
      </c>
      <c r="C5787" s="21">
        <v>153997.90460685754</v>
      </c>
      <c r="D5787">
        <f t="shared" si="90"/>
        <v>21</v>
      </c>
    </row>
    <row r="5788" spans="1:4" x14ac:dyDescent="0.25">
      <c r="A5788" s="20">
        <v>43796.916666652643</v>
      </c>
      <c r="B5788" s="22">
        <v>1.5876803398132324</v>
      </c>
      <c r="C5788" s="21">
        <v>142252.57516182977</v>
      </c>
      <c r="D5788">
        <f t="shared" si="90"/>
        <v>22</v>
      </c>
    </row>
    <row r="5789" spans="1:4" x14ac:dyDescent="0.25">
      <c r="A5789" s="20">
        <v>43796.958333319308</v>
      </c>
      <c r="B5789" s="22">
        <v>1.6326552629470825</v>
      </c>
      <c r="C5789" s="21">
        <v>146282.22676931147</v>
      </c>
      <c r="D5789">
        <f t="shared" si="90"/>
        <v>23</v>
      </c>
    </row>
    <row r="5790" spans="1:4" x14ac:dyDescent="0.25">
      <c r="A5790" s="20">
        <v>43796.999999985972</v>
      </c>
      <c r="B5790" s="22">
        <v>1.5545566082000732</v>
      </c>
      <c r="C5790" s="21">
        <v>139284.763567277</v>
      </c>
      <c r="D5790">
        <f t="shared" si="90"/>
        <v>0</v>
      </c>
    </row>
    <row r="5791" spans="1:4" x14ac:dyDescent="0.25">
      <c r="A5791" s="20">
        <v>43797.041666652636</v>
      </c>
      <c r="B5791" s="22">
        <v>1.5673916339874268</v>
      </c>
      <c r="C5791" s="21">
        <v>140434.75291005257</v>
      </c>
      <c r="D5791">
        <f t="shared" si="90"/>
        <v>1</v>
      </c>
    </row>
    <row r="5792" spans="1:4" x14ac:dyDescent="0.25">
      <c r="A5792" s="20">
        <v>43797.0833333193</v>
      </c>
      <c r="B5792" s="22">
        <v>1.4702674150466919</v>
      </c>
      <c r="C5792" s="21">
        <v>131732.64209565136</v>
      </c>
      <c r="D5792">
        <f t="shared" si="90"/>
        <v>2</v>
      </c>
    </row>
    <row r="5793" spans="1:4" x14ac:dyDescent="0.25">
      <c r="A5793" s="20">
        <v>43797.124999985965</v>
      </c>
      <c r="B5793" s="22">
        <v>1.6686255931854248</v>
      </c>
      <c r="C5793" s="21">
        <v>149505.08717610314</v>
      </c>
      <c r="D5793">
        <f t="shared" si="90"/>
        <v>3</v>
      </c>
    </row>
    <row r="5794" spans="1:4" x14ac:dyDescent="0.25">
      <c r="A5794" s="20">
        <v>43797.166666652629</v>
      </c>
      <c r="B5794" s="22">
        <v>1.6821327209472656</v>
      </c>
      <c r="C5794" s="21">
        <v>150715.29533890483</v>
      </c>
      <c r="D5794">
        <f t="shared" si="90"/>
        <v>4</v>
      </c>
    </row>
    <row r="5795" spans="1:4" x14ac:dyDescent="0.25">
      <c r="A5795" s="20">
        <v>43797.208333319293</v>
      </c>
      <c r="B5795" s="22">
        <v>1.7953951358795166</v>
      </c>
      <c r="C5795" s="21">
        <v>160863.3520913464</v>
      </c>
      <c r="D5795">
        <f t="shared" si="90"/>
        <v>5</v>
      </c>
    </row>
    <row r="5796" spans="1:4" x14ac:dyDescent="0.25">
      <c r="A5796" s="20">
        <v>43797.249999985957</v>
      </c>
      <c r="B5796" s="22">
        <v>1.8537682294845581</v>
      </c>
      <c r="C5796" s="21">
        <v>166093.4495342967</v>
      </c>
      <c r="D5796">
        <f t="shared" si="90"/>
        <v>6</v>
      </c>
    </row>
    <row r="5797" spans="1:4" x14ac:dyDescent="0.25">
      <c r="A5797" s="20">
        <v>43797.291666652622</v>
      </c>
      <c r="B5797" s="22">
        <v>1.7646076679229736</v>
      </c>
      <c r="C5797" s="21">
        <v>158104.86444763988</v>
      </c>
      <c r="D5797">
        <f t="shared" si="90"/>
        <v>7</v>
      </c>
    </row>
    <row r="5798" spans="1:4" x14ac:dyDescent="0.25">
      <c r="A5798" s="20">
        <v>43797.333333319286</v>
      </c>
      <c r="B5798" s="22">
        <v>1.9820972681045532</v>
      </c>
      <c r="C5798" s="21">
        <v>177591.44176482572</v>
      </c>
      <c r="D5798">
        <f t="shared" si="90"/>
        <v>8</v>
      </c>
    </row>
    <row r="5799" spans="1:4" x14ac:dyDescent="0.25">
      <c r="A5799" s="20">
        <v>43797.37499998595</v>
      </c>
      <c r="B5799" s="22">
        <v>2.2406685352325439</v>
      </c>
      <c r="C5799" s="21">
        <v>200758.84372191047</v>
      </c>
      <c r="D5799">
        <f t="shared" si="90"/>
        <v>9</v>
      </c>
    </row>
    <row r="5800" spans="1:4" x14ac:dyDescent="0.25">
      <c r="A5800" s="20">
        <v>43797.416666652614</v>
      </c>
      <c r="B5800" s="22">
        <v>2.2119011878967285</v>
      </c>
      <c r="C5800" s="21">
        <v>198181.35432654773</v>
      </c>
      <c r="D5800">
        <f t="shared" si="90"/>
        <v>10</v>
      </c>
    </row>
    <row r="5801" spans="1:4" x14ac:dyDescent="0.25">
      <c r="A5801" s="20">
        <v>43797.458333319279</v>
      </c>
      <c r="B5801" s="22">
        <v>2.1371703147888184</v>
      </c>
      <c r="C5801" s="21">
        <v>191485.63675852475</v>
      </c>
      <c r="D5801">
        <f t="shared" si="90"/>
        <v>11</v>
      </c>
    </row>
    <row r="5802" spans="1:4" x14ac:dyDescent="0.25">
      <c r="A5802" s="20">
        <v>43797.499999985943</v>
      </c>
      <c r="B5802" s="22">
        <v>2.1308045387268066</v>
      </c>
      <c r="C5802" s="21">
        <v>190915.27759048768</v>
      </c>
      <c r="D5802">
        <f t="shared" si="90"/>
        <v>12</v>
      </c>
    </row>
    <row r="5803" spans="1:4" x14ac:dyDescent="0.25">
      <c r="A5803" s="20">
        <v>43797.541666652607</v>
      </c>
      <c r="B5803" s="22">
        <v>1.8799089193344116</v>
      </c>
      <c r="C5803" s="21">
        <v>168435.59634710275</v>
      </c>
      <c r="D5803">
        <f t="shared" si="90"/>
        <v>13</v>
      </c>
    </row>
    <row r="5804" spans="1:4" x14ac:dyDescent="0.25">
      <c r="A5804" s="20">
        <v>43797.583333319271</v>
      </c>
      <c r="B5804" s="22">
        <v>1.6864389181137085</v>
      </c>
      <c r="C5804" s="21">
        <v>151101.12088622697</v>
      </c>
      <c r="D5804">
        <f t="shared" si="90"/>
        <v>14</v>
      </c>
    </row>
    <row r="5805" spans="1:4" x14ac:dyDescent="0.25">
      <c r="A5805" s="20">
        <v>43797.624999985936</v>
      </c>
      <c r="B5805" s="22">
        <v>1.7646598815917969</v>
      </c>
      <c r="C5805" s="21">
        <v>158109.54267452378</v>
      </c>
      <c r="D5805">
        <f t="shared" si="90"/>
        <v>15</v>
      </c>
    </row>
    <row r="5806" spans="1:4" x14ac:dyDescent="0.25">
      <c r="A5806" s="20">
        <v>43797.6666666526</v>
      </c>
      <c r="B5806" s="22">
        <v>1.811267614364624</v>
      </c>
      <c r="C5806" s="21">
        <v>162285.49034051871</v>
      </c>
      <c r="D5806">
        <f t="shared" si="90"/>
        <v>16</v>
      </c>
    </row>
    <row r="5807" spans="1:4" x14ac:dyDescent="0.25">
      <c r="A5807" s="20">
        <v>43797.708333319264</v>
      </c>
      <c r="B5807" s="22">
        <v>1.8521853685379028</v>
      </c>
      <c r="C5807" s="21">
        <v>165951.62876588482</v>
      </c>
      <c r="D5807">
        <f t="shared" si="90"/>
        <v>17</v>
      </c>
    </row>
    <row r="5808" spans="1:4" x14ac:dyDescent="0.25">
      <c r="A5808" s="20">
        <v>43797.749999985928</v>
      </c>
      <c r="B5808" s="22">
        <v>1.9995156526565552</v>
      </c>
      <c r="C5808" s="21">
        <v>179152.089708588</v>
      </c>
      <c r="D5808">
        <f t="shared" si="90"/>
        <v>18</v>
      </c>
    </row>
    <row r="5809" spans="1:4" x14ac:dyDescent="0.25">
      <c r="A5809" s="20">
        <v>43797.791666652593</v>
      </c>
      <c r="B5809" s="22">
        <v>2.1142828464508057</v>
      </c>
      <c r="C5809" s="21">
        <v>189434.97125088223</v>
      </c>
      <c r="D5809">
        <f t="shared" si="90"/>
        <v>19</v>
      </c>
    </row>
    <row r="5810" spans="1:4" x14ac:dyDescent="0.25">
      <c r="A5810" s="20">
        <v>43797.833333319257</v>
      </c>
      <c r="B5810" s="22">
        <v>2.0566773414611816</v>
      </c>
      <c r="C5810" s="21">
        <v>184273.64801547854</v>
      </c>
      <c r="D5810">
        <f t="shared" si="90"/>
        <v>20</v>
      </c>
    </row>
    <row r="5811" spans="1:4" x14ac:dyDescent="0.25">
      <c r="A5811" s="20">
        <v>43797.874999985921</v>
      </c>
      <c r="B5811" s="22">
        <v>2.1516938209533691</v>
      </c>
      <c r="C5811" s="21">
        <v>192786.910132313</v>
      </c>
      <c r="D5811">
        <f t="shared" si="90"/>
        <v>21</v>
      </c>
    </row>
    <row r="5812" spans="1:4" x14ac:dyDescent="0.25">
      <c r="A5812" s="20">
        <v>43797.916666652585</v>
      </c>
      <c r="B5812" s="22">
        <v>1.9362428188323975</v>
      </c>
      <c r="C5812" s="21">
        <v>173482.98660038188</v>
      </c>
      <c r="D5812">
        <f t="shared" si="90"/>
        <v>22</v>
      </c>
    </row>
    <row r="5813" spans="1:4" x14ac:dyDescent="0.25">
      <c r="A5813" s="20">
        <v>43797.95833331925</v>
      </c>
      <c r="B5813" s="22">
        <v>2.0742645263671875</v>
      </c>
      <c r="C5813" s="21">
        <v>185849.42008998877</v>
      </c>
      <c r="D5813">
        <f t="shared" si="90"/>
        <v>23</v>
      </c>
    </row>
    <row r="5814" spans="1:4" x14ac:dyDescent="0.25">
      <c r="A5814" s="20">
        <v>43797.999999985914</v>
      </c>
      <c r="B5814" s="22">
        <v>1.8376772403717041</v>
      </c>
      <c r="C5814" s="21">
        <v>164651.73322604178</v>
      </c>
      <c r="D5814">
        <f t="shared" si="90"/>
        <v>0</v>
      </c>
    </row>
    <row r="5815" spans="1:4" x14ac:dyDescent="0.25">
      <c r="A5815" s="20">
        <v>43798.041666652578</v>
      </c>
      <c r="B5815" s="22">
        <v>1.872138500213623</v>
      </c>
      <c r="C5815" s="21">
        <v>167739.38433118211</v>
      </c>
      <c r="D5815">
        <f t="shared" si="90"/>
        <v>1</v>
      </c>
    </row>
    <row r="5816" spans="1:4" x14ac:dyDescent="0.25">
      <c r="A5816" s="20">
        <v>43798.083333319242</v>
      </c>
      <c r="B5816" s="22">
        <v>1.9666291475296021</v>
      </c>
      <c r="C5816" s="21">
        <v>176205.53307179539</v>
      </c>
      <c r="D5816">
        <f t="shared" si="90"/>
        <v>2</v>
      </c>
    </row>
    <row r="5817" spans="1:4" x14ac:dyDescent="0.25">
      <c r="A5817" s="20">
        <v>43798.124999985906</v>
      </c>
      <c r="B5817" s="22">
        <v>1.8845326900482178</v>
      </c>
      <c r="C5817" s="21">
        <v>168849.87576752697</v>
      </c>
      <c r="D5817">
        <f t="shared" si="90"/>
        <v>3</v>
      </c>
    </row>
    <row r="5818" spans="1:4" x14ac:dyDescent="0.25">
      <c r="A5818" s="20">
        <v>43798.166666652571</v>
      </c>
      <c r="B5818" s="22">
        <v>1.9110566377639771</v>
      </c>
      <c r="C5818" s="21">
        <v>171226.3616201315</v>
      </c>
      <c r="D5818">
        <f t="shared" si="90"/>
        <v>4</v>
      </c>
    </row>
    <row r="5819" spans="1:4" x14ac:dyDescent="0.25">
      <c r="A5819" s="20">
        <v>43798.208333319235</v>
      </c>
      <c r="B5819" s="22">
        <v>2.023667573928833</v>
      </c>
      <c r="C5819" s="21">
        <v>181316.04734535728</v>
      </c>
      <c r="D5819">
        <f t="shared" si="90"/>
        <v>5</v>
      </c>
    </row>
    <row r="5820" spans="1:4" x14ac:dyDescent="0.25">
      <c r="A5820" s="20">
        <v>43798.249999985899</v>
      </c>
      <c r="B5820" s="22">
        <v>2.0495641231536865</v>
      </c>
      <c r="C5820" s="21">
        <v>183636.31970917195</v>
      </c>
      <c r="D5820">
        <f t="shared" si="90"/>
        <v>6</v>
      </c>
    </row>
    <row r="5821" spans="1:4" x14ac:dyDescent="0.25">
      <c r="A5821" s="20">
        <v>43798.291666652563</v>
      </c>
      <c r="B5821" s="22">
        <v>2.0167257785797119</v>
      </c>
      <c r="C5821" s="21">
        <v>180694.07814923115</v>
      </c>
      <c r="D5821">
        <f t="shared" si="90"/>
        <v>7</v>
      </c>
    </row>
    <row r="5822" spans="1:4" x14ac:dyDescent="0.25">
      <c r="A5822" s="20">
        <v>43798.333333319228</v>
      </c>
      <c r="B5822" s="22">
        <v>2.1105146408081055</v>
      </c>
      <c r="C5822" s="21">
        <v>189097.34852987749</v>
      </c>
      <c r="D5822">
        <f t="shared" si="90"/>
        <v>8</v>
      </c>
    </row>
    <row r="5823" spans="1:4" x14ac:dyDescent="0.25">
      <c r="A5823" s="20">
        <v>43798.374999985892</v>
      </c>
      <c r="B5823" s="22">
        <v>2.1205053329467773</v>
      </c>
      <c r="C5823" s="21">
        <v>189992.4919971968</v>
      </c>
      <c r="D5823">
        <f t="shared" si="90"/>
        <v>9</v>
      </c>
    </row>
    <row r="5824" spans="1:4" x14ac:dyDescent="0.25">
      <c r="A5824" s="20">
        <v>43798.416666652556</v>
      </c>
      <c r="B5824" s="22">
        <v>2.0697433948516846</v>
      </c>
      <c r="C5824" s="21">
        <v>185444.33691008287</v>
      </c>
      <c r="D5824">
        <f t="shared" si="90"/>
        <v>10</v>
      </c>
    </row>
    <row r="5825" spans="1:4" x14ac:dyDescent="0.25">
      <c r="A5825" s="20">
        <v>43798.45833331922</v>
      </c>
      <c r="B5825" s="22">
        <v>1.850224494934082</v>
      </c>
      <c r="C5825" s="21">
        <v>165775.93891653945</v>
      </c>
      <c r="D5825">
        <f t="shared" si="90"/>
        <v>11</v>
      </c>
    </row>
    <row r="5826" spans="1:4" x14ac:dyDescent="0.25">
      <c r="A5826" s="20">
        <v>43798.499999985885</v>
      </c>
      <c r="B5826" s="22">
        <v>1.9350335597991943</v>
      </c>
      <c r="C5826" s="21">
        <v>173374.63972022143</v>
      </c>
      <c r="D5826">
        <f t="shared" si="90"/>
        <v>12</v>
      </c>
    </row>
    <row r="5827" spans="1:4" x14ac:dyDescent="0.25">
      <c r="A5827" s="20">
        <v>43798.541666652549</v>
      </c>
      <c r="B5827" s="22">
        <v>1.8303861618041992</v>
      </c>
      <c r="C5827" s="21">
        <v>163998.4690418567</v>
      </c>
      <c r="D5827">
        <f t="shared" si="90"/>
        <v>13</v>
      </c>
    </row>
    <row r="5828" spans="1:4" x14ac:dyDescent="0.25">
      <c r="A5828" s="20">
        <v>43798.583333319213</v>
      </c>
      <c r="B5828" s="22">
        <v>1.9126855134963989</v>
      </c>
      <c r="C5828" s="21">
        <v>171372.30520949588</v>
      </c>
      <c r="D5828">
        <f t="shared" si="90"/>
        <v>14</v>
      </c>
    </row>
    <row r="5829" spans="1:4" x14ac:dyDescent="0.25">
      <c r="A5829" s="20">
        <v>43798.624999985877</v>
      </c>
      <c r="B5829" s="22">
        <v>1.7400225400924683</v>
      </c>
      <c r="C5829" s="21">
        <v>155902.09248097084</v>
      </c>
      <c r="D5829">
        <f t="shared" si="90"/>
        <v>15</v>
      </c>
    </row>
    <row r="5830" spans="1:4" x14ac:dyDescent="0.25">
      <c r="A5830" s="20">
        <v>43798.666666652542</v>
      </c>
      <c r="B5830" s="22">
        <v>1.9930237531661987</v>
      </c>
      <c r="C5830" s="21">
        <v>178570.43016602314</v>
      </c>
      <c r="D5830">
        <f t="shared" si="90"/>
        <v>16</v>
      </c>
    </row>
    <row r="5831" spans="1:4" x14ac:dyDescent="0.25">
      <c r="A5831" s="20">
        <v>43798.708333319206</v>
      </c>
      <c r="B5831" s="22">
        <v>2.0864846706390381</v>
      </c>
      <c r="C5831" s="21">
        <v>186944.31743672062</v>
      </c>
      <c r="D5831">
        <f t="shared" ref="D5831:D5894" si="91">HOUR(A5831)</f>
        <v>17</v>
      </c>
    </row>
    <row r="5832" spans="1:4" x14ac:dyDescent="0.25">
      <c r="A5832" s="20">
        <v>43798.74999998587</v>
      </c>
      <c r="B5832" s="22">
        <v>2.0263581275939941</v>
      </c>
      <c r="C5832" s="21">
        <v>181557.11488136096</v>
      </c>
      <c r="D5832">
        <f t="shared" si="91"/>
        <v>18</v>
      </c>
    </row>
    <row r="5833" spans="1:4" x14ac:dyDescent="0.25">
      <c r="A5833" s="20">
        <v>43798.791666652534</v>
      </c>
      <c r="B5833" s="22">
        <v>1.8971892595291138</v>
      </c>
      <c r="C5833" s="21">
        <v>169983.87582800759</v>
      </c>
      <c r="D5833">
        <f t="shared" si="91"/>
        <v>19</v>
      </c>
    </row>
    <row r="5834" spans="1:4" x14ac:dyDescent="0.25">
      <c r="A5834" s="20">
        <v>43798.833333319199</v>
      </c>
      <c r="B5834" s="22">
        <v>1.7948806285858154</v>
      </c>
      <c r="C5834" s="21">
        <v>160817.2533990384</v>
      </c>
      <c r="D5834">
        <f t="shared" si="91"/>
        <v>20</v>
      </c>
    </row>
    <row r="5835" spans="1:4" x14ac:dyDescent="0.25">
      <c r="A5835" s="20">
        <v>43798.874999985863</v>
      </c>
      <c r="B5835" s="22">
        <v>1.7337948083877563</v>
      </c>
      <c r="C5835" s="21">
        <v>155344.10177579121</v>
      </c>
      <c r="D5835">
        <f t="shared" si="91"/>
        <v>21</v>
      </c>
    </row>
    <row r="5836" spans="1:4" x14ac:dyDescent="0.25">
      <c r="A5836" s="20">
        <v>43798.916666652527</v>
      </c>
      <c r="B5836" s="22">
        <v>1.869498610496521</v>
      </c>
      <c r="C5836" s="21">
        <v>167502.85617057947</v>
      </c>
      <c r="D5836">
        <f t="shared" si="91"/>
        <v>22</v>
      </c>
    </row>
    <row r="5837" spans="1:4" x14ac:dyDescent="0.25">
      <c r="A5837" s="20">
        <v>43798.958333319191</v>
      </c>
      <c r="B5837" s="22">
        <v>1.7299125194549561</v>
      </c>
      <c r="C5837" s="21">
        <v>154996.25744947165</v>
      </c>
      <c r="D5837">
        <f t="shared" si="91"/>
        <v>23</v>
      </c>
    </row>
    <row r="5838" spans="1:4" x14ac:dyDescent="0.25">
      <c r="A5838" s="20">
        <v>43798.999999985856</v>
      </c>
      <c r="B5838" s="22">
        <v>1.649319052696228</v>
      </c>
      <c r="C5838" s="21">
        <v>147775.26472180642</v>
      </c>
      <c r="D5838">
        <f t="shared" si="91"/>
        <v>0</v>
      </c>
    </row>
    <row r="5839" spans="1:4" x14ac:dyDescent="0.25">
      <c r="A5839" s="20">
        <v>43799.04166665252</v>
      </c>
      <c r="B5839" s="22">
        <v>1.6218050718307495</v>
      </c>
      <c r="C5839" s="21">
        <v>145310.07413342386</v>
      </c>
      <c r="D5839">
        <f t="shared" si="91"/>
        <v>1</v>
      </c>
    </row>
    <row r="5840" spans="1:4" x14ac:dyDescent="0.25">
      <c r="A5840" s="20">
        <v>43799.083333319184</v>
      </c>
      <c r="B5840" s="22">
        <v>1.5616426467895508</v>
      </c>
      <c r="C5840" s="21">
        <v>139919.65663219197</v>
      </c>
      <c r="D5840">
        <f t="shared" si="91"/>
        <v>2</v>
      </c>
    </row>
    <row r="5841" spans="1:4" x14ac:dyDescent="0.25">
      <c r="A5841" s="20">
        <v>43799.124999985848</v>
      </c>
      <c r="B5841" s="22">
        <v>1.4918811321258545</v>
      </c>
      <c r="C5841" s="21">
        <v>133669.18236526998</v>
      </c>
      <c r="D5841">
        <f t="shared" si="91"/>
        <v>3</v>
      </c>
    </row>
    <row r="5842" spans="1:4" x14ac:dyDescent="0.25">
      <c r="A5842" s="20">
        <v>43799.166666652513</v>
      </c>
      <c r="B5842" s="22">
        <v>1.4828476905822754</v>
      </c>
      <c r="C5842" s="21">
        <v>132859.80639082217</v>
      </c>
      <c r="D5842">
        <f t="shared" si="91"/>
        <v>4</v>
      </c>
    </row>
    <row r="5843" spans="1:4" x14ac:dyDescent="0.25">
      <c r="A5843" s="20">
        <v>43799.208333319177</v>
      </c>
      <c r="B5843" s="22">
        <v>1.6675827503204346</v>
      </c>
      <c r="C5843" s="21">
        <v>149411.65080902472</v>
      </c>
      <c r="D5843">
        <f t="shared" si="91"/>
        <v>5</v>
      </c>
    </row>
    <row r="5844" spans="1:4" x14ac:dyDescent="0.25">
      <c r="A5844" s="20">
        <v>43799.249999985841</v>
      </c>
      <c r="B5844" s="22">
        <v>1.6530722379684448</v>
      </c>
      <c r="C5844" s="21">
        <v>148111.54165151578</v>
      </c>
      <c r="D5844">
        <f t="shared" si="91"/>
        <v>6</v>
      </c>
    </row>
    <row r="5845" spans="1:4" x14ac:dyDescent="0.25">
      <c r="A5845" s="20">
        <v>43799.291666652505</v>
      </c>
      <c r="B5845" s="22">
        <v>1.6881012916564941</v>
      </c>
      <c r="C5845" s="21">
        <v>151250.06580379771</v>
      </c>
      <c r="D5845">
        <f t="shared" si="91"/>
        <v>7</v>
      </c>
    </row>
    <row r="5846" spans="1:4" x14ac:dyDescent="0.25">
      <c r="A5846" s="20">
        <v>43799.333333319169</v>
      </c>
      <c r="B5846" s="22">
        <v>2.0017013549804688</v>
      </c>
      <c r="C5846" s="21">
        <v>179347.92370383069</v>
      </c>
      <c r="D5846">
        <f t="shared" si="91"/>
        <v>8</v>
      </c>
    </row>
    <row r="5847" spans="1:4" x14ac:dyDescent="0.25">
      <c r="A5847" s="20">
        <v>43799.374999985834</v>
      </c>
      <c r="B5847" s="22">
        <v>2.007526159286499</v>
      </c>
      <c r="C5847" s="21">
        <v>179869.81302346793</v>
      </c>
      <c r="D5847">
        <f t="shared" si="91"/>
        <v>9</v>
      </c>
    </row>
    <row r="5848" spans="1:4" x14ac:dyDescent="0.25">
      <c r="A5848" s="20">
        <v>43799.416666652498</v>
      </c>
      <c r="B5848" s="22">
        <v>2.0810737609863281</v>
      </c>
      <c r="C5848" s="21">
        <v>186459.51214388909</v>
      </c>
      <c r="D5848">
        <f t="shared" si="91"/>
        <v>10</v>
      </c>
    </row>
    <row r="5849" spans="1:4" x14ac:dyDescent="0.25">
      <c r="A5849" s="20">
        <v>43799.458333319162</v>
      </c>
      <c r="B5849" s="22">
        <v>2.170100212097168</v>
      </c>
      <c r="C5849" s="21">
        <v>194436.08123683729</v>
      </c>
      <c r="D5849">
        <f t="shared" si="91"/>
        <v>11</v>
      </c>
    </row>
    <row r="5850" spans="1:4" x14ac:dyDescent="0.25">
      <c r="A5850" s="20">
        <v>43799.499999985826</v>
      </c>
      <c r="B5850" s="22">
        <v>2.0336658954620361</v>
      </c>
      <c r="C5850" s="21">
        <v>182211.87438920757</v>
      </c>
      <c r="D5850">
        <f t="shared" si="91"/>
        <v>12</v>
      </c>
    </row>
    <row r="5851" spans="1:4" x14ac:dyDescent="0.25">
      <c r="A5851" s="20">
        <v>43799.541666652491</v>
      </c>
      <c r="B5851" s="22">
        <v>1.9688689708709717</v>
      </c>
      <c r="C5851" s="21">
        <v>176406.21618805474</v>
      </c>
      <c r="D5851">
        <f t="shared" si="91"/>
        <v>13</v>
      </c>
    </row>
    <row r="5852" spans="1:4" x14ac:dyDescent="0.25">
      <c r="A5852" s="20">
        <v>43799.583333319155</v>
      </c>
      <c r="B5852" s="22">
        <v>2.0986974239349365</v>
      </c>
      <c r="C5852" s="21">
        <v>188038.55256868806</v>
      </c>
      <c r="D5852">
        <f t="shared" si="91"/>
        <v>14</v>
      </c>
    </row>
    <row r="5853" spans="1:4" x14ac:dyDescent="0.25">
      <c r="A5853" s="20">
        <v>43799.624999985819</v>
      </c>
      <c r="B5853" s="22">
        <v>1.9397170543670654</v>
      </c>
      <c r="C5853" s="21">
        <v>173794.27026317723</v>
      </c>
      <c r="D5853">
        <f t="shared" si="91"/>
        <v>15</v>
      </c>
    </row>
    <row r="5854" spans="1:4" x14ac:dyDescent="0.25">
      <c r="A5854" s="20">
        <v>43799.666666652483</v>
      </c>
      <c r="B5854" s="22">
        <v>2.0238213539123535</v>
      </c>
      <c r="C5854" s="21">
        <v>181329.82568480985</v>
      </c>
      <c r="D5854">
        <f t="shared" si="91"/>
        <v>16</v>
      </c>
    </row>
    <row r="5855" spans="1:4" x14ac:dyDescent="0.25">
      <c r="A5855" s="20">
        <v>43799.708333319148</v>
      </c>
      <c r="B5855" s="22">
        <v>2.0099780559539795</v>
      </c>
      <c r="C5855" s="21">
        <v>180089.49743111184</v>
      </c>
      <c r="D5855">
        <f t="shared" si="91"/>
        <v>17</v>
      </c>
    </row>
    <row r="5856" spans="1:4" x14ac:dyDescent="0.25">
      <c r="A5856" s="20">
        <v>43799.749999985812</v>
      </c>
      <c r="B5856" s="22">
        <v>1.9679039716720581</v>
      </c>
      <c r="C5856" s="21">
        <v>176319.75443776898</v>
      </c>
      <c r="D5856">
        <f t="shared" si="91"/>
        <v>18</v>
      </c>
    </row>
    <row r="5857" spans="1:4" x14ac:dyDescent="0.25">
      <c r="A5857" s="20">
        <v>43799.791666652476</v>
      </c>
      <c r="B5857" s="22">
        <v>1.8773033618927002</v>
      </c>
      <c r="C5857" s="21">
        <v>168202.14428088954</v>
      </c>
      <c r="D5857">
        <f t="shared" si="91"/>
        <v>19</v>
      </c>
    </row>
    <row r="5858" spans="1:4" x14ac:dyDescent="0.25">
      <c r="A5858" s="20">
        <v>43799.83333331914</v>
      </c>
      <c r="B5858" s="22">
        <v>1.7301605939865112</v>
      </c>
      <c r="C5858" s="21">
        <v>155018.48436761182</v>
      </c>
      <c r="D5858">
        <f t="shared" si="91"/>
        <v>20</v>
      </c>
    </row>
    <row r="5859" spans="1:4" x14ac:dyDescent="0.25">
      <c r="A5859" s="20">
        <v>43799.874999985805</v>
      </c>
      <c r="B5859" s="22">
        <v>1.6386730670928955</v>
      </c>
      <c r="C5859" s="21">
        <v>146821.40843900587</v>
      </c>
      <c r="D5859">
        <f t="shared" si="91"/>
        <v>21</v>
      </c>
    </row>
    <row r="5860" spans="1:4" x14ac:dyDescent="0.25">
      <c r="A5860" s="20">
        <v>43799.916666652469</v>
      </c>
      <c r="B5860" s="22">
        <v>1.5836236476898193</v>
      </c>
      <c r="C5860" s="21">
        <v>141889.10470324734</v>
      </c>
      <c r="D5860">
        <f t="shared" si="91"/>
        <v>22</v>
      </c>
    </row>
    <row r="5861" spans="1:4" x14ac:dyDescent="0.25">
      <c r="A5861" s="20">
        <v>43799.958333319133</v>
      </c>
      <c r="B5861" s="22">
        <v>1.4489209651947021</v>
      </c>
      <c r="C5861" s="21">
        <v>129820.04836638365</v>
      </c>
      <c r="D5861">
        <f t="shared" si="91"/>
        <v>23</v>
      </c>
    </row>
    <row r="5862" spans="1:4" x14ac:dyDescent="0.25">
      <c r="A5862" s="20">
        <v>43799.999999985797</v>
      </c>
      <c r="B5862" s="22">
        <v>1.2372244596481323</v>
      </c>
      <c r="C5862" s="21">
        <v>162361.30113438994</v>
      </c>
      <c r="D5862">
        <f t="shared" si="91"/>
        <v>0</v>
      </c>
    </row>
    <row r="5863" spans="1:4" x14ac:dyDescent="0.25">
      <c r="A5863" s="20">
        <v>43800.041666652462</v>
      </c>
      <c r="B5863" s="22">
        <v>1.1811494827270508</v>
      </c>
      <c r="C5863" s="21">
        <v>155002.56671640323</v>
      </c>
      <c r="D5863">
        <f t="shared" si="91"/>
        <v>1</v>
      </c>
    </row>
    <row r="5864" spans="1:4" x14ac:dyDescent="0.25">
      <c r="A5864" s="20">
        <v>43800.083333319126</v>
      </c>
      <c r="B5864" s="22">
        <v>1.0877362489700317</v>
      </c>
      <c r="C5864" s="21">
        <v>142743.92273495952</v>
      </c>
      <c r="D5864">
        <f t="shared" si="91"/>
        <v>2</v>
      </c>
    </row>
    <row r="5865" spans="1:4" x14ac:dyDescent="0.25">
      <c r="A5865" s="20">
        <v>43800.12499998579</v>
      </c>
      <c r="B5865" s="22">
        <v>1.1902667284011841</v>
      </c>
      <c r="C5865" s="21">
        <v>156199.02533704447</v>
      </c>
      <c r="D5865">
        <f t="shared" si="91"/>
        <v>3</v>
      </c>
    </row>
    <row r="5866" spans="1:4" x14ac:dyDescent="0.25">
      <c r="A5866" s="20">
        <v>43800.166666652454</v>
      </c>
      <c r="B5866" s="22">
        <v>1.2303141355514526</v>
      </c>
      <c r="C5866" s="21">
        <v>161454.45743044608</v>
      </c>
      <c r="D5866">
        <f t="shared" si="91"/>
        <v>4</v>
      </c>
    </row>
    <row r="5867" spans="1:4" x14ac:dyDescent="0.25">
      <c r="A5867" s="20">
        <v>43800.208333319119</v>
      </c>
      <c r="B5867" s="22">
        <v>1.0890418291091919</v>
      </c>
      <c r="C5867" s="21">
        <v>142915.25437044108</v>
      </c>
      <c r="D5867">
        <f t="shared" si="91"/>
        <v>5</v>
      </c>
    </row>
    <row r="5868" spans="1:4" x14ac:dyDescent="0.25">
      <c r="A5868" s="20">
        <v>43800.249999985783</v>
      </c>
      <c r="B5868" s="22">
        <v>1.2801469564437866</v>
      </c>
      <c r="C5868" s="21">
        <v>167994.03202112095</v>
      </c>
      <c r="D5868">
        <f t="shared" si="91"/>
        <v>6</v>
      </c>
    </row>
    <row r="5869" spans="1:4" x14ac:dyDescent="0.25">
      <c r="A5869" s="20">
        <v>43800.291666652447</v>
      </c>
      <c r="B5869" s="22">
        <v>1.1615734100341797</v>
      </c>
      <c r="C5869" s="21">
        <v>152433.59339169232</v>
      </c>
      <c r="D5869">
        <f t="shared" si="91"/>
        <v>7</v>
      </c>
    </row>
    <row r="5870" spans="1:4" x14ac:dyDescent="0.25">
      <c r="A5870" s="20">
        <v>43800.333333319111</v>
      </c>
      <c r="B5870" s="22">
        <v>1.3793714046478271</v>
      </c>
      <c r="C5870" s="21">
        <v>181015.28324931898</v>
      </c>
      <c r="D5870">
        <f t="shared" si="91"/>
        <v>8</v>
      </c>
    </row>
    <row r="5871" spans="1:4" x14ac:dyDescent="0.25">
      <c r="A5871" s="20">
        <v>43800.374999985776</v>
      </c>
      <c r="B5871" s="22">
        <v>1.3919997215270996</v>
      </c>
      <c r="C5871" s="21">
        <v>182672.50069573059</v>
      </c>
      <c r="D5871">
        <f t="shared" si="91"/>
        <v>9</v>
      </c>
    </row>
    <row r="5872" spans="1:4" x14ac:dyDescent="0.25">
      <c r="A5872" s="20">
        <v>43800.41666665244</v>
      </c>
      <c r="B5872" s="22">
        <v>1.2972108125686646</v>
      </c>
      <c r="C5872" s="21">
        <v>170233.32648478934</v>
      </c>
      <c r="D5872">
        <f t="shared" si="91"/>
        <v>10</v>
      </c>
    </row>
    <row r="5873" spans="1:4" x14ac:dyDescent="0.25">
      <c r="A5873" s="20">
        <v>43800.458333319104</v>
      </c>
      <c r="B5873" s="22">
        <v>1.3606747388839722</v>
      </c>
      <c r="C5873" s="21">
        <v>178561.71473422705</v>
      </c>
      <c r="D5873">
        <f t="shared" si="91"/>
        <v>11</v>
      </c>
    </row>
    <row r="5874" spans="1:4" x14ac:dyDescent="0.25">
      <c r="A5874" s="20">
        <v>43800.499999985768</v>
      </c>
      <c r="B5874" s="22">
        <v>1.3025047779083252</v>
      </c>
      <c r="C5874" s="21">
        <v>170928.05499100729</v>
      </c>
      <c r="D5874">
        <f t="shared" si="91"/>
        <v>12</v>
      </c>
    </row>
    <row r="5875" spans="1:4" x14ac:dyDescent="0.25">
      <c r="A5875" s="20">
        <v>43800.541666652432</v>
      </c>
      <c r="B5875" s="22">
        <v>1.3608533143997192</v>
      </c>
      <c r="C5875" s="21">
        <v>178585.14924755349</v>
      </c>
      <c r="D5875">
        <f t="shared" si="91"/>
        <v>13</v>
      </c>
    </row>
    <row r="5876" spans="1:4" x14ac:dyDescent="0.25">
      <c r="A5876" s="20">
        <v>43800.583333319097</v>
      </c>
      <c r="B5876" s="22">
        <v>1.2471041679382324</v>
      </c>
      <c r="C5876" s="21">
        <v>163657.81793075611</v>
      </c>
      <c r="D5876">
        <f t="shared" si="91"/>
        <v>14</v>
      </c>
    </row>
    <row r="5877" spans="1:4" x14ac:dyDescent="0.25">
      <c r="A5877" s="20">
        <v>43800.624999985761</v>
      </c>
      <c r="B5877" s="22">
        <v>1.3444405794143677</v>
      </c>
      <c r="C5877" s="21">
        <v>176431.30158748259</v>
      </c>
      <c r="D5877">
        <f t="shared" si="91"/>
        <v>15</v>
      </c>
    </row>
    <row r="5878" spans="1:4" x14ac:dyDescent="0.25">
      <c r="A5878" s="20">
        <v>43800.666666652425</v>
      </c>
      <c r="B5878" s="22">
        <v>1.4507153034210205</v>
      </c>
      <c r="C5878" s="21">
        <v>190377.76241992172</v>
      </c>
      <c r="D5878">
        <f t="shared" si="91"/>
        <v>16</v>
      </c>
    </row>
    <row r="5879" spans="1:4" x14ac:dyDescent="0.25">
      <c r="A5879" s="20">
        <v>43800.708333319089</v>
      </c>
      <c r="B5879" s="22">
        <v>1.7158751487731934</v>
      </c>
      <c r="C5879" s="21">
        <v>225174.76078529219</v>
      </c>
      <c r="D5879">
        <f t="shared" si="91"/>
        <v>17</v>
      </c>
    </row>
    <row r="5880" spans="1:4" x14ac:dyDescent="0.25">
      <c r="A5880" s="20">
        <v>43800.749999985754</v>
      </c>
      <c r="B5880" s="22">
        <v>1.8400145769119263</v>
      </c>
      <c r="C5880" s="21">
        <v>241465.61158241917</v>
      </c>
      <c r="D5880">
        <f t="shared" si="91"/>
        <v>18</v>
      </c>
    </row>
    <row r="5881" spans="1:4" x14ac:dyDescent="0.25">
      <c r="A5881" s="20">
        <v>43800.791666652418</v>
      </c>
      <c r="B5881" s="22">
        <v>2.2305395603179932</v>
      </c>
      <c r="C5881" s="21">
        <v>292714.31098925741</v>
      </c>
      <c r="D5881">
        <f t="shared" si="91"/>
        <v>19</v>
      </c>
    </row>
    <row r="5882" spans="1:4" x14ac:dyDescent="0.25">
      <c r="A5882" s="20">
        <v>43800.833333319082</v>
      </c>
      <c r="B5882" s="22">
        <v>2.0981705188751221</v>
      </c>
      <c r="C5882" s="21">
        <v>275343.48580795707</v>
      </c>
      <c r="D5882">
        <f t="shared" si="91"/>
        <v>20</v>
      </c>
    </row>
    <row r="5883" spans="1:4" x14ac:dyDescent="0.25">
      <c r="A5883" s="20">
        <v>43800.874999985746</v>
      </c>
      <c r="B5883" s="22">
        <v>1.9468122720718384</v>
      </c>
      <c r="C5883" s="21">
        <v>255480.7020610286</v>
      </c>
      <c r="D5883">
        <f t="shared" si="91"/>
        <v>21</v>
      </c>
    </row>
    <row r="5884" spans="1:4" x14ac:dyDescent="0.25">
      <c r="A5884" s="20">
        <v>43800.916666652411</v>
      </c>
      <c r="B5884" s="22">
        <v>1.8964431285858154</v>
      </c>
      <c r="C5884" s="21">
        <v>248870.74571103751</v>
      </c>
      <c r="D5884">
        <f t="shared" si="91"/>
        <v>22</v>
      </c>
    </row>
    <row r="5885" spans="1:4" x14ac:dyDescent="0.25">
      <c r="A5885" s="20">
        <v>43800.958333319075</v>
      </c>
      <c r="B5885" s="22">
        <v>1.6663089990615845</v>
      </c>
      <c r="C5885" s="21">
        <v>218670.18152593327</v>
      </c>
      <c r="D5885">
        <f t="shared" si="91"/>
        <v>23</v>
      </c>
    </row>
    <row r="5886" spans="1:4" x14ac:dyDescent="0.25">
      <c r="A5886" s="20">
        <v>43800.999999985739</v>
      </c>
      <c r="B5886" s="22">
        <v>1.6728109121322632</v>
      </c>
      <c r="C5886" s="21">
        <v>219523.42934025332</v>
      </c>
      <c r="D5886">
        <f t="shared" si="91"/>
        <v>0</v>
      </c>
    </row>
    <row r="5887" spans="1:4" x14ac:dyDescent="0.25">
      <c r="A5887" s="20">
        <v>43801.041666652403</v>
      </c>
      <c r="B5887" s="22">
        <v>1.6007225513458252</v>
      </c>
      <c r="C5887" s="21">
        <v>210063.25421789911</v>
      </c>
      <c r="D5887">
        <f t="shared" si="91"/>
        <v>1</v>
      </c>
    </row>
    <row r="5888" spans="1:4" x14ac:dyDescent="0.25">
      <c r="A5888" s="20">
        <v>43801.083333319068</v>
      </c>
      <c r="B5888" s="22">
        <v>1.7130541801452637</v>
      </c>
      <c r="C5888" s="21">
        <v>224804.56430775064</v>
      </c>
      <c r="D5888">
        <f t="shared" si="91"/>
        <v>2</v>
      </c>
    </row>
    <row r="5889" spans="1:4" x14ac:dyDescent="0.25">
      <c r="A5889" s="20">
        <v>43801.124999985732</v>
      </c>
      <c r="B5889" s="22">
        <v>1.807536244392395</v>
      </c>
      <c r="C5889" s="21">
        <v>237203.47120407084</v>
      </c>
      <c r="D5889">
        <f t="shared" si="91"/>
        <v>3</v>
      </c>
    </row>
    <row r="5890" spans="1:4" x14ac:dyDescent="0.25">
      <c r="A5890" s="20">
        <v>43801.166666652396</v>
      </c>
      <c r="B5890" s="22">
        <v>1.8612127304077148</v>
      </c>
      <c r="C5890" s="21">
        <v>244247.45101048992</v>
      </c>
      <c r="D5890">
        <f t="shared" si="91"/>
        <v>4</v>
      </c>
    </row>
    <row r="5891" spans="1:4" x14ac:dyDescent="0.25">
      <c r="A5891" s="20">
        <v>43801.20833331906</v>
      </c>
      <c r="B5891" s="22">
        <v>1.9848400354385376</v>
      </c>
      <c r="C5891" s="21">
        <v>260471.09575337762</v>
      </c>
      <c r="D5891">
        <f t="shared" si="91"/>
        <v>5</v>
      </c>
    </row>
    <row r="5892" spans="1:4" x14ac:dyDescent="0.25">
      <c r="A5892" s="20">
        <v>43801.249999985725</v>
      </c>
      <c r="B5892" s="22">
        <v>2.2647972106933594</v>
      </c>
      <c r="C5892" s="21">
        <v>297209.95173203206</v>
      </c>
      <c r="D5892">
        <f t="shared" si="91"/>
        <v>6</v>
      </c>
    </row>
    <row r="5893" spans="1:4" x14ac:dyDescent="0.25">
      <c r="A5893" s="20">
        <v>43801.291666652389</v>
      </c>
      <c r="B5893" s="22">
        <v>2.2047948837280273</v>
      </c>
      <c r="C5893" s="21">
        <v>289335.83010340453</v>
      </c>
      <c r="D5893">
        <f t="shared" si="91"/>
        <v>7</v>
      </c>
    </row>
    <row r="5894" spans="1:4" x14ac:dyDescent="0.25">
      <c r="A5894" s="20">
        <v>43801.333333319053</v>
      </c>
      <c r="B5894" s="22">
        <v>2.2643461227416992</v>
      </c>
      <c r="C5894" s="21">
        <v>297150.75533788832</v>
      </c>
      <c r="D5894">
        <f t="shared" si="91"/>
        <v>8</v>
      </c>
    </row>
    <row r="5895" spans="1:4" x14ac:dyDescent="0.25">
      <c r="A5895" s="20">
        <v>43801.374999985717</v>
      </c>
      <c r="B5895" s="22">
        <v>2.1889908313751221</v>
      </c>
      <c r="C5895" s="21">
        <v>287261.86003014597</v>
      </c>
      <c r="D5895">
        <f t="shared" ref="D5895:D5958" si="92">HOUR(A5895)</f>
        <v>9</v>
      </c>
    </row>
    <row r="5896" spans="1:4" x14ac:dyDescent="0.25">
      <c r="A5896" s="20">
        <v>43801.416666652382</v>
      </c>
      <c r="B5896" s="22">
        <v>2.2003202438354492</v>
      </c>
      <c r="C5896" s="21">
        <v>288748.62189764902</v>
      </c>
      <c r="D5896">
        <f t="shared" si="92"/>
        <v>10</v>
      </c>
    </row>
    <row r="5897" spans="1:4" x14ac:dyDescent="0.25">
      <c r="A5897" s="20">
        <v>43801.458333319046</v>
      </c>
      <c r="B5897" s="22">
        <v>2.158198356628418</v>
      </c>
      <c r="C5897" s="21">
        <v>283220.95522420271</v>
      </c>
      <c r="D5897">
        <f t="shared" si="92"/>
        <v>11</v>
      </c>
    </row>
    <row r="5898" spans="1:4" x14ac:dyDescent="0.25">
      <c r="A5898" s="20">
        <v>43801.49999998571</v>
      </c>
      <c r="B5898" s="22">
        <v>2.0923504829406738</v>
      </c>
      <c r="C5898" s="21">
        <v>274579.72091501707</v>
      </c>
      <c r="D5898">
        <f t="shared" si="92"/>
        <v>12</v>
      </c>
    </row>
    <row r="5899" spans="1:4" x14ac:dyDescent="0.25">
      <c r="A5899" s="20">
        <v>43801.541666652374</v>
      </c>
      <c r="B5899" s="22">
        <v>2.1281530857086182</v>
      </c>
      <c r="C5899" s="21">
        <v>279278.10617896047</v>
      </c>
      <c r="D5899">
        <f t="shared" si="92"/>
        <v>13</v>
      </c>
    </row>
    <row r="5900" spans="1:4" x14ac:dyDescent="0.25">
      <c r="A5900" s="20">
        <v>43801.583333319039</v>
      </c>
      <c r="B5900" s="22">
        <v>2.2834062576293945</v>
      </c>
      <c r="C5900" s="21">
        <v>299652.02200460399</v>
      </c>
      <c r="D5900">
        <f t="shared" si="92"/>
        <v>14</v>
      </c>
    </row>
    <row r="5901" spans="1:4" x14ac:dyDescent="0.25">
      <c r="A5901" s="20">
        <v>43801.624999985703</v>
      </c>
      <c r="B5901" s="22">
        <v>2.4434709548950195</v>
      </c>
      <c r="C5901" s="21">
        <v>320657.35560520244</v>
      </c>
      <c r="D5901">
        <f t="shared" si="92"/>
        <v>15</v>
      </c>
    </row>
    <row r="5902" spans="1:4" x14ac:dyDescent="0.25">
      <c r="A5902" s="20">
        <v>43801.666666652367</v>
      </c>
      <c r="B5902" s="22">
        <v>2.5366559028625488</v>
      </c>
      <c r="C5902" s="21">
        <v>332886.0415806247</v>
      </c>
      <c r="D5902">
        <f t="shared" si="92"/>
        <v>16</v>
      </c>
    </row>
    <row r="5903" spans="1:4" x14ac:dyDescent="0.25">
      <c r="A5903" s="20">
        <v>43801.708333319031</v>
      </c>
      <c r="B5903" s="22">
        <v>2.6382548809051514</v>
      </c>
      <c r="C5903" s="21">
        <v>346218.90300304809</v>
      </c>
      <c r="D5903">
        <f t="shared" si="92"/>
        <v>17</v>
      </c>
    </row>
    <row r="5904" spans="1:4" x14ac:dyDescent="0.25">
      <c r="A5904" s="20">
        <v>43801.749999985695</v>
      </c>
      <c r="B5904" s="22">
        <v>2.5026087760925293</v>
      </c>
      <c r="C5904" s="21">
        <v>328418.02790763276</v>
      </c>
      <c r="D5904">
        <f t="shared" si="92"/>
        <v>18</v>
      </c>
    </row>
    <row r="5905" spans="1:4" x14ac:dyDescent="0.25">
      <c r="A5905" s="20">
        <v>43801.79166665236</v>
      </c>
      <c r="B5905" s="22">
        <v>2.5454847812652588</v>
      </c>
      <c r="C5905" s="21">
        <v>334044.65768608783</v>
      </c>
      <c r="D5905">
        <f t="shared" si="92"/>
        <v>19</v>
      </c>
    </row>
    <row r="5906" spans="1:4" x14ac:dyDescent="0.25">
      <c r="A5906" s="20">
        <v>43801.833333319024</v>
      </c>
      <c r="B5906" s="22">
        <v>2.7111191749572754</v>
      </c>
      <c r="C5906" s="21">
        <v>355780.90405814059</v>
      </c>
      <c r="D5906">
        <f t="shared" si="92"/>
        <v>20</v>
      </c>
    </row>
    <row r="5907" spans="1:4" x14ac:dyDescent="0.25">
      <c r="A5907" s="20">
        <v>43801.874999985688</v>
      </c>
      <c r="B5907" s="22">
        <v>2.3737688064575195</v>
      </c>
      <c r="C5907" s="21">
        <v>311510.32377607626</v>
      </c>
      <c r="D5907">
        <f t="shared" si="92"/>
        <v>21</v>
      </c>
    </row>
    <row r="5908" spans="1:4" x14ac:dyDescent="0.25">
      <c r="A5908" s="20">
        <v>43801.916666652352</v>
      </c>
      <c r="B5908" s="22">
        <v>2.408245325088501</v>
      </c>
      <c r="C5908" s="21">
        <v>316034.68665934983</v>
      </c>
      <c r="D5908">
        <f t="shared" si="92"/>
        <v>22</v>
      </c>
    </row>
    <row r="5909" spans="1:4" x14ac:dyDescent="0.25">
      <c r="A5909" s="20">
        <v>43801.958333319017</v>
      </c>
      <c r="B5909" s="22">
        <v>2.2296254634857178</v>
      </c>
      <c r="C5909" s="21">
        <v>292594.35381423257</v>
      </c>
      <c r="D5909">
        <f t="shared" si="92"/>
        <v>23</v>
      </c>
    </row>
    <row r="5910" spans="1:4" x14ac:dyDescent="0.25">
      <c r="A5910" s="20">
        <v>43801.999999985681</v>
      </c>
      <c r="B5910" s="22">
        <v>2.0433855056762695</v>
      </c>
      <c r="C5910" s="21">
        <v>268154.03367882589</v>
      </c>
      <c r="D5910">
        <f t="shared" si="92"/>
        <v>0</v>
      </c>
    </row>
    <row r="5911" spans="1:4" x14ac:dyDescent="0.25">
      <c r="A5911" s="20">
        <v>43802.041666652345</v>
      </c>
      <c r="B5911" s="22">
        <v>2.0297296047210693</v>
      </c>
      <c r="C5911" s="21">
        <v>266361.96609564923</v>
      </c>
      <c r="D5911">
        <f t="shared" si="92"/>
        <v>1</v>
      </c>
    </row>
    <row r="5912" spans="1:4" x14ac:dyDescent="0.25">
      <c r="A5912" s="20">
        <v>43802.083333319009</v>
      </c>
      <c r="B5912" s="22">
        <v>1.9911345243453979</v>
      </c>
      <c r="C5912" s="21">
        <v>261297.12323846668</v>
      </c>
      <c r="D5912">
        <f t="shared" si="92"/>
        <v>2</v>
      </c>
    </row>
    <row r="5913" spans="1:4" x14ac:dyDescent="0.25">
      <c r="A5913" s="20">
        <v>43802.124999985674</v>
      </c>
      <c r="B5913" s="22">
        <v>2.1111767292022705</v>
      </c>
      <c r="C5913" s="21">
        <v>277050.29431394464</v>
      </c>
      <c r="D5913">
        <f t="shared" si="92"/>
        <v>3</v>
      </c>
    </row>
    <row r="5914" spans="1:4" x14ac:dyDescent="0.25">
      <c r="A5914" s="20">
        <v>43802.166666652338</v>
      </c>
      <c r="B5914" s="22">
        <v>2.1651885509490967</v>
      </c>
      <c r="C5914" s="21">
        <v>284138.28031928721</v>
      </c>
      <c r="D5914">
        <f t="shared" si="92"/>
        <v>4</v>
      </c>
    </row>
    <row r="5915" spans="1:4" x14ac:dyDescent="0.25">
      <c r="A5915" s="20">
        <v>43802.208333319002</v>
      </c>
      <c r="B5915" s="22">
        <v>2.2982885837554932</v>
      </c>
      <c r="C5915" s="21">
        <v>301605.03369532578</v>
      </c>
      <c r="D5915">
        <f t="shared" si="92"/>
        <v>5</v>
      </c>
    </row>
    <row r="5916" spans="1:4" x14ac:dyDescent="0.25">
      <c r="A5916" s="20">
        <v>43802.249999985666</v>
      </c>
      <c r="B5916" s="22">
        <v>2.3534622192382813</v>
      </c>
      <c r="C5916" s="21">
        <v>308845.48483209661</v>
      </c>
      <c r="D5916">
        <f t="shared" si="92"/>
        <v>6</v>
      </c>
    </row>
    <row r="5917" spans="1:4" x14ac:dyDescent="0.25">
      <c r="A5917" s="20">
        <v>43802.291666652331</v>
      </c>
      <c r="B5917" s="22">
        <v>2.2798690795898438</v>
      </c>
      <c r="C5917" s="21">
        <v>299187.83717187872</v>
      </c>
      <c r="D5917">
        <f t="shared" si="92"/>
        <v>7</v>
      </c>
    </row>
    <row r="5918" spans="1:4" x14ac:dyDescent="0.25">
      <c r="A5918" s="20">
        <v>43802.333333318995</v>
      </c>
      <c r="B5918" s="22">
        <v>2.1693713665008545</v>
      </c>
      <c r="C5918" s="21">
        <v>284687.19233771082</v>
      </c>
      <c r="D5918">
        <f t="shared" si="92"/>
        <v>8</v>
      </c>
    </row>
    <row r="5919" spans="1:4" x14ac:dyDescent="0.25">
      <c r="A5919" s="20">
        <v>43802.374999985659</v>
      </c>
      <c r="B5919" s="22">
        <v>2.2185719013214111</v>
      </c>
      <c r="C5919" s="21">
        <v>291143.79185583326</v>
      </c>
      <c r="D5919">
        <f t="shared" si="92"/>
        <v>9</v>
      </c>
    </row>
    <row r="5920" spans="1:4" x14ac:dyDescent="0.25">
      <c r="A5920" s="20">
        <v>43802.416666652323</v>
      </c>
      <c r="B5920" s="22">
        <v>2.1716549396514893</v>
      </c>
      <c r="C5920" s="21">
        <v>284986.86626112979</v>
      </c>
      <c r="D5920">
        <f t="shared" si="92"/>
        <v>10</v>
      </c>
    </row>
    <row r="5921" spans="1:4" x14ac:dyDescent="0.25">
      <c r="A5921" s="20">
        <v>43802.458333318988</v>
      </c>
      <c r="B5921" s="22">
        <v>2.0921847820281982</v>
      </c>
      <c r="C5921" s="21">
        <v>274557.97593936702</v>
      </c>
      <c r="D5921">
        <f t="shared" si="92"/>
        <v>11</v>
      </c>
    </row>
    <row r="5922" spans="1:4" x14ac:dyDescent="0.25">
      <c r="A5922" s="20">
        <v>43802.499999985652</v>
      </c>
      <c r="B5922" s="22">
        <v>2.0155069828033447</v>
      </c>
      <c r="C5922" s="21">
        <v>264495.52756697597</v>
      </c>
      <c r="D5922">
        <f t="shared" si="92"/>
        <v>12</v>
      </c>
    </row>
    <row r="5923" spans="1:4" x14ac:dyDescent="0.25">
      <c r="A5923" s="20">
        <v>43802.541666652316</v>
      </c>
      <c r="B5923" s="22">
        <v>1.97963547706604</v>
      </c>
      <c r="C5923" s="21">
        <v>259788.10014769027</v>
      </c>
      <c r="D5923">
        <f t="shared" si="92"/>
        <v>13</v>
      </c>
    </row>
    <row r="5924" spans="1:4" x14ac:dyDescent="0.25">
      <c r="A5924" s="20">
        <v>43802.58333331898</v>
      </c>
      <c r="B5924" s="22">
        <v>2.0883815288543701</v>
      </c>
      <c r="C5924" s="21">
        <v>274058.8739946626</v>
      </c>
      <c r="D5924">
        <f t="shared" si="92"/>
        <v>14</v>
      </c>
    </row>
    <row r="5925" spans="1:4" x14ac:dyDescent="0.25">
      <c r="A5925" s="20">
        <v>43802.624999985645</v>
      </c>
      <c r="B5925" s="22">
        <v>2.1701347827911377</v>
      </c>
      <c r="C5925" s="21">
        <v>284787.37566437479</v>
      </c>
      <c r="D5925">
        <f t="shared" si="92"/>
        <v>15</v>
      </c>
    </row>
    <row r="5926" spans="1:4" x14ac:dyDescent="0.25">
      <c r="A5926" s="20">
        <v>43802.666666652309</v>
      </c>
      <c r="B5926" s="22">
        <v>2.332399845123291</v>
      </c>
      <c r="C5926" s="21">
        <v>306081.46376896498</v>
      </c>
      <c r="D5926">
        <f t="shared" si="92"/>
        <v>16</v>
      </c>
    </row>
    <row r="5927" spans="1:4" x14ac:dyDescent="0.25">
      <c r="A5927" s="20">
        <v>43802.708333318973</v>
      </c>
      <c r="B5927" s="22">
        <v>2.4847943782806396</v>
      </c>
      <c r="C5927" s="21">
        <v>326080.23965497676</v>
      </c>
      <c r="D5927">
        <f t="shared" si="92"/>
        <v>17</v>
      </c>
    </row>
    <row r="5928" spans="1:4" x14ac:dyDescent="0.25">
      <c r="A5928" s="20">
        <v>43802.749999985637</v>
      </c>
      <c r="B5928" s="22">
        <v>2.515017032623291</v>
      </c>
      <c r="C5928" s="21">
        <v>330046.36677487171</v>
      </c>
      <c r="D5928">
        <f t="shared" si="92"/>
        <v>18</v>
      </c>
    </row>
    <row r="5929" spans="1:4" x14ac:dyDescent="0.25">
      <c r="A5929" s="20">
        <v>43802.791666652302</v>
      </c>
      <c r="B5929" s="22">
        <v>2.4965448379516602</v>
      </c>
      <c r="C5929" s="21">
        <v>327622.25566204527</v>
      </c>
      <c r="D5929">
        <f t="shared" si="92"/>
        <v>19</v>
      </c>
    </row>
    <row r="5930" spans="1:4" x14ac:dyDescent="0.25">
      <c r="A5930" s="20">
        <v>43802.833333318966</v>
      </c>
      <c r="B5930" s="22">
        <v>2.4187557697296143</v>
      </c>
      <c r="C5930" s="21">
        <v>317413.97515799251</v>
      </c>
      <c r="D5930">
        <f t="shared" si="92"/>
        <v>20</v>
      </c>
    </row>
    <row r="5931" spans="1:4" x14ac:dyDescent="0.25">
      <c r="A5931" s="20">
        <v>43802.87499998563</v>
      </c>
      <c r="B5931" s="22">
        <v>2.4461278915405273</v>
      </c>
      <c r="C5931" s="21">
        <v>321006.02612123714</v>
      </c>
      <c r="D5931">
        <f t="shared" si="92"/>
        <v>21</v>
      </c>
    </row>
    <row r="5932" spans="1:4" x14ac:dyDescent="0.25">
      <c r="A5932" s="20">
        <v>43802.916666652294</v>
      </c>
      <c r="B5932" s="22">
        <v>2.3403599262237549</v>
      </c>
      <c r="C5932" s="21">
        <v>307126.06736900541</v>
      </c>
      <c r="D5932">
        <f t="shared" si="92"/>
        <v>22</v>
      </c>
    </row>
    <row r="5933" spans="1:4" x14ac:dyDescent="0.25">
      <c r="A5933" s="20">
        <v>43802.958333318958</v>
      </c>
      <c r="B5933" s="22">
        <v>2.3231921195983887</v>
      </c>
      <c r="C5933" s="21">
        <v>304873.1314529868</v>
      </c>
      <c r="D5933">
        <f t="shared" si="92"/>
        <v>23</v>
      </c>
    </row>
    <row r="5934" spans="1:4" x14ac:dyDescent="0.25">
      <c r="A5934" s="20">
        <v>43802.999999985623</v>
      </c>
      <c r="B5934" s="22">
        <v>2.3976573944091797</v>
      </c>
      <c r="C5934" s="21">
        <v>314645.22964691388</v>
      </c>
      <c r="D5934">
        <f t="shared" si="92"/>
        <v>0</v>
      </c>
    </row>
    <row r="5935" spans="1:4" x14ac:dyDescent="0.25">
      <c r="A5935" s="20">
        <v>43803.041666652287</v>
      </c>
      <c r="B5935" s="22">
        <v>2.3279798030853271</v>
      </c>
      <c r="C5935" s="21">
        <v>305501.42045446677</v>
      </c>
      <c r="D5935">
        <f t="shared" si="92"/>
        <v>1</v>
      </c>
    </row>
    <row r="5936" spans="1:4" x14ac:dyDescent="0.25">
      <c r="A5936" s="20">
        <v>43803.083333318951</v>
      </c>
      <c r="B5936" s="22">
        <v>2.4202959537506104</v>
      </c>
      <c r="C5936" s="21">
        <v>317616.09392446635</v>
      </c>
      <c r="D5936">
        <f t="shared" si="92"/>
        <v>2</v>
      </c>
    </row>
    <row r="5937" spans="1:4" x14ac:dyDescent="0.25">
      <c r="A5937" s="20">
        <v>43803.124999985615</v>
      </c>
      <c r="B5937" s="22">
        <v>2.5070285797119141</v>
      </c>
      <c r="C5937" s="21">
        <v>328998.03993439616</v>
      </c>
      <c r="D5937">
        <f t="shared" si="92"/>
        <v>3</v>
      </c>
    </row>
    <row r="5938" spans="1:4" x14ac:dyDescent="0.25">
      <c r="A5938" s="20">
        <v>43803.16666665228</v>
      </c>
      <c r="B5938" s="22">
        <v>2.6564524173736572</v>
      </c>
      <c r="C5938" s="21">
        <v>348606.97064544453</v>
      </c>
      <c r="D5938">
        <f t="shared" si="92"/>
        <v>4</v>
      </c>
    </row>
    <row r="5939" spans="1:4" x14ac:dyDescent="0.25">
      <c r="A5939" s="20">
        <v>43803.208333318944</v>
      </c>
      <c r="B5939" s="22">
        <v>2.7988283634185791</v>
      </c>
      <c r="C5939" s="21">
        <v>367291.00462959928</v>
      </c>
      <c r="D5939">
        <f t="shared" si="92"/>
        <v>5</v>
      </c>
    </row>
    <row r="5940" spans="1:4" x14ac:dyDescent="0.25">
      <c r="A5940" s="20">
        <v>43803.249999985608</v>
      </c>
      <c r="B5940" s="22">
        <v>2.9120221138000488</v>
      </c>
      <c r="C5940" s="21">
        <v>382145.45116830058</v>
      </c>
      <c r="D5940">
        <f t="shared" si="92"/>
        <v>6</v>
      </c>
    </row>
    <row r="5941" spans="1:4" x14ac:dyDescent="0.25">
      <c r="A5941" s="20">
        <v>43803.291666652272</v>
      </c>
      <c r="B5941" s="22">
        <v>2.7410509586334229</v>
      </c>
      <c r="C5941" s="21">
        <v>359708.86014164257</v>
      </c>
      <c r="D5941">
        <f t="shared" si="92"/>
        <v>7</v>
      </c>
    </row>
    <row r="5942" spans="1:4" x14ac:dyDescent="0.25">
      <c r="A5942" s="20">
        <v>43803.333333318937</v>
      </c>
      <c r="B5942" s="22">
        <v>2.6470873355865479</v>
      </c>
      <c r="C5942" s="21">
        <v>347377.98842453246</v>
      </c>
      <c r="D5942">
        <f t="shared" si="92"/>
        <v>8</v>
      </c>
    </row>
    <row r="5943" spans="1:4" x14ac:dyDescent="0.25">
      <c r="A5943" s="20">
        <v>43803.374999985601</v>
      </c>
      <c r="B5943" s="22">
        <v>2.5452563762664795</v>
      </c>
      <c r="C5943" s="21">
        <v>334014.684036199</v>
      </c>
      <c r="D5943">
        <f t="shared" si="92"/>
        <v>9</v>
      </c>
    </row>
    <row r="5944" spans="1:4" x14ac:dyDescent="0.25">
      <c r="A5944" s="20">
        <v>43803.416666652265</v>
      </c>
      <c r="B5944" s="22">
        <v>2.242919921875</v>
      </c>
      <c r="C5944" s="21">
        <v>294338.98919153085</v>
      </c>
      <c r="D5944">
        <f t="shared" si="92"/>
        <v>10</v>
      </c>
    </row>
    <row r="5945" spans="1:4" x14ac:dyDescent="0.25">
      <c r="A5945" s="20">
        <v>43803.458333318929</v>
      </c>
      <c r="B5945" s="22">
        <v>1.8642939329147339</v>
      </c>
      <c r="C5945" s="21">
        <v>244651.79805050918</v>
      </c>
      <c r="D5945">
        <f t="shared" si="92"/>
        <v>11</v>
      </c>
    </row>
    <row r="5946" spans="1:4" x14ac:dyDescent="0.25">
      <c r="A5946" s="20">
        <v>43803.499999985594</v>
      </c>
      <c r="B5946" s="22">
        <v>1.5454821586608887</v>
      </c>
      <c r="C5946" s="21">
        <v>202814.04251539873</v>
      </c>
      <c r="D5946">
        <f t="shared" si="92"/>
        <v>12</v>
      </c>
    </row>
    <row r="5947" spans="1:4" x14ac:dyDescent="0.25">
      <c r="A5947" s="20">
        <v>43803.541666652258</v>
      </c>
      <c r="B5947" s="22">
        <v>1.4032522439956665</v>
      </c>
      <c r="C5947" s="21">
        <v>184149.1722687773</v>
      </c>
      <c r="D5947">
        <f t="shared" si="92"/>
        <v>13</v>
      </c>
    </row>
    <row r="5948" spans="1:4" x14ac:dyDescent="0.25">
      <c r="A5948" s="20">
        <v>43803.583333318922</v>
      </c>
      <c r="B5948" s="22">
        <v>1.4604983329772949</v>
      </c>
      <c r="C5948" s="21">
        <v>191661.59203984748</v>
      </c>
      <c r="D5948">
        <f t="shared" si="92"/>
        <v>14</v>
      </c>
    </row>
    <row r="5949" spans="1:4" x14ac:dyDescent="0.25">
      <c r="A5949" s="20">
        <v>43803.624999985586</v>
      </c>
      <c r="B5949" s="22">
        <v>1.5288689136505127</v>
      </c>
      <c r="C5949" s="21">
        <v>200633.88187040453</v>
      </c>
      <c r="D5949">
        <f t="shared" si="92"/>
        <v>15</v>
      </c>
    </row>
    <row r="5950" spans="1:4" x14ac:dyDescent="0.25">
      <c r="A5950" s="20">
        <v>43803.666666652251</v>
      </c>
      <c r="B5950" s="22">
        <v>1.6895098686218262</v>
      </c>
      <c r="C5950" s="21">
        <v>221714.83792588953</v>
      </c>
      <c r="D5950">
        <f t="shared" si="92"/>
        <v>16</v>
      </c>
    </row>
    <row r="5951" spans="1:4" x14ac:dyDescent="0.25">
      <c r="A5951" s="20">
        <v>43803.708333318915</v>
      </c>
      <c r="B5951" s="22">
        <v>1.8235564231872559</v>
      </c>
      <c r="C5951" s="21">
        <v>239305.80360887869</v>
      </c>
      <c r="D5951">
        <f t="shared" si="92"/>
        <v>17</v>
      </c>
    </row>
    <row r="5952" spans="1:4" x14ac:dyDescent="0.25">
      <c r="A5952" s="20">
        <v>43803.749999985579</v>
      </c>
      <c r="B5952" s="22">
        <v>1.9623895883560181</v>
      </c>
      <c r="C5952" s="21">
        <v>257524.91749854156</v>
      </c>
      <c r="D5952">
        <f t="shared" si="92"/>
        <v>18</v>
      </c>
    </row>
    <row r="5953" spans="1:4" x14ac:dyDescent="0.25">
      <c r="A5953" s="20">
        <v>43803.791666652243</v>
      </c>
      <c r="B5953" s="22">
        <v>2.3183598518371582</v>
      </c>
      <c r="C5953" s="21">
        <v>304238.99164510885</v>
      </c>
      <c r="D5953">
        <f t="shared" si="92"/>
        <v>19</v>
      </c>
    </row>
    <row r="5954" spans="1:4" x14ac:dyDescent="0.25">
      <c r="A5954" s="20">
        <v>43803.833333318908</v>
      </c>
      <c r="B5954" s="22">
        <v>2.1099457740783691</v>
      </c>
      <c r="C5954" s="21">
        <v>276888.7557394394</v>
      </c>
      <c r="D5954">
        <f t="shared" si="92"/>
        <v>20</v>
      </c>
    </row>
    <row r="5955" spans="1:4" x14ac:dyDescent="0.25">
      <c r="A5955" s="20">
        <v>43803.874999985572</v>
      </c>
      <c r="B5955" s="22">
        <v>2.2443459033966064</v>
      </c>
      <c r="C5955" s="21">
        <v>294526.12113306025</v>
      </c>
      <c r="D5955">
        <f t="shared" si="92"/>
        <v>21</v>
      </c>
    </row>
    <row r="5956" spans="1:4" x14ac:dyDescent="0.25">
      <c r="A5956" s="20">
        <v>43803.916666652236</v>
      </c>
      <c r="B5956" s="22">
        <v>2.2176942825317383</v>
      </c>
      <c r="C5956" s="21">
        <v>291028.6217042249</v>
      </c>
      <c r="D5956">
        <f t="shared" si="92"/>
        <v>22</v>
      </c>
    </row>
    <row r="5957" spans="1:4" x14ac:dyDescent="0.25">
      <c r="A5957" s="20">
        <v>43803.9583333189</v>
      </c>
      <c r="B5957" s="22">
        <v>1.8926299810409546</v>
      </c>
      <c r="C5957" s="21">
        <v>248370.34532534107</v>
      </c>
      <c r="D5957">
        <f t="shared" si="92"/>
        <v>23</v>
      </c>
    </row>
    <row r="5958" spans="1:4" x14ac:dyDescent="0.25">
      <c r="A5958" s="20">
        <v>43803.999999985565</v>
      </c>
      <c r="B5958" s="22">
        <v>1.9322192668914795</v>
      </c>
      <c r="C5958" s="21">
        <v>253565.65803642388</v>
      </c>
      <c r="D5958">
        <f t="shared" si="92"/>
        <v>0</v>
      </c>
    </row>
    <row r="5959" spans="1:4" x14ac:dyDescent="0.25">
      <c r="A5959" s="20">
        <v>43804.041666652229</v>
      </c>
      <c r="B5959" s="22">
        <v>1.8073550462722778</v>
      </c>
      <c r="C5959" s="21">
        <v>237179.69252566216</v>
      </c>
      <c r="D5959">
        <f t="shared" ref="D5959:D6022" si="93">HOUR(A5959)</f>
        <v>1</v>
      </c>
    </row>
    <row r="5960" spans="1:4" x14ac:dyDescent="0.25">
      <c r="A5960" s="20">
        <v>43804.083333318893</v>
      </c>
      <c r="B5960" s="22">
        <v>1.92359459400177</v>
      </c>
      <c r="C5960" s="21">
        <v>252433.8398757726</v>
      </c>
      <c r="D5960">
        <f t="shared" si="93"/>
        <v>2</v>
      </c>
    </row>
    <row r="5961" spans="1:4" x14ac:dyDescent="0.25">
      <c r="A5961" s="20">
        <v>43804.124999985557</v>
      </c>
      <c r="B5961" s="22">
        <v>2.1179313659667969</v>
      </c>
      <c r="C5961" s="21">
        <v>277936.70712709788</v>
      </c>
      <c r="D5961">
        <f t="shared" si="93"/>
        <v>3</v>
      </c>
    </row>
    <row r="5962" spans="1:4" x14ac:dyDescent="0.25">
      <c r="A5962" s="20">
        <v>43804.166666652221</v>
      </c>
      <c r="B5962" s="22">
        <v>2.1809742450714111</v>
      </c>
      <c r="C5962" s="21">
        <v>286209.84123697015</v>
      </c>
      <c r="D5962">
        <f t="shared" si="93"/>
        <v>4</v>
      </c>
    </row>
    <row r="5963" spans="1:4" x14ac:dyDescent="0.25">
      <c r="A5963" s="20">
        <v>43804.208333318886</v>
      </c>
      <c r="B5963" s="22">
        <v>2.5760321617126465</v>
      </c>
      <c r="C5963" s="21">
        <v>338053.39870070992</v>
      </c>
      <c r="D5963">
        <f t="shared" si="93"/>
        <v>5</v>
      </c>
    </row>
    <row r="5964" spans="1:4" x14ac:dyDescent="0.25">
      <c r="A5964" s="20">
        <v>43804.24999998555</v>
      </c>
      <c r="B5964" s="22">
        <v>2.7081320285797119</v>
      </c>
      <c r="C5964" s="21">
        <v>355388.90002947947</v>
      </c>
      <c r="D5964">
        <f t="shared" si="93"/>
        <v>6</v>
      </c>
    </row>
    <row r="5965" spans="1:4" x14ac:dyDescent="0.25">
      <c r="A5965" s="20">
        <v>43804.291666652214</v>
      </c>
      <c r="B5965" s="22">
        <v>2.6244266033172607</v>
      </c>
      <c r="C5965" s="21">
        <v>344404.21438764845</v>
      </c>
      <c r="D5965">
        <f t="shared" si="93"/>
        <v>7</v>
      </c>
    </row>
    <row r="5966" spans="1:4" x14ac:dyDescent="0.25">
      <c r="A5966" s="20">
        <v>43804.333333318878</v>
      </c>
      <c r="B5966" s="22">
        <v>2.759141206741333</v>
      </c>
      <c r="C5966" s="21">
        <v>362082.84830340231</v>
      </c>
      <c r="D5966">
        <f t="shared" si="93"/>
        <v>8</v>
      </c>
    </row>
    <row r="5967" spans="1:4" x14ac:dyDescent="0.25">
      <c r="A5967" s="20">
        <v>43804.374999985543</v>
      </c>
      <c r="B5967" s="22">
        <v>2.6075770854949951</v>
      </c>
      <c r="C5967" s="21">
        <v>342193.04759751871</v>
      </c>
      <c r="D5967">
        <f t="shared" si="93"/>
        <v>9</v>
      </c>
    </row>
    <row r="5968" spans="1:4" x14ac:dyDescent="0.25">
      <c r="A5968" s="20">
        <v>43804.416666652207</v>
      </c>
      <c r="B5968" s="22">
        <v>1.8920681476593018</v>
      </c>
      <c r="C5968" s="21">
        <v>248296.61577840676</v>
      </c>
      <c r="D5968">
        <f t="shared" si="93"/>
        <v>10</v>
      </c>
    </row>
    <row r="5969" spans="1:4" x14ac:dyDescent="0.25">
      <c r="A5969" s="20">
        <v>43804.458333318871</v>
      </c>
      <c r="B5969" s="22">
        <v>1.6765456199645996</v>
      </c>
      <c r="C5969" s="21">
        <v>220013.5360612176</v>
      </c>
      <c r="D5969">
        <f t="shared" si="93"/>
        <v>11</v>
      </c>
    </row>
    <row r="5970" spans="1:4" x14ac:dyDescent="0.25">
      <c r="A5970" s="20">
        <v>43804.499999985535</v>
      </c>
      <c r="B5970" s="22">
        <v>1.3609638214111328</v>
      </c>
      <c r="C5970" s="21">
        <v>178599.65111260931</v>
      </c>
      <c r="D5970">
        <f t="shared" si="93"/>
        <v>12</v>
      </c>
    </row>
    <row r="5971" spans="1:4" x14ac:dyDescent="0.25">
      <c r="A5971" s="20">
        <v>43804.5416666522</v>
      </c>
      <c r="B5971" s="22">
        <v>1.2299628257751465</v>
      </c>
      <c r="C5971" s="21">
        <v>161408.3549532945</v>
      </c>
      <c r="D5971">
        <f t="shared" si="93"/>
        <v>13</v>
      </c>
    </row>
    <row r="5972" spans="1:4" x14ac:dyDescent="0.25">
      <c r="A5972" s="20">
        <v>43804.583333318864</v>
      </c>
      <c r="B5972" s="22">
        <v>1.2285343408584595</v>
      </c>
      <c r="C5972" s="21">
        <v>161220.89449055024</v>
      </c>
      <c r="D5972">
        <f t="shared" si="93"/>
        <v>14</v>
      </c>
    </row>
    <row r="5973" spans="1:4" x14ac:dyDescent="0.25">
      <c r="A5973" s="20">
        <v>43804.624999985528</v>
      </c>
      <c r="B5973" s="22">
        <v>1.2884455919265747</v>
      </c>
      <c r="C5973" s="21">
        <v>169083.06420450396</v>
      </c>
      <c r="D5973">
        <f t="shared" si="93"/>
        <v>15</v>
      </c>
    </row>
    <row r="5974" spans="1:4" x14ac:dyDescent="0.25">
      <c r="A5974" s="20">
        <v>43804.666666652192</v>
      </c>
      <c r="B5974" s="22">
        <v>1.5870168209075928</v>
      </c>
      <c r="C5974" s="21">
        <v>208264.64749816008</v>
      </c>
      <c r="D5974">
        <f t="shared" si="93"/>
        <v>16</v>
      </c>
    </row>
    <row r="5975" spans="1:4" x14ac:dyDescent="0.25">
      <c r="A5975" s="20">
        <v>43804.708333318857</v>
      </c>
      <c r="B5975" s="22">
        <v>1.8420753479003906</v>
      </c>
      <c r="C5975" s="21">
        <v>241736.04711771585</v>
      </c>
      <c r="D5975">
        <f t="shared" si="93"/>
        <v>17</v>
      </c>
    </row>
    <row r="5976" spans="1:4" x14ac:dyDescent="0.25">
      <c r="A5976" s="20">
        <v>43804.749999985521</v>
      </c>
      <c r="B5976" s="22">
        <v>2.2743256092071533</v>
      </c>
      <c r="C5976" s="21">
        <v>298460.3660512467</v>
      </c>
      <c r="D5976">
        <f t="shared" si="93"/>
        <v>18</v>
      </c>
    </row>
    <row r="5977" spans="1:4" x14ac:dyDescent="0.25">
      <c r="A5977" s="20">
        <v>43804.791666652185</v>
      </c>
      <c r="B5977" s="22">
        <v>2.303328275680542</v>
      </c>
      <c r="C5977" s="21">
        <v>302266.39383243473</v>
      </c>
      <c r="D5977">
        <f t="shared" si="93"/>
        <v>19</v>
      </c>
    </row>
    <row r="5978" spans="1:4" x14ac:dyDescent="0.25">
      <c r="A5978" s="20">
        <v>43804.833333318849</v>
      </c>
      <c r="B5978" s="22">
        <v>2.5133914947509766</v>
      </c>
      <c r="C5978" s="21">
        <v>329833.04699935799</v>
      </c>
      <c r="D5978">
        <f t="shared" si="93"/>
        <v>20</v>
      </c>
    </row>
    <row r="5979" spans="1:4" x14ac:dyDescent="0.25">
      <c r="A5979" s="20">
        <v>43804.874999985514</v>
      </c>
      <c r="B5979" s="22">
        <v>2.3732912540435791</v>
      </c>
      <c r="C5979" s="21">
        <v>311447.65444337548</v>
      </c>
      <c r="D5979">
        <f t="shared" si="93"/>
        <v>21</v>
      </c>
    </row>
    <row r="5980" spans="1:4" x14ac:dyDescent="0.25">
      <c r="A5980" s="20">
        <v>43804.916666652178</v>
      </c>
      <c r="B5980" s="22">
        <v>2.3731989860534668</v>
      </c>
      <c r="C5980" s="21">
        <v>311435.5460900279</v>
      </c>
      <c r="D5980">
        <f t="shared" si="93"/>
        <v>22</v>
      </c>
    </row>
    <row r="5981" spans="1:4" x14ac:dyDescent="0.25">
      <c r="A5981" s="20">
        <v>43804.958333318842</v>
      </c>
      <c r="B5981" s="22">
        <v>2.3696355819702148</v>
      </c>
      <c r="C5981" s="21">
        <v>310967.91960648028</v>
      </c>
      <c r="D5981">
        <f t="shared" si="93"/>
        <v>23</v>
      </c>
    </row>
    <row r="5982" spans="1:4" x14ac:dyDescent="0.25">
      <c r="A5982" s="20">
        <v>43804.999999985506</v>
      </c>
      <c r="B5982" s="22">
        <v>2.4420735836029053</v>
      </c>
      <c r="C5982" s="21">
        <v>320473.97819184285</v>
      </c>
      <c r="D5982">
        <f t="shared" si="93"/>
        <v>0</v>
      </c>
    </row>
    <row r="5983" spans="1:4" x14ac:dyDescent="0.25">
      <c r="A5983" s="20">
        <v>43805.041666652171</v>
      </c>
      <c r="B5983" s="22">
        <v>2.465998649597168</v>
      </c>
      <c r="C5983" s="21">
        <v>323613.6710860969</v>
      </c>
      <c r="D5983">
        <f t="shared" si="93"/>
        <v>1</v>
      </c>
    </row>
    <row r="5984" spans="1:4" x14ac:dyDescent="0.25">
      <c r="A5984" s="20">
        <v>43805.083333318835</v>
      </c>
      <c r="B5984" s="22">
        <v>2.4131898880004883</v>
      </c>
      <c r="C5984" s="21">
        <v>316683.56299029419</v>
      </c>
      <c r="D5984">
        <f t="shared" si="93"/>
        <v>2</v>
      </c>
    </row>
    <row r="5985" spans="1:4" x14ac:dyDescent="0.25">
      <c r="A5985" s="20">
        <v>43805.124999985499</v>
      </c>
      <c r="B5985" s="22">
        <v>2.4356367588043213</v>
      </c>
      <c r="C5985" s="21">
        <v>319629.271929109</v>
      </c>
      <c r="D5985">
        <f t="shared" si="93"/>
        <v>3</v>
      </c>
    </row>
    <row r="5986" spans="1:4" x14ac:dyDescent="0.25">
      <c r="A5986" s="20">
        <v>43805.166666652163</v>
      </c>
      <c r="B5986" s="22">
        <v>2.2761068344116211</v>
      </c>
      <c r="C5986" s="21">
        <v>298694.11671755096</v>
      </c>
      <c r="D5986">
        <f t="shared" si="93"/>
        <v>4</v>
      </c>
    </row>
    <row r="5987" spans="1:4" x14ac:dyDescent="0.25">
      <c r="A5987" s="20">
        <v>43805.208333318827</v>
      </c>
      <c r="B5987" s="22">
        <v>2.4984536170959473</v>
      </c>
      <c r="C5987" s="21">
        <v>327872.74526643992</v>
      </c>
      <c r="D5987">
        <f t="shared" si="93"/>
        <v>5</v>
      </c>
    </row>
    <row r="5988" spans="1:4" x14ac:dyDescent="0.25">
      <c r="A5988" s="20">
        <v>43805.249999985492</v>
      </c>
      <c r="B5988" s="22">
        <v>2.64980149269104</v>
      </c>
      <c r="C5988" s="21">
        <v>347734.16799690679</v>
      </c>
      <c r="D5988">
        <f t="shared" si="93"/>
        <v>6</v>
      </c>
    </row>
    <row r="5989" spans="1:4" x14ac:dyDescent="0.25">
      <c r="A5989" s="20">
        <v>43805.291666652156</v>
      </c>
      <c r="B5989" s="22">
        <v>2.4293131828308105</v>
      </c>
      <c r="C5989" s="21">
        <v>318799.42734038067</v>
      </c>
      <c r="D5989">
        <f t="shared" si="93"/>
        <v>7</v>
      </c>
    </row>
    <row r="5990" spans="1:4" x14ac:dyDescent="0.25">
      <c r="A5990" s="20">
        <v>43805.33333331882</v>
      </c>
      <c r="B5990" s="22">
        <v>2.3127436637878418</v>
      </c>
      <c r="C5990" s="21">
        <v>303501.9777653786</v>
      </c>
      <c r="D5990">
        <f t="shared" si="93"/>
        <v>8</v>
      </c>
    </row>
    <row r="5991" spans="1:4" x14ac:dyDescent="0.25">
      <c r="A5991" s="20">
        <v>43805.374999985484</v>
      </c>
      <c r="B5991" s="22">
        <v>2.1972391605377197</v>
      </c>
      <c r="C5991" s="21">
        <v>288344.2905014971</v>
      </c>
      <c r="D5991">
        <f t="shared" si="93"/>
        <v>9</v>
      </c>
    </row>
    <row r="5992" spans="1:4" x14ac:dyDescent="0.25">
      <c r="A5992" s="20">
        <v>43805.416666652149</v>
      </c>
      <c r="B5992" s="22">
        <v>2.0935909748077393</v>
      </c>
      <c r="C5992" s="21">
        <v>274742.51099891227</v>
      </c>
      <c r="D5992">
        <f t="shared" si="93"/>
        <v>10</v>
      </c>
    </row>
    <row r="5993" spans="1:4" x14ac:dyDescent="0.25">
      <c r="A5993" s="20">
        <v>43805.458333318813</v>
      </c>
      <c r="B5993" s="22">
        <v>1.9750480651855469</v>
      </c>
      <c r="C5993" s="21">
        <v>259186.09284339883</v>
      </c>
      <c r="D5993">
        <f t="shared" si="93"/>
        <v>11</v>
      </c>
    </row>
    <row r="5994" spans="1:4" x14ac:dyDescent="0.25">
      <c r="A5994" s="20">
        <v>43805.499999985477</v>
      </c>
      <c r="B5994" s="22">
        <v>2.0426876544952393</v>
      </c>
      <c r="C5994" s="21">
        <v>268062.4544792177</v>
      </c>
      <c r="D5994">
        <f t="shared" si="93"/>
        <v>12</v>
      </c>
    </row>
    <row r="5995" spans="1:4" x14ac:dyDescent="0.25">
      <c r="A5995" s="20">
        <v>43805.541666652141</v>
      </c>
      <c r="B5995" s="22">
        <v>1.9369274377822876</v>
      </c>
      <c r="C5995" s="21">
        <v>254183.51257836536</v>
      </c>
      <c r="D5995">
        <f t="shared" si="93"/>
        <v>13</v>
      </c>
    </row>
    <row r="5996" spans="1:4" x14ac:dyDescent="0.25">
      <c r="A5996" s="20">
        <v>43805.583333318806</v>
      </c>
      <c r="B5996" s="22">
        <v>1.6815083026885986</v>
      </c>
      <c r="C5996" s="21">
        <v>220664.79026000283</v>
      </c>
      <c r="D5996">
        <f t="shared" si="93"/>
        <v>14</v>
      </c>
    </row>
    <row r="5997" spans="1:4" x14ac:dyDescent="0.25">
      <c r="A5997" s="20">
        <v>43805.62499998547</v>
      </c>
      <c r="B5997" s="22">
        <v>1.8708587884902954</v>
      </c>
      <c r="C5997" s="21">
        <v>245513.3058268028</v>
      </c>
      <c r="D5997">
        <f t="shared" si="93"/>
        <v>15</v>
      </c>
    </row>
    <row r="5998" spans="1:4" x14ac:dyDescent="0.25">
      <c r="A5998" s="20">
        <v>43805.666666652134</v>
      </c>
      <c r="B5998" s="22">
        <v>1.8521157503128052</v>
      </c>
      <c r="C5998" s="21">
        <v>243053.65184730233</v>
      </c>
      <c r="D5998">
        <f t="shared" si="93"/>
        <v>16</v>
      </c>
    </row>
    <row r="5999" spans="1:4" x14ac:dyDescent="0.25">
      <c r="A5999" s="20">
        <v>43805.708333318798</v>
      </c>
      <c r="B5999" s="22">
        <v>1.8527359962463379</v>
      </c>
      <c r="C5999" s="21">
        <v>243135.04688924996</v>
      </c>
      <c r="D5999">
        <f t="shared" si="93"/>
        <v>17</v>
      </c>
    </row>
    <row r="6000" spans="1:4" x14ac:dyDescent="0.25">
      <c r="A6000" s="20">
        <v>43805.749999985463</v>
      </c>
      <c r="B6000" s="22">
        <v>1.9227144718170166</v>
      </c>
      <c r="C6000" s="21">
        <v>252318.34120294935</v>
      </c>
      <c r="D6000">
        <f t="shared" si="93"/>
        <v>18</v>
      </c>
    </row>
    <row r="6001" spans="1:4" x14ac:dyDescent="0.25">
      <c r="A6001" s="20">
        <v>43805.791666652127</v>
      </c>
      <c r="B6001" s="22">
        <v>1.8219683170318604</v>
      </c>
      <c r="C6001" s="21">
        <v>239097.3960077205</v>
      </c>
      <c r="D6001">
        <f t="shared" si="93"/>
        <v>19</v>
      </c>
    </row>
    <row r="6002" spans="1:4" x14ac:dyDescent="0.25">
      <c r="A6002" s="20">
        <v>43805.833333318791</v>
      </c>
      <c r="B6002" s="22">
        <v>1.8449989557266235</v>
      </c>
      <c r="C6002" s="21">
        <v>242119.71296506649</v>
      </c>
      <c r="D6002">
        <f t="shared" si="93"/>
        <v>20</v>
      </c>
    </row>
    <row r="6003" spans="1:4" x14ac:dyDescent="0.25">
      <c r="A6003" s="20">
        <v>43805.874999985455</v>
      </c>
      <c r="B6003" s="22">
        <v>1.7801833152770996</v>
      </c>
      <c r="C6003" s="21">
        <v>233613.93890347346</v>
      </c>
      <c r="D6003">
        <f t="shared" si="93"/>
        <v>21</v>
      </c>
    </row>
    <row r="6004" spans="1:4" x14ac:dyDescent="0.25">
      <c r="A6004" s="20">
        <v>43805.91666665212</v>
      </c>
      <c r="B6004" s="22">
        <v>1.9730263948440552</v>
      </c>
      <c r="C6004" s="21">
        <v>258920.7884966009</v>
      </c>
      <c r="D6004">
        <f t="shared" si="93"/>
        <v>22</v>
      </c>
    </row>
    <row r="6005" spans="1:4" x14ac:dyDescent="0.25">
      <c r="A6005" s="20">
        <v>43805.958333318784</v>
      </c>
      <c r="B6005" s="22">
        <v>1.7406222820281982</v>
      </c>
      <c r="C6005" s="21">
        <v>228422.33378895835</v>
      </c>
      <c r="D6005">
        <f t="shared" si="93"/>
        <v>23</v>
      </c>
    </row>
    <row r="6006" spans="1:4" x14ac:dyDescent="0.25">
      <c r="A6006" s="20">
        <v>43805.999999985448</v>
      </c>
      <c r="B6006" s="22">
        <v>1.6612687110900879</v>
      </c>
      <c r="C6006" s="21">
        <v>218008.74316948745</v>
      </c>
      <c r="D6006">
        <f t="shared" si="93"/>
        <v>0</v>
      </c>
    </row>
    <row r="6007" spans="1:4" x14ac:dyDescent="0.25">
      <c r="A6007" s="20">
        <v>43806.041666652112</v>
      </c>
      <c r="B6007" s="22">
        <v>1.6109241247177124</v>
      </c>
      <c r="C6007" s="21">
        <v>211402.00945617544</v>
      </c>
      <c r="D6007">
        <f t="shared" si="93"/>
        <v>1</v>
      </c>
    </row>
    <row r="6008" spans="1:4" x14ac:dyDescent="0.25">
      <c r="A6008" s="20">
        <v>43806.083333318777</v>
      </c>
      <c r="B6008" s="22">
        <v>1.5526746511459351</v>
      </c>
      <c r="C6008" s="21">
        <v>203757.91525341719</v>
      </c>
      <c r="D6008">
        <f t="shared" si="93"/>
        <v>2</v>
      </c>
    </row>
    <row r="6009" spans="1:4" x14ac:dyDescent="0.25">
      <c r="A6009" s="20">
        <v>43806.124999985441</v>
      </c>
      <c r="B6009" s="22">
        <v>1.6611087322235107</v>
      </c>
      <c r="C6009" s="21">
        <v>217987.74909947134</v>
      </c>
      <c r="D6009">
        <f t="shared" si="93"/>
        <v>3</v>
      </c>
    </row>
    <row r="6010" spans="1:4" x14ac:dyDescent="0.25">
      <c r="A6010" s="20">
        <v>43806.166666652105</v>
      </c>
      <c r="B6010" s="22">
        <v>1.6991130113601685</v>
      </c>
      <c r="C6010" s="21">
        <v>222975.06094994769</v>
      </c>
      <c r="D6010">
        <f t="shared" si="93"/>
        <v>4</v>
      </c>
    </row>
    <row r="6011" spans="1:4" x14ac:dyDescent="0.25">
      <c r="A6011" s="20">
        <v>43806.208333318769</v>
      </c>
      <c r="B6011" s="22">
        <v>1.850421667098999</v>
      </c>
      <c r="C6011" s="21">
        <v>242831.33684804849</v>
      </c>
      <c r="D6011">
        <f t="shared" si="93"/>
        <v>5</v>
      </c>
    </row>
    <row r="6012" spans="1:4" x14ac:dyDescent="0.25">
      <c r="A6012" s="20">
        <v>43806.249999985434</v>
      </c>
      <c r="B6012" s="22">
        <v>2.1324362754821777</v>
      </c>
      <c r="C6012" s="21">
        <v>279840.19033371314</v>
      </c>
      <c r="D6012">
        <f t="shared" si="93"/>
        <v>6</v>
      </c>
    </row>
    <row r="6013" spans="1:4" x14ac:dyDescent="0.25">
      <c r="A6013" s="20">
        <v>43806.291666652098</v>
      </c>
      <c r="B6013" s="22">
        <v>2.0232868194580078</v>
      </c>
      <c r="C6013" s="21">
        <v>265516.47763954673</v>
      </c>
      <c r="D6013">
        <f t="shared" si="93"/>
        <v>7</v>
      </c>
    </row>
    <row r="6014" spans="1:4" x14ac:dyDescent="0.25">
      <c r="A6014" s="20">
        <v>43806.333333318762</v>
      </c>
      <c r="B6014" s="22">
        <v>2.1832716464996338</v>
      </c>
      <c r="C6014" s="21">
        <v>286511.32984900445</v>
      </c>
      <c r="D6014">
        <f t="shared" si="93"/>
        <v>8</v>
      </c>
    </row>
    <row r="6015" spans="1:4" x14ac:dyDescent="0.25">
      <c r="A6015" s="20">
        <v>43806.374999985426</v>
      </c>
      <c r="B6015" s="22">
        <v>2.205054759979248</v>
      </c>
      <c r="C6015" s="21">
        <v>289369.93373428012</v>
      </c>
      <c r="D6015">
        <f t="shared" si="93"/>
        <v>9</v>
      </c>
    </row>
    <row r="6016" spans="1:4" x14ac:dyDescent="0.25">
      <c r="A6016" s="20">
        <v>43806.41666665209</v>
      </c>
      <c r="B6016" s="22">
        <v>2.2201149463653564</v>
      </c>
      <c r="C6016" s="21">
        <v>291346.28607512405</v>
      </c>
      <c r="D6016">
        <f t="shared" si="93"/>
        <v>10</v>
      </c>
    </row>
    <row r="6017" spans="1:4" x14ac:dyDescent="0.25">
      <c r="A6017" s="20">
        <v>43806.458333318755</v>
      </c>
      <c r="B6017" s="22">
        <v>1.8878597021102905</v>
      </c>
      <c r="C6017" s="21">
        <v>247744.3403284977</v>
      </c>
      <c r="D6017">
        <f t="shared" si="93"/>
        <v>11</v>
      </c>
    </row>
    <row r="6018" spans="1:4" x14ac:dyDescent="0.25">
      <c r="A6018" s="20">
        <v>43806.499999985419</v>
      </c>
      <c r="B6018" s="22">
        <v>1.7262911796569824</v>
      </c>
      <c r="C6018" s="21">
        <v>226541.65934097458</v>
      </c>
      <c r="D6018">
        <f t="shared" si="93"/>
        <v>12</v>
      </c>
    </row>
    <row r="6019" spans="1:4" x14ac:dyDescent="0.25">
      <c r="A6019" s="20">
        <v>43806.541666652083</v>
      </c>
      <c r="B6019" s="22">
        <v>1.640727162361145</v>
      </c>
      <c r="C6019" s="21">
        <v>215313.07016291338</v>
      </c>
      <c r="D6019">
        <f t="shared" si="93"/>
        <v>13</v>
      </c>
    </row>
    <row r="6020" spans="1:4" x14ac:dyDescent="0.25">
      <c r="A6020" s="20">
        <v>43806.583333318747</v>
      </c>
      <c r="B6020" s="22">
        <v>1.7533265352249146</v>
      </c>
      <c r="C6020" s="21">
        <v>230089.51637888723</v>
      </c>
      <c r="D6020">
        <f t="shared" si="93"/>
        <v>14</v>
      </c>
    </row>
    <row r="6021" spans="1:4" x14ac:dyDescent="0.25">
      <c r="A6021" s="20">
        <v>43806.624999985412</v>
      </c>
      <c r="B6021" s="22">
        <v>1.6646978855133057</v>
      </c>
      <c r="C6021" s="21">
        <v>218458.75465837182</v>
      </c>
      <c r="D6021">
        <f t="shared" si="93"/>
        <v>15</v>
      </c>
    </row>
    <row r="6022" spans="1:4" x14ac:dyDescent="0.25">
      <c r="A6022" s="20">
        <v>43806.666666652076</v>
      </c>
      <c r="B6022" s="22">
        <v>1.8957489728927612</v>
      </c>
      <c r="C6022" s="21">
        <v>248779.65147131792</v>
      </c>
      <c r="D6022">
        <f t="shared" si="93"/>
        <v>16</v>
      </c>
    </row>
    <row r="6023" spans="1:4" x14ac:dyDescent="0.25">
      <c r="A6023" s="20">
        <v>43806.70833331874</v>
      </c>
      <c r="B6023" s="22">
        <v>2.133608341217041</v>
      </c>
      <c r="C6023" s="21">
        <v>279994.0008377356</v>
      </c>
      <c r="D6023">
        <f t="shared" ref="D6023:D6086" si="94">HOUR(A6023)</f>
        <v>17</v>
      </c>
    </row>
    <row r="6024" spans="1:4" x14ac:dyDescent="0.25">
      <c r="A6024" s="20">
        <v>43806.749999985404</v>
      </c>
      <c r="B6024" s="22">
        <v>2.4555537700653076</v>
      </c>
      <c r="C6024" s="21">
        <v>322242.98671450996</v>
      </c>
      <c r="D6024">
        <f t="shared" si="94"/>
        <v>18</v>
      </c>
    </row>
    <row r="6025" spans="1:4" x14ac:dyDescent="0.25">
      <c r="A6025" s="20">
        <v>43806.791666652069</v>
      </c>
      <c r="B6025" s="22">
        <v>2.2998116016387939</v>
      </c>
      <c r="C6025" s="21">
        <v>301804.89974489773</v>
      </c>
      <c r="D6025">
        <f t="shared" si="94"/>
        <v>19</v>
      </c>
    </row>
    <row r="6026" spans="1:4" x14ac:dyDescent="0.25">
      <c r="A6026" s="20">
        <v>43806.833333318733</v>
      </c>
      <c r="B6026" s="22">
        <v>2.5328588485717773</v>
      </c>
      <c r="C6026" s="21">
        <v>332387.75311702373</v>
      </c>
      <c r="D6026">
        <f t="shared" si="94"/>
        <v>20</v>
      </c>
    </row>
    <row r="6027" spans="1:4" x14ac:dyDescent="0.25">
      <c r="A6027" s="20">
        <v>43806.874999985397</v>
      </c>
      <c r="B6027" s="22">
        <v>2.4479196071624756</v>
      </c>
      <c r="C6027" s="21">
        <v>321241.1534478704</v>
      </c>
      <c r="D6027">
        <f t="shared" si="94"/>
        <v>21</v>
      </c>
    </row>
    <row r="6028" spans="1:4" x14ac:dyDescent="0.25">
      <c r="A6028" s="20">
        <v>43806.916666652061</v>
      </c>
      <c r="B6028" s="22">
        <v>2.5789802074432373</v>
      </c>
      <c r="C6028" s="21">
        <v>338440.27154087223</v>
      </c>
      <c r="D6028">
        <f t="shared" si="94"/>
        <v>22</v>
      </c>
    </row>
    <row r="6029" spans="1:4" x14ac:dyDescent="0.25">
      <c r="A6029" s="20">
        <v>43806.958333318726</v>
      </c>
      <c r="B6029" s="22">
        <v>2.2723398208618164</v>
      </c>
      <c r="C6029" s="21">
        <v>298199.77050852834</v>
      </c>
      <c r="D6029">
        <f t="shared" si="94"/>
        <v>23</v>
      </c>
    </row>
    <row r="6030" spans="1:4" x14ac:dyDescent="0.25">
      <c r="A6030" s="20">
        <v>43806.99999998539</v>
      </c>
      <c r="B6030" s="22">
        <v>2.3676207065582275</v>
      </c>
      <c r="C6030" s="21">
        <v>310703.50696012261</v>
      </c>
      <c r="D6030">
        <f t="shared" si="94"/>
        <v>0</v>
      </c>
    </row>
    <row r="6031" spans="1:4" x14ac:dyDescent="0.25">
      <c r="A6031" s="20">
        <v>43807.041666652054</v>
      </c>
      <c r="B6031" s="22">
        <v>2.4680006504058838</v>
      </c>
      <c r="C6031" s="21">
        <v>323876.39419477817</v>
      </c>
      <c r="D6031">
        <f t="shared" si="94"/>
        <v>1</v>
      </c>
    </row>
    <row r="6032" spans="1:4" x14ac:dyDescent="0.25">
      <c r="A6032" s="20">
        <v>43807.083333318718</v>
      </c>
      <c r="B6032" s="22">
        <v>2.4087190628051758</v>
      </c>
      <c r="C6032" s="21">
        <v>316096.85538829461</v>
      </c>
      <c r="D6032">
        <f t="shared" si="94"/>
        <v>2</v>
      </c>
    </row>
    <row r="6033" spans="1:4" x14ac:dyDescent="0.25">
      <c r="A6033" s="20">
        <v>43807.124999985383</v>
      </c>
      <c r="B6033" s="22">
        <v>2.4206318855285645</v>
      </c>
      <c r="C6033" s="21">
        <v>317660.17834272666</v>
      </c>
      <c r="D6033">
        <f t="shared" si="94"/>
        <v>3</v>
      </c>
    </row>
    <row r="6034" spans="1:4" x14ac:dyDescent="0.25">
      <c r="A6034" s="20">
        <v>43807.166666652047</v>
      </c>
      <c r="B6034" s="22">
        <v>2.5876257419586182</v>
      </c>
      <c r="C6034" s="21">
        <v>339574.82737831399</v>
      </c>
      <c r="D6034">
        <f t="shared" si="94"/>
        <v>4</v>
      </c>
    </row>
    <row r="6035" spans="1:4" x14ac:dyDescent="0.25">
      <c r="A6035" s="20">
        <v>43807.208333318711</v>
      </c>
      <c r="B6035" s="22">
        <v>2.6492276191711426</v>
      </c>
      <c r="C6035" s="21">
        <v>347658.85841936775</v>
      </c>
      <c r="D6035">
        <f t="shared" si="94"/>
        <v>5</v>
      </c>
    </row>
    <row r="6036" spans="1:4" x14ac:dyDescent="0.25">
      <c r="A6036" s="20">
        <v>43807.249999985375</v>
      </c>
      <c r="B6036" s="22">
        <v>2.5382101535797119</v>
      </c>
      <c r="C6036" s="21">
        <v>333090.00632344862</v>
      </c>
      <c r="D6036">
        <f t="shared" si="94"/>
        <v>6</v>
      </c>
    </row>
    <row r="6037" spans="1:4" x14ac:dyDescent="0.25">
      <c r="A6037" s="20">
        <v>43807.29166665204</v>
      </c>
      <c r="B6037" s="22">
        <v>2.7105634212493896</v>
      </c>
      <c r="C6037" s="21">
        <v>355707.97234844236</v>
      </c>
      <c r="D6037">
        <f t="shared" si="94"/>
        <v>7</v>
      </c>
    </row>
    <row r="6038" spans="1:4" x14ac:dyDescent="0.25">
      <c r="A6038" s="20">
        <v>43807.333333318704</v>
      </c>
      <c r="B6038" s="22">
        <v>2.744586706161499</v>
      </c>
      <c r="C6038" s="21">
        <v>360172.85724795941</v>
      </c>
      <c r="D6038">
        <f t="shared" si="94"/>
        <v>8</v>
      </c>
    </row>
    <row r="6039" spans="1:4" x14ac:dyDescent="0.25">
      <c r="A6039" s="20">
        <v>43807.374999985368</v>
      </c>
      <c r="B6039" s="22">
        <v>2.5684518814086914</v>
      </c>
      <c r="C6039" s="21">
        <v>337058.63646212337</v>
      </c>
      <c r="D6039">
        <f t="shared" si="94"/>
        <v>9</v>
      </c>
    </row>
    <row r="6040" spans="1:4" x14ac:dyDescent="0.25">
      <c r="A6040" s="20">
        <v>43807.416666652032</v>
      </c>
      <c r="B6040" s="22">
        <v>2.2070369720458984</v>
      </c>
      <c r="C6040" s="21">
        <v>289630.05996097729</v>
      </c>
      <c r="D6040">
        <f t="shared" si="94"/>
        <v>10</v>
      </c>
    </row>
    <row r="6041" spans="1:4" x14ac:dyDescent="0.25">
      <c r="A6041" s="20">
        <v>43807.458333318697</v>
      </c>
      <c r="B6041" s="22">
        <v>1.8612991571426392</v>
      </c>
      <c r="C6041" s="21">
        <v>244258.79281433619</v>
      </c>
      <c r="D6041">
        <f t="shared" si="94"/>
        <v>11</v>
      </c>
    </row>
    <row r="6042" spans="1:4" x14ac:dyDescent="0.25">
      <c r="A6042" s="20">
        <v>43807.499999985361</v>
      </c>
      <c r="B6042" s="22">
        <v>1.7233920097351074</v>
      </c>
      <c r="C6042" s="21">
        <v>226161.20048643561</v>
      </c>
      <c r="D6042">
        <f t="shared" si="94"/>
        <v>12</v>
      </c>
    </row>
    <row r="6043" spans="1:4" x14ac:dyDescent="0.25">
      <c r="A6043" s="20">
        <v>43807.541666652025</v>
      </c>
      <c r="B6043" s="22">
        <v>1.6159963607788086</v>
      </c>
      <c r="C6043" s="21">
        <v>212067.6403690775</v>
      </c>
      <c r="D6043">
        <f t="shared" si="94"/>
        <v>13</v>
      </c>
    </row>
    <row r="6044" spans="1:4" x14ac:dyDescent="0.25">
      <c r="A6044" s="20">
        <v>43807.583333318689</v>
      </c>
      <c r="B6044" s="22">
        <v>1.5477678775787354</v>
      </c>
      <c r="C6044" s="21">
        <v>203113.99802843039</v>
      </c>
      <c r="D6044">
        <f t="shared" si="94"/>
        <v>14</v>
      </c>
    </row>
    <row r="6045" spans="1:4" x14ac:dyDescent="0.25">
      <c r="A6045" s="20">
        <v>43807.624999985353</v>
      </c>
      <c r="B6045" s="22">
        <v>1.6699074506759644</v>
      </c>
      <c r="C6045" s="21">
        <v>219142.40730648889</v>
      </c>
      <c r="D6045">
        <f t="shared" si="94"/>
        <v>15</v>
      </c>
    </row>
    <row r="6046" spans="1:4" x14ac:dyDescent="0.25">
      <c r="A6046" s="20">
        <v>43807.666666652018</v>
      </c>
      <c r="B6046" s="22">
        <v>1.73368239402771</v>
      </c>
      <c r="C6046" s="21">
        <v>227511.61040590567</v>
      </c>
      <c r="D6046">
        <f t="shared" si="94"/>
        <v>16</v>
      </c>
    </row>
    <row r="6047" spans="1:4" x14ac:dyDescent="0.25">
      <c r="A6047" s="20">
        <v>43807.708333318682</v>
      </c>
      <c r="B6047" s="22">
        <v>1.8749198913574219</v>
      </c>
      <c r="C6047" s="21">
        <v>246046.24545663747</v>
      </c>
      <c r="D6047">
        <f t="shared" si="94"/>
        <v>17</v>
      </c>
    </row>
    <row r="6048" spans="1:4" x14ac:dyDescent="0.25">
      <c r="A6048" s="20">
        <v>43807.749999985346</v>
      </c>
      <c r="B6048" s="22">
        <v>1.8924431800842285</v>
      </c>
      <c r="C6048" s="21">
        <v>248345.83138516577</v>
      </c>
      <c r="D6048">
        <f t="shared" si="94"/>
        <v>18</v>
      </c>
    </row>
    <row r="6049" spans="1:4" x14ac:dyDescent="0.25">
      <c r="A6049" s="20">
        <v>43807.79166665201</v>
      </c>
      <c r="B6049" s="22">
        <v>1.8706188201904297</v>
      </c>
      <c r="C6049" s="21">
        <v>245481.8147217787</v>
      </c>
      <c r="D6049">
        <f t="shared" si="94"/>
        <v>19</v>
      </c>
    </row>
    <row r="6050" spans="1:4" x14ac:dyDescent="0.25">
      <c r="A6050" s="20">
        <v>43807.833333318675</v>
      </c>
      <c r="B6050" s="22">
        <v>1.881443977355957</v>
      </c>
      <c r="C6050" s="21">
        <v>246902.40303028913</v>
      </c>
      <c r="D6050">
        <f t="shared" si="94"/>
        <v>20</v>
      </c>
    </row>
    <row r="6051" spans="1:4" x14ac:dyDescent="0.25">
      <c r="A6051" s="20">
        <v>43807.874999985339</v>
      </c>
      <c r="B6051" s="22">
        <v>1.7560964822769165</v>
      </c>
      <c r="C6051" s="21">
        <v>230453.01728119268</v>
      </c>
      <c r="D6051">
        <f t="shared" si="94"/>
        <v>21</v>
      </c>
    </row>
    <row r="6052" spans="1:4" x14ac:dyDescent="0.25">
      <c r="A6052" s="20">
        <v>43807.916666652003</v>
      </c>
      <c r="B6052" s="22">
        <v>1.582747220993042</v>
      </c>
      <c r="C6052" s="21">
        <v>207704.34674428805</v>
      </c>
      <c r="D6052">
        <f t="shared" si="94"/>
        <v>22</v>
      </c>
    </row>
    <row r="6053" spans="1:4" x14ac:dyDescent="0.25">
      <c r="A6053" s="20">
        <v>43807.958333318667</v>
      </c>
      <c r="B6053" s="22">
        <v>1.4326407909393311</v>
      </c>
      <c r="C6053" s="21">
        <v>188005.83924865539</v>
      </c>
      <c r="D6053">
        <f t="shared" si="94"/>
        <v>23</v>
      </c>
    </row>
    <row r="6054" spans="1:4" x14ac:dyDescent="0.25">
      <c r="A6054" s="20">
        <v>43807.999999985332</v>
      </c>
      <c r="B6054" s="22">
        <v>1.2723085880279541</v>
      </c>
      <c r="C6054" s="21">
        <v>166965.40080966943</v>
      </c>
      <c r="D6054">
        <f t="shared" si="94"/>
        <v>0</v>
      </c>
    </row>
    <row r="6055" spans="1:4" x14ac:dyDescent="0.25">
      <c r="A6055" s="20">
        <v>43808.041666651996</v>
      </c>
      <c r="B6055" s="22">
        <v>1.2988162040710449</v>
      </c>
      <c r="C6055" s="21">
        <v>170444.00244671683</v>
      </c>
      <c r="D6055">
        <f t="shared" si="94"/>
        <v>1</v>
      </c>
    </row>
    <row r="6056" spans="1:4" x14ac:dyDescent="0.25">
      <c r="A6056" s="20">
        <v>43808.08333331866</v>
      </c>
      <c r="B6056" s="22">
        <v>1.1844007968902588</v>
      </c>
      <c r="C6056" s="21">
        <v>155429.2375551654</v>
      </c>
      <c r="D6056">
        <f t="shared" si="94"/>
        <v>2</v>
      </c>
    </row>
    <row r="6057" spans="1:4" x14ac:dyDescent="0.25">
      <c r="A6057" s="20">
        <v>43808.124999985324</v>
      </c>
      <c r="B6057" s="22">
        <v>1.2324109077453613</v>
      </c>
      <c r="C6057" s="21">
        <v>161729.61741368973</v>
      </c>
      <c r="D6057">
        <f t="shared" si="94"/>
        <v>3</v>
      </c>
    </row>
    <row r="6058" spans="1:4" x14ac:dyDescent="0.25">
      <c r="A6058" s="20">
        <v>43808.166666651989</v>
      </c>
      <c r="B6058" s="22">
        <v>1.2926374673843384</v>
      </c>
      <c r="C6058" s="21">
        <v>169633.16515684803</v>
      </c>
      <c r="D6058">
        <f t="shared" si="94"/>
        <v>4</v>
      </c>
    </row>
    <row r="6059" spans="1:4" x14ac:dyDescent="0.25">
      <c r="A6059" s="20">
        <v>43808.208333318653</v>
      </c>
      <c r="B6059" s="22">
        <v>1.3598084449768066</v>
      </c>
      <c r="C6059" s="21">
        <v>178448.03075001918</v>
      </c>
      <c r="D6059">
        <f t="shared" si="94"/>
        <v>5</v>
      </c>
    </row>
    <row r="6060" spans="1:4" x14ac:dyDescent="0.25">
      <c r="A6060" s="20">
        <v>43808.249999985317</v>
      </c>
      <c r="B6060" s="22">
        <v>1.8242194652557373</v>
      </c>
      <c r="C6060" s="21">
        <v>239392.81479921367</v>
      </c>
      <c r="D6060">
        <f t="shared" si="94"/>
        <v>6</v>
      </c>
    </row>
    <row r="6061" spans="1:4" x14ac:dyDescent="0.25">
      <c r="A6061" s="20">
        <v>43808.291666651981</v>
      </c>
      <c r="B6061" s="22">
        <v>1.5348832607269287</v>
      </c>
      <c r="C6061" s="21">
        <v>201423.14626716441</v>
      </c>
      <c r="D6061">
        <f t="shared" si="94"/>
        <v>7</v>
      </c>
    </row>
    <row r="6062" spans="1:4" x14ac:dyDescent="0.25">
      <c r="A6062" s="20">
        <v>43808.333333318646</v>
      </c>
      <c r="B6062" s="22">
        <v>1.4164165258407593</v>
      </c>
      <c r="C6062" s="21">
        <v>185876.72454290302</v>
      </c>
      <c r="D6062">
        <f t="shared" si="94"/>
        <v>8</v>
      </c>
    </row>
    <row r="6063" spans="1:4" x14ac:dyDescent="0.25">
      <c r="A6063" s="20">
        <v>43808.37499998531</v>
      </c>
      <c r="B6063" s="22">
        <v>1.493238091468811</v>
      </c>
      <c r="C6063" s="21">
        <v>195958.03941934727</v>
      </c>
      <c r="D6063">
        <f t="shared" si="94"/>
        <v>9</v>
      </c>
    </row>
    <row r="6064" spans="1:4" x14ac:dyDescent="0.25">
      <c r="A6064" s="20">
        <v>43808.416666651974</v>
      </c>
      <c r="B6064" s="22">
        <v>1.4635549783706665</v>
      </c>
      <c r="C6064" s="21">
        <v>192062.7164431877</v>
      </c>
      <c r="D6064">
        <f t="shared" si="94"/>
        <v>10</v>
      </c>
    </row>
    <row r="6065" spans="1:4" x14ac:dyDescent="0.25">
      <c r="A6065" s="20">
        <v>43808.458333318638</v>
      </c>
      <c r="B6065" s="22">
        <v>1.3751246929168701</v>
      </c>
      <c r="C6065" s="21">
        <v>180457.9861179828</v>
      </c>
      <c r="D6065">
        <f t="shared" si="94"/>
        <v>11</v>
      </c>
    </row>
    <row r="6066" spans="1:4" x14ac:dyDescent="0.25">
      <c r="A6066" s="20">
        <v>43808.499999985303</v>
      </c>
      <c r="B6066" s="22">
        <v>1.4934893846511841</v>
      </c>
      <c r="C6066" s="21">
        <v>195991.01669177192</v>
      </c>
      <c r="D6066">
        <f t="shared" si="94"/>
        <v>12</v>
      </c>
    </row>
    <row r="6067" spans="1:4" x14ac:dyDescent="0.25">
      <c r="A6067" s="20">
        <v>43808.541666651967</v>
      </c>
      <c r="B6067" s="22">
        <v>1.3675700426101685</v>
      </c>
      <c r="C6067" s="21">
        <v>179466.58731088173</v>
      </c>
      <c r="D6067">
        <f t="shared" si="94"/>
        <v>13</v>
      </c>
    </row>
    <row r="6068" spans="1:4" x14ac:dyDescent="0.25">
      <c r="A6068" s="20">
        <v>43808.583333318631</v>
      </c>
      <c r="B6068" s="22">
        <v>1.3670240640640259</v>
      </c>
      <c r="C6068" s="21">
        <v>179394.93839830821</v>
      </c>
      <c r="D6068">
        <f t="shared" si="94"/>
        <v>14</v>
      </c>
    </row>
    <row r="6069" spans="1:4" x14ac:dyDescent="0.25">
      <c r="A6069" s="20">
        <v>43808.624999985295</v>
      </c>
      <c r="B6069" s="22">
        <v>1.4622360467910767</v>
      </c>
      <c r="C6069" s="21">
        <v>191889.63269456022</v>
      </c>
      <c r="D6069">
        <f t="shared" si="94"/>
        <v>15</v>
      </c>
    </row>
    <row r="6070" spans="1:4" x14ac:dyDescent="0.25">
      <c r="A6070" s="20">
        <v>43808.66666665196</v>
      </c>
      <c r="B6070" s="22">
        <v>1.3847658634185791</v>
      </c>
      <c r="C6070" s="21">
        <v>181723.19953573332</v>
      </c>
      <c r="D6070">
        <f t="shared" si="94"/>
        <v>16</v>
      </c>
    </row>
    <row r="6071" spans="1:4" x14ac:dyDescent="0.25">
      <c r="A6071" s="20">
        <v>43808.708333318624</v>
      </c>
      <c r="B6071" s="22">
        <v>1.7141034603118896</v>
      </c>
      <c r="C6071" s="21">
        <v>224942.2616283778</v>
      </c>
      <c r="D6071">
        <f t="shared" si="94"/>
        <v>17</v>
      </c>
    </row>
    <row r="6072" spans="1:4" x14ac:dyDescent="0.25">
      <c r="A6072" s="20">
        <v>43808.749999985288</v>
      </c>
      <c r="B6072" s="22">
        <v>1.7623934745788574</v>
      </c>
      <c r="C6072" s="21">
        <v>231279.37328749656</v>
      </c>
      <c r="D6072">
        <f t="shared" si="94"/>
        <v>18</v>
      </c>
    </row>
    <row r="6073" spans="1:4" x14ac:dyDescent="0.25">
      <c r="A6073" s="20">
        <v>43808.791666651952</v>
      </c>
      <c r="B6073" s="22">
        <v>1.6123040914535522</v>
      </c>
      <c r="C6073" s="21">
        <v>211583.10286489842</v>
      </c>
      <c r="D6073">
        <f t="shared" si="94"/>
        <v>19</v>
      </c>
    </row>
    <row r="6074" spans="1:4" x14ac:dyDescent="0.25">
      <c r="A6074" s="20">
        <v>43808.833333318616</v>
      </c>
      <c r="B6074" s="22">
        <v>1.5853115320205688</v>
      </c>
      <c r="C6074" s="21">
        <v>208040.86197537303</v>
      </c>
      <c r="D6074">
        <f t="shared" si="94"/>
        <v>20</v>
      </c>
    </row>
    <row r="6075" spans="1:4" x14ac:dyDescent="0.25">
      <c r="A6075" s="20">
        <v>43808.874999985281</v>
      </c>
      <c r="B6075" s="22">
        <v>1.4387482404708862</v>
      </c>
      <c r="C6075" s="21">
        <v>188807.32150583444</v>
      </c>
      <c r="D6075">
        <f t="shared" si="94"/>
        <v>21</v>
      </c>
    </row>
    <row r="6076" spans="1:4" x14ac:dyDescent="0.25">
      <c r="A6076" s="20">
        <v>43808.916666651945</v>
      </c>
      <c r="B6076" s="22">
        <v>1.1741437911987305</v>
      </c>
      <c r="C6076" s="21">
        <v>154083.20791856007</v>
      </c>
      <c r="D6076">
        <f t="shared" si="94"/>
        <v>22</v>
      </c>
    </row>
    <row r="6077" spans="1:4" x14ac:dyDescent="0.25">
      <c r="A6077" s="20">
        <v>43808.958333318609</v>
      </c>
      <c r="B6077" s="22">
        <v>1.0519094467163086</v>
      </c>
      <c r="C6077" s="21">
        <v>138042.36176593916</v>
      </c>
      <c r="D6077">
        <f t="shared" si="94"/>
        <v>23</v>
      </c>
    </row>
    <row r="6078" spans="1:4" x14ac:dyDescent="0.25">
      <c r="A6078" s="20">
        <v>43808.999999985273</v>
      </c>
      <c r="B6078" s="22">
        <v>0.82852143049240112</v>
      </c>
      <c r="C6078" s="21">
        <v>108727.09185747088</v>
      </c>
      <c r="D6078">
        <f t="shared" si="94"/>
        <v>0</v>
      </c>
    </row>
    <row r="6079" spans="1:4" x14ac:dyDescent="0.25">
      <c r="A6079" s="20">
        <v>43809.041666651938</v>
      </c>
      <c r="B6079" s="22">
        <v>0.96268826723098755</v>
      </c>
      <c r="C6079" s="21">
        <v>126333.84220264059</v>
      </c>
      <c r="D6079">
        <f t="shared" si="94"/>
        <v>1</v>
      </c>
    </row>
    <row r="6080" spans="1:4" x14ac:dyDescent="0.25">
      <c r="A6080" s="20">
        <v>43809.083333318602</v>
      </c>
      <c r="B6080" s="22">
        <v>0.8067585825920105</v>
      </c>
      <c r="C6080" s="21">
        <v>105871.14742964882</v>
      </c>
      <c r="D6080">
        <f t="shared" si="94"/>
        <v>2</v>
      </c>
    </row>
    <row r="6081" spans="1:4" x14ac:dyDescent="0.25">
      <c r="A6081" s="20">
        <v>43809.124999985266</v>
      </c>
      <c r="B6081" s="22">
        <v>0.79366427659988403</v>
      </c>
      <c r="C6081" s="21">
        <v>104152.77810567172</v>
      </c>
      <c r="D6081">
        <f t="shared" si="94"/>
        <v>3</v>
      </c>
    </row>
    <row r="6082" spans="1:4" x14ac:dyDescent="0.25">
      <c r="A6082" s="20">
        <v>43809.16666665193</v>
      </c>
      <c r="B6082" s="22">
        <v>1.0081777572631836</v>
      </c>
      <c r="C6082" s="21">
        <v>132303.44030747254</v>
      </c>
      <c r="D6082">
        <f t="shared" si="94"/>
        <v>4</v>
      </c>
    </row>
    <row r="6083" spans="1:4" x14ac:dyDescent="0.25">
      <c r="A6083" s="20">
        <v>43809.208333318595</v>
      </c>
      <c r="B6083" s="22">
        <v>1.1900643110275269</v>
      </c>
      <c r="C6083" s="21">
        <v>156172.46205024319</v>
      </c>
      <c r="D6083">
        <f t="shared" si="94"/>
        <v>5</v>
      </c>
    </row>
    <row r="6084" spans="1:4" x14ac:dyDescent="0.25">
      <c r="A6084" s="20">
        <v>43809.249999985259</v>
      </c>
      <c r="B6084" s="22">
        <v>1.3629602193832397</v>
      </c>
      <c r="C6084" s="21">
        <v>178861.63895952393</v>
      </c>
      <c r="D6084">
        <f t="shared" si="94"/>
        <v>6</v>
      </c>
    </row>
    <row r="6085" spans="1:4" x14ac:dyDescent="0.25">
      <c r="A6085" s="20">
        <v>43809.291666651923</v>
      </c>
      <c r="B6085" s="22">
        <v>1.1014671325683594</v>
      </c>
      <c r="C6085" s="21">
        <v>144545.83031071452</v>
      </c>
      <c r="D6085">
        <f t="shared" si="94"/>
        <v>7</v>
      </c>
    </row>
    <row r="6086" spans="1:4" x14ac:dyDescent="0.25">
      <c r="A6086" s="20">
        <v>43809.333333318587</v>
      </c>
      <c r="B6086" s="22">
        <v>1.493376612663269</v>
      </c>
      <c r="C6086" s="21">
        <v>195976.21759323598</v>
      </c>
      <c r="D6086">
        <f t="shared" si="94"/>
        <v>8</v>
      </c>
    </row>
    <row r="6087" spans="1:4" x14ac:dyDescent="0.25">
      <c r="A6087" s="20">
        <v>43809.374999985252</v>
      </c>
      <c r="B6087" s="22">
        <v>1.5715786218643188</v>
      </c>
      <c r="C6087" s="21">
        <v>206238.68845387275</v>
      </c>
      <c r="D6087">
        <f t="shared" ref="D6087:D6150" si="95">HOUR(A6087)</f>
        <v>9</v>
      </c>
    </row>
    <row r="6088" spans="1:4" x14ac:dyDescent="0.25">
      <c r="A6088" s="20">
        <v>43809.416666651916</v>
      </c>
      <c r="B6088" s="22">
        <v>1.6631036996841431</v>
      </c>
      <c r="C6088" s="21">
        <v>218249.54921997749</v>
      </c>
      <c r="D6088">
        <f t="shared" si="95"/>
        <v>10</v>
      </c>
    </row>
    <row r="6089" spans="1:4" x14ac:dyDescent="0.25">
      <c r="A6089" s="20">
        <v>43809.45833331858</v>
      </c>
      <c r="B6089" s="22">
        <v>1.5488930940628052</v>
      </c>
      <c r="C6089" s="21">
        <v>203261.66049257485</v>
      </c>
      <c r="D6089">
        <f t="shared" si="95"/>
        <v>11</v>
      </c>
    </row>
    <row r="6090" spans="1:4" x14ac:dyDescent="0.25">
      <c r="A6090" s="20">
        <v>43809.499999985244</v>
      </c>
      <c r="B6090" s="22">
        <v>1.7407855987548828</v>
      </c>
      <c r="C6090" s="21">
        <v>228443.7658872609</v>
      </c>
      <c r="D6090">
        <f t="shared" si="95"/>
        <v>12</v>
      </c>
    </row>
    <row r="6091" spans="1:4" x14ac:dyDescent="0.25">
      <c r="A6091" s="20">
        <v>43809.541666651909</v>
      </c>
      <c r="B6091" s="22">
        <v>1.8200757503509521</v>
      </c>
      <c r="C6091" s="21">
        <v>238849.03396928872</v>
      </c>
      <c r="D6091">
        <f t="shared" si="95"/>
        <v>13</v>
      </c>
    </row>
    <row r="6092" spans="1:4" x14ac:dyDescent="0.25">
      <c r="A6092" s="20">
        <v>43809.583333318573</v>
      </c>
      <c r="B6092" s="22">
        <v>1.9140170812606812</v>
      </c>
      <c r="C6092" s="21">
        <v>251176.98028319984</v>
      </c>
      <c r="D6092">
        <f t="shared" si="95"/>
        <v>14</v>
      </c>
    </row>
    <row r="6093" spans="1:4" x14ac:dyDescent="0.25">
      <c r="A6093" s="20">
        <v>43809.624999985237</v>
      </c>
      <c r="B6093" s="22">
        <v>2.1932873725891113</v>
      </c>
      <c r="C6093" s="21">
        <v>287825.69629804452</v>
      </c>
      <c r="D6093">
        <f t="shared" si="95"/>
        <v>15</v>
      </c>
    </row>
    <row r="6094" spans="1:4" x14ac:dyDescent="0.25">
      <c r="A6094" s="20">
        <v>43809.666666651901</v>
      </c>
      <c r="B6094" s="22">
        <v>2.4737741947174072</v>
      </c>
      <c r="C6094" s="21">
        <v>324634.05797944224</v>
      </c>
      <c r="D6094">
        <f t="shared" si="95"/>
        <v>16</v>
      </c>
    </row>
    <row r="6095" spans="1:4" x14ac:dyDescent="0.25">
      <c r="A6095" s="20">
        <v>43809.708333318566</v>
      </c>
      <c r="B6095" s="22">
        <v>2.4880731105804443</v>
      </c>
      <c r="C6095" s="21">
        <v>326510.50858323497</v>
      </c>
      <c r="D6095">
        <f t="shared" si="95"/>
        <v>17</v>
      </c>
    </row>
    <row r="6096" spans="1:4" x14ac:dyDescent="0.25">
      <c r="A6096" s="20">
        <v>43809.74999998523</v>
      </c>
      <c r="B6096" s="22">
        <v>2.5751404762268066</v>
      </c>
      <c r="C6096" s="21">
        <v>337936.38257275138</v>
      </c>
      <c r="D6096">
        <f t="shared" si="95"/>
        <v>18</v>
      </c>
    </row>
    <row r="6097" spans="1:4" x14ac:dyDescent="0.25">
      <c r="A6097" s="20">
        <v>43809.791666651894</v>
      </c>
      <c r="B6097" s="22">
        <v>2.6446528434753418</v>
      </c>
      <c r="C6097" s="21">
        <v>347058.50936501788</v>
      </c>
      <c r="D6097">
        <f t="shared" si="95"/>
        <v>19</v>
      </c>
    </row>
    <row r="6098" spans="1:4" x14ac:dyDescent="0.25">
      <c r="A6098" s="20">
        <v>43809.833333318558</v>
      </c>
      <c r="B6098" s="22">
        <v>2.8554892539978027</v>
      </c>
      <c r="C6098" s="21">
        <v>374726.62865572987</v>
      </c>
      <c r="D6098">
        <f t="shared" si="95"/>
        <v>20</v>
      </c>
    </row>
    <row r="6099" spans="1:4" x14ac:dyDescent="0.25">
      <c r="A6099" s="20">
        <v>43809.874999985223</v>
      </c>
      <c r="B6099" s="22">
        <v>2.553114652633667</v>
      </c>
      <c r="C6099" s="21">
        <v>335045.92777350196</v>
      </c>
      <c r="D6099">
        <f t="shared" si="95"/>
        <v>21</v>
      </c>
    </row>
    <row r="6100" spans="1:4" x14ac:dyDescent="0.25">
      <c r="A6100" s="20">
        <v>43809.916666651887</v>
      </c>
      <c r="B6100" s="22">
        <v>2.5276017189025879</v>
      </c>
      <c r="C6100" s="21">
        <v>331697.85856582434</v>
      </c>
      <c r="D6100">
        <f t="shared" si="95"/>
        <v>22</v>
      </c>
    </row>
    <row r="6101" spans="1:4" x14ac:dyDescent="0.25">
      <c r="A6101" s="20">
        <v>43809.958333318551</v>
      </c>
      <c r="B6101" s="22">
        <v>2.3291440010070801</v>
      </c>
      <c r="C6101" s="21">
        <v>305654.19846324262</v>
      </c>
      <c r="D6101">
        <f t="shared" si="95"/>
        <v>23</v>
      </c>
    </row>
    <row r="6102" spans="1:4" x14ac:dyDescent="0.25">
      <c r="A6102" s="20">
        <v>43809.999999985215</v>
      </c>
      <c r="B6102" s="22">
        <v>2.173497200012207</v>
      </c>
      <c r="C6102" s="21">
        <v>285228.62658752967</v>
      </c>
      <c r="D6102">
        <f t="shared" si="95"/>
        <v>0</v>
      </c>
    </row>
    <row r="6103" spans="1:4" x14ac:dyDescent="0.25">
      <c r="A6103" s="20">
        <v>43810.041666651879</v>
      </c>
      <c r="B6103" s="22">
        <v>2.2482528686523438</v>
      </c>
      <c r="C6103" s="21">
        <v>295038.83324238018</v>
      </c>
      <c r="D6103">
        <f t="shared" si="95"/>
        <v>1</v>
      </c>
    </row>
    <row r="6104" spans="1:4" x14ac:dyDescent="0.25">
      <c r="A6104" s="20">
        <v>43810.083333318544</v>
      </c>
      <c r="B6104" s="22">
        <v>2.2762436866760254</v>
      </c>
      <c r="C6104" s="21">
        <v>298712.07587729651</v>
      </c>
      <c r="D6104">
        <f t="shared" si="95"/>
        <v>2</v>
      </c>
    </row>
    <row r="6105" spans="1:4" x14ac:dyDescent="0.25">
      <c r="A6105" s="20">
        <v>43810.124999985208</v>
      </c>
      <c r="B6105" s="22">
        <v>2.2961599826812744</v>
      </c>
      <c r="C6105" s="21">
        <v>301325.69679949322</v>
      </c>
      <c r="D6105">
        <f t="shared" si="95"/>
        <v>3</v>
      </c>
    </row>
    <row r="6106" spans="1:4" x14ac:dyDescent="0.25">
      <c r="A6106" s="20">
        <v>43810.166666651872</v>
      </c>
      <c r="B6106" s="22">
        <v>2.4113302230834961</v>
      </c>
      <c r="C6106" s="21">
        <v>316439.51865925768</v>
      </c>
      <c r="D6106">
        <f t="shared" si="95"/>
        <v>4</v>
      </c>
    </row>
    <row r="6107" spans="1:4" x14ac:dyDescent="0.25">
      <c r="A6107" s="20">
        <v>43810.208333318536</v>
      </c>
      <c r="B6107" s="22">
        <v>2.7038607597351074</v>
      </c>
      <c r="C6107" s="21">
        <v>354828.38026146428</v>
      </c>
      <c r="D6107">
        <f t="shared" si="95"/>
        <v>5</v>
      </c>
    </row>
    <row r="6108" spans="1:4" x14ac:dyDescent="0.25">
      <c r="A6108" s="20">
        <v>43810.249999985201</v>
      </c>
      <c r="B6108" s="22">
        <v>2.9147350788116455</v>
      </c>
      <c r="C6108" s="21">
        <v>382501.47430200112</v>
      </c>
      <c r="D6108">
        <f t="shared" si="95"/>
        <v>6</v>
      </c>
    </row>
    <row r="6109" spans="1:4" x14ac:dyDescent="0.25">
      <c r="A6109" s="20">
        <v>43810.291666651865</v>
      </c>
      <c r="B6109" s="22">
        <v>2.927889347076416</v>
      </c>
      <c r="C6109" s="21">
        <v>384227.71249126742</v>
      </c>
      <c r="D6109">
        <f t="shared" si="95"/>
        <v>7</v>
      </c>
    </row>
    <row r="6110" spans="1:4" x14ac:dyDescent="0.25">
      <c r="A6110" s="20">
        <v>43810.333333318529</v>
      </c>
      <c r="B6110" s="22">
        <v>2.9285900592803955</v>
      </c>
      <c r="C6110" s="21">
        <v>384319.66714369261</v>
      </c>
      <c r="D6110">
        <f t="shared" si="95"/>
        <v>8</v>
      </c>
    </row>
    <row r="6111" spans="1:4" x14ac:dyDescent="0.25">
      <c r="A6111" s="20">
        <v>43810.374999985193</v>
      </c>
      <c r="B6111" s="22">
        <v>2.8910822868347168</v>
      </c>
      <c r="C6111" s="21">
        <v>379397.51200082956</v>
      </c>
      <c r="D6111">
        <f t="shared" si="95"/>
        <v>9</v>
      </c>
    </row>
    <row r="6112" spans="1:4" x14ac:dyDescent="0.25">
      <c r="A6112" s="20">
        <v>43810.416666651858</v>
      </c>
      <c r="B6112" s="22">
        <v>2.652407169342041</v>
      </c>
      <c r="C6112" s="21">
        <v>348076.11164997064</v>
      </c>
      <c r="D6112">
        <f t="shared" si="95"/>
        <v>10</v>
      </c>
    </row>
    <row r="6113" spans="1:4" x14ac:dyDescent="0.25">
      <c r="A6113" s="20">
        <v>43810.458333318522</v>
      </c>
      <c r="B6113" s="22">
        <v>2.2721230983734131</v>
      </c>
      <c r="C6113" s="21">
        <v>298171.32995764219</v>
      </c>
      <c r="D6113">
        <f t="shared" si="95"/>
        <v>11</v>
      </c>
    </row>
    <row r="6114" spans="1:4" x14ac:dyDescent="0.25">
      <c r="A6114" s="20">
        <v>43810.499999985186</v>
      </c>
      <c r="B6114" s="22">
        <v>2.3351438045501709</v>
      </c>
      <c r="C6114" s="21">
        <v>306441.55430818279</v>
      </c>
      <c r="D6114">
        <f t="shared" si="95"/>
        <v>12</v>
      </c>
    </row>
    <row r="6115" spans="1:4" x14ac:dyDescent="0.25">
      <c r="A6115" s="20">
        <v>43810.54166665185</v>
      </c>
      <c r="B6115" s="22">
        <v>2.0346837043762207</v>
      </c>
      <c r="C6115" s="21">
        <v>267012.09393598355</v>
      </c>
      <c r="D6115">
        <f t="shared" si="95"/>
        <v>13</v>
      </c>
    </row>
    <row r="6116" spans="1:4" x14ac:dyDescent="0.25">
      <c r="A6116" s="20">
        <v>43810.583333318515</v>
      </c>
      <c r="B6116" s="22">
        <v>2.1822826862335205</v>
      </c>
      <c r="C6116" s="21">
        <v>286381.54832526867</v>
      </c>
      <c r="D6116">
        <f t="shared" si="95"/>
        <v>14</v>
      </c>
    </row>
    <row r="6117" spans="1:4" x14ac:dyDescent="0.25">
      <c r="A6117" s="20">
        <v>43810.624999985179</v>
      </c>
      <c r="B6117" s="22">
        <v>2.3637213706970215</v>
      </c>
      <c r="C6117" s="21">
        <v>310191.79605831468</v>
      </c>
      <c r="D6117">
        <f t="shared" si="95"/>
        <v>15</v>
      </c>
    </row>
    <row r="6118" spans="1:4" x14ac:dyDescent="0.25">
      <c r="A6118" s="20">
        <v>43810.666666651843</v>
      </c>
      <c r="B6118" s="22">
        <v>2.4691617488861084</v>
      </c>
      <c r="C6118" s="21">
        <v>324028.7654630022</v>
      </c>
      <c r="D6118">
        <f t="shared" si="95"/>
        <v>16</v>
      </c>
    </row>
    <row r="6119" spans="1:4" x14ac:dyDescent="0.25">
      <c r="A6119" s="20">
        <v>43810.708333318507</v>
      </c>
      <c r="B6119" s="22">
        <v>2.7188758850097656</v>
      </c>
      <c r="C6119" s="21">
        <v>356798.81922044075</v>
      </c>
      <c r="D6119">
        <f t="shared" si="95"/>
        <v>17</v>
      </c>
    </row>
    <row r="6120" spans="1:4" x14ac:dyDescent="0.25">
      <c r="A6120" s="20">
        <v>43810.749999985172</v>
      </c>
      <c r="B6120" s="22">
        <v>2.789414644241333</v>
      </c>
      <c r="C6120" s="21">
        <v>366055.63971079863</v>
      </c>
      <c r="D6120">
        <f t="shared" si="95"/>
        <v>18</v>
      </c>
    </row>
    <row r="6121" spans="1:4" x14ac:dyDescent="0.25">
      <c r="A6121" s="20">
        <v>43810.791666651836</v>
      </c>
      <c r="B6121" s="22">
        <v>2.9265038967132568</v>
      </c>
      <c r="C6121" s="21">
        <v>384045.89946464525</v>
      </c>
      <c r="D6121">
        <f t="shared" si="95"/>
        <v>19</v>
      </c>
    </row>
    <row r="6122" spans="1:4" x14ac:dyDescent="0.25">
      <c r="A6122" s="20">
        <v>43810.8333333185</v>
      </c>
      <c r="B6122" s="22">
        <v>2.7990853786468506</v>
      </c>
      <c r="C6122" s="21">
        <v>367324.73280765791</v>
      </c>
      <c r="D6122">
        <f t="shared" si="95"/>
        <v>20</v>
      </c>
    </row>
    <row r="6123" spans="1:4" x14ac:dyDescent="0.25">
      <c r="A6123" s="20">
        <v>43810.874999985164</v>
      </c>
      <c r="B6123" s="22">
        <v>2.8291692733764648</v>
      </c>
      <c r="C6123" s="21">
        <v>371272.65046592936</v>
      </c>
      <c r="D6123">
        <f t="shared" si="95"/>
        <v>21</v>
      </c>
    </row>
    <row r="6124" spans="1:4" x14ac:dyDescent="0.25">
      <c r="A6124" s="20">
        <v>43810.916666651829</v>
      </c>
      <c r="B6124" s="22">
        <v>2.7657585144042969</v>
      </c>
      <c r="C6124" s="21">
        <v>362951.23938134051</v>
      </c>
      <c r="D6124">
        <f t="shared" si="95"/>
        <v>22</v>
      </c>
    </row>
    <row r="6125" spans="1:4" x14ac:dyDescent="0.25">
      <c r="A6125" s="20">
        <v>43810.958333318493</v>
      </c>
      <c r="B6125" s="22">
        <v>2.6714050769805908</v>
      </c>
      <c r="C6125" s="21">
        <v>350569.21221791703</v>
      </c>
      <c r="D6125">
        <f t="shared" si="95"/>
        <v>23</v>
      </c>
    </row>
    <row r="6126" spans="1:4" x14ac:dyDescent="0.25">
      <c r="A6126" s="20">
        <v>43810.999999985157</v>
      </c>
      <c r="B6126" s="22">
        <v>2.6018815040588379</v>
      </c>
      <c r="C6126" s="21">
        <v>341445.61490211729</v>
      </c>
      <c r="D6126">
        <f t="shared" si="95"/>
        <v>0</v>
      </c>
    </row>
    <row r="6127" spans="1:4" x14ac:dyDescent="0.25">
      <c r="A6127" s="20">
        <v>43811.041666651821</v>
      </c>
      <c r="B6127" s="22">
        <v>2.8185806274414063</v>
      </c>
      <c r="C6127" s="21">
        <v>369883.09959028917</v>
      </c>
      <c r="D6127">
        <f t="shared" si="95"/>
        <v>1</v>
      </c>
    </row>
    <row r="6128" spans="1:4" x14ac:dyDescent="0.25">
      <c r="A6128" s="20">
        <v>43811.083333318486</v>
      </c>
      <c r="B6128" s="22">
        <v>2.7774226665496826</v>
      </c>
      <c r="C6128" s="21">
        <v>364481.92922843015</v>
      </c>
      <c r="D6128">
        <f t="shared" si="95"/>
        <v>2</v>
      </c>
    </row>
    <row r="6129" spans="1:4" x14ac:dyDescent="0.25">
      <c r="A6129" s="20">
        <v>43811.12499998515</v>
      </c>
      <c r="B6129" s="22">
        <v>2.7074644565582275</v>
      </c>
      <c r="C6129" s="21">
        <v>355301.29437218432</v>
      </c>
      <c r="D6129">
        <f t="shared" si="95"/>
        <v>3</v>
      </c>
    </row>
    <row r="6130" spans="1:4" x14ac:dyDescent="0.25">
      <c r="A6130" s="20">
        <v>43811.166666651814</v>
      </c>
      <c r="B6130" s="22">
        <v>2.9231946468353271</v>
      </c>
      <c r="C6130" s="21">
        <v>383611.62570633925</v>
      </c>
      <c r="D6130">
        <f t="shared" si="95"/>
        <v>4</v>
      </c>
    </row>
    <row r="6131" spans="1:4" x14ac:dyDescent="0.25">
      <c r="A6131" s="20">
        <v>43811.208333318478</v>
      </c>
      <c r="B6131" s="22">
        <v>3.188666820526123</v>
      </c>
      <c r="C6131" s="21">
        <v>418449.61100422993</v>
      </c>
      <c r="D6131">
        <f t="shared" si="95"/>
        <v>5</v>
      </c>
    </row>
    <row r="6132" spans="1:4" x14ac:dyDescent="0.25">
      <c r="A6132" s="20">
        <v>43811.249999985142</v>
      </c>
      <c r="B6132" s="22">
        <v>3.2475664615631104</v>
      </c>
      <c r="C6132" s="21">
        <v>426179.02685964672</v>
      </c>
      <c r="D6132">
        <f t="shared" si="95"/>
        <v>6</v>
      </c>
    </row>
    <row r="6133" spans="1:4" x14ac:dyDescent="0.25">
      <c r="A6133" s="20">
        <v>43811.291666651807</v>
      </c>
      <c r="B6133" s="22">
        <v>3.1503095626831055</v>
      </c>
      <c r="C6133" s="21">
        <v>413415.97766245878</v>
      </c>
      <c r="D6133">
        <f t="shared" si="95"/>
        <v>7</v>
      </c>
    </row>
    <row r="6134" spans="1:4" x14ac:dyDescent="0.25">
      <c r="A6134" s="20">
        <v>43811.333333318471</v>
      </c>
      <c r="B6134" s="22">
        <v>3.1158180236816406</v>
      </c>
      <c r="C6134" s="21">
        <v>408889.6436518961</v>
      </c>
      <c r="D6134">
        <f t="shared" si="95"/>
        <v>8</v>
      </c>
    </row>
    <row r="6135" spans="1:4" x14ac:dyDescent="0.25">
      <c r="A6135" s="20">
        <v>43811.374999985135</v>
      </c>
      <c r="B6135" s="22">
        <v>2.9644844532012939</v>
      </c>
      <c r="C6135" s="21">
        <v>389030.09818551416</v>
      </c>
      <c r="D6135">
        <f t="shared" si="95"/>
        <v>9</v>
      </c>
    </row>
    <row r="6136" spans="1:4" x14ac:dyDescent="0.25">
      <c r="A6136" s="20">
        <v>43811.416666651799</v>
      </c>
      <c r="B6136" s="22">
        <v>2.6118206977844238</v>
      </c>
      <c r="C6136" s="21">
        <v>342749.93798830319</v>
      </c>
      <c r="D6136">
        <f t="shared" si="95"/>
        <v>10</v>
      </c>
    </row>
    <row r="6137" spans="1:4" x14ac:dyDescent="0.25">
      <c r="A6137" s="20">
        <v>43811.458333318464</v>
      </c>
      <c r="B6137" s="22">
        <v>2.1774961948394775</v>
      </c>
      <c r="C6137" s="21">
        <v>285753.41576246236</v>
      </c>
      <c r="D6137">
        <f t="shared" si="95"/>
        <v>11</v>
      </c>
    </row>
    <row r="6138" spans="1:4" x14ac:dyDescent="0.25">
      <c r="A6138" s="20">
        <v>43811.499999985128</v>
      </c>
      <c r="B6138" s="22">
        <v>1.7914084196090698</v>
      </c>
      <c r="C6138" s="21">
        <v>235087.01238702415</v>
      </c>
      <c r="D6138">
        <f t="shared" si="95"/>
        <v>12</v>
      </c>
    </row>
    <row r="6139" spans="1:4" x14ac:dyDescent="0.25">
      <c r="A6139" s="20">
        <v>43811.541666651792</v>
      </c>
      <c r="B6139" s="22">
        <v>1.7588082551956177</v>
      </c>
      <c r="C6139" s="21">
        <v>230808.88397621948</v>
      </c>
      <c r="D6139">
        <f t="shared" si="95"/>
        <v>13</v>
      </c>
    </row>
    <row r="6140" spans="1:4" x14ac:dyDescent="0.25">
      <c r="A6140" s="20">
        <v>43811.583333318456</v>
      </c>
      <c r="B6140" s="22">
        <v>1.892963171005249</v>
      </c>
      <c r="C6140" s="21">
        <v>248414.06993465175</v>
      </c>
      <c r="D6140">
        <f t="shared" si="95"/>
        <v>14</v>
      </c>
    </row>
    <row r="6141" spans="1:4" x14ac:dyDescent="0.25">
      <c r="A6141" s="20">
        <v>43811.624999985121</v>
      </c>
      <c r="B6141" s="22">
        <v>1.9189596176147461</v>
      </c>
      <c r="C6141" s="21">
        <v>251825.59066839886</v>
      </c>
      <c r="D6141">
        <f t="shared" si="95"/>
        <v>15</v>
      </c>
    </row>
    <row r="6142" spans="1:4" x14ac:dyDescent="0.25">
      <c r="A6142" s="20">
        <v>43811.666666651785</v>
      </c>
      <c r="B6142" s="22">
        <v>1.8913115262985229</v>
      </c>
      <c r="C6142" s="21">
        <v>248197.32415218314</v>
      </c>
      <c r="D6142">
        <f t="shared" si="95"/>
        <v>16</v>
      </c>
    </row>
    <row r="6143" spans="1:4" x14ac:dyDescent="0.25">
      <c r="A6143" s="20">
        <v>43811.708333318449</v>
      </c>
      <c r="B6143" s="22">
        <v>2.1728856563568115</v>
      </c>
      <c r="C6143" s="21">
        <v>285148.37354790035</v>
      </c>
      <c r="D6143">
        <f t="shared" si="95"/>
        <v>17</v>
      </c>
    </row>
    <row r="6144" spans="1:4" x14ac:dyDescent="0.25">
      <c r="A6144" s="20">
        <v>43811.749999985113</v>
      </c>
      <c r="B6144" s="22">
        <v>2.6172518730163574</v>
      </c>
      <c r="C6144" s="21">
        <v>343462.67258586874</v>
      </c>
      <c r="D6144">
        <f t="shared" si="95"/>
        <v>18</v>
      </c>
    </row>
    <row r="6145" spans="1:4" x14ac:dyDescent="0.25">
      <c r="A6145" s="20">
        <v>43811.791666651778</v>
      </c>
      <c r="B6145" s="22">
        <v>2.4422407150268555</v>
      </c>
      <c r="C6145" s="21">
        <v>320495.91089390131</v>
      </c>
      <c r="D6145">
        <f t="shared" si="95"/>
        <v>19</v>
      </c>
    </row>
    <row r="6146" spans="1:4" x14ac:dyDescent="0.25">
      <c r="A6146" s="20">
        <v>43811.833333318442</v>
      </c>
      <c r="B6146" s="22">
        <v>2.6125755310058594</v>
      </c>
      <c r="C6146" s="21">
        <v>342848.9949565162</v>
      </c>
      <c r="D6146">
        <f t="shared" si="95"/>
        <v>20</v>
      </c>
    </row>
    <row r="6147" spans="1:4" x14ac:dyDescent="0.25">
      <c r="A6147" s="20">
        <v>43811.874999985106</v>
      </c>
      <c r="B6147" s="22">
        <v>2.7531454563140869</v>
      </c>
      <c r="C6147" s="21">
        <v>361296.02434995282</v>
      </c>
      <c r="D6147">
        <f t="shared" si="95"/>
        <v>21</v>
      </c>
    </row>
    <row r="6148" spans="1:4" x14ac:dyDescent="0.25">
      <c r="A6148" s="20">
        <v>43811.91666665177</v>
      </c>
      <c r="B6148" s="22">
        <v>2.5298140048980713</v>
      </c>
      <c r="C6148" s="21">
        <v>331988.17745655356</v>
      </c>
      <c r="D6148">
        <f t="shared" si="95"/>
        <v>22</v>
      </c>
    </row>
    <row r="6149" spans="1:4" x14ac:dyDescent="0.25">
      <c r="A6149" s="20">
        <v>43811.958333318435</v>
      </c>
      <c r="B6149" s="22">
        <v>2.3154022693634033</v>
      </c>
      <c r="C6149" s="21">
        <v>303850.86729555659</v>
      </c>
      <c r="D6149">
        <f t="shared" si="95"/>
        <v>23</v>
      </c>
    </row>
    <row r="6150" spans="1:4" x14ac:dyDescent="0.25">
      <c r="A6150" s="20">
        <v>43811.999999985099</v>
      </c>
      <c r="B6150" s="22">
        <v>2.2527618408203125</v>
      </c>
      <c r="C6150" s="21">
        <v>295630.5468819394</v>
      </c>
      <c r="D6150">
        <f t="shared" si="95"/>
        <v>0</v>
      </c>
    </row>
    <row r="6151" spans="1:4" x14ac:dyDescent="0.25">
      <c r="A6151" s="20">
        <v>43812.041666651763</v>
      </c>
      <c r="B6151" s="22">
        <v>2.0891444683074951</v>
      </c>
      <c r="C6151" s="21">
        <v>274158.99474585702</v>
      </c>
      <c r="D6151">
        <f t="shared" ref="D6151:D6214" si="96">HOUR(A6151)</f>
        <v>1</v>
      </c>
    </row>
    <row r="6152" spans="1:4" x14ac:dyDescent="0.25">
      <c r="A6152" s="20">
        <v>43812.083333318427</v>
      </c>
      <c r="B6152" s="22">
        <v>2.0326499938964844</v>
      </c>
      <c r="C6152" s="21">
        <v>266745.20955858077</v>
      </c>
      <c r="D6152">
        <f t="shared" si="96"/>
        <v>2</v>
      </c>
    </row>
    <row r="6153" spans="1:4" x14ac:dyDescent="0.25">
      <c r="A6153" s="20">
        <v>43812.124999985092</v>
      </c>
      <c r="B6153" s="22">
        <v>1.9820172786712646</v>
      </c>
      <c r="C6153" s="21">
        <v>260100.6646178255</v>
      </c>
      <c r="D6153">
        <f t="shared" si="96"/>
        <v>3</v>
      </c>
    </row>
    <row r="6154" spans="1:4" x14ac:dyDescent="0.25">
      <c r="A6154" s="20">
        <v>43812.166666651756</v>
      </c>
      <c r="B6154" s="22">
        <v>2.0737648010253906</v>
      </c>
      <c r="C6154" s="21">
        <v>272140.71684045042</v>
      </c>
      <c r="D6154">
        <f t="shared" si="96"/>
        <v>4</v>
      </c>
    </row>
    <row r="6155" spans="1:4" x14ac:dyDescent="0.25">
      <c r="A6155" s="20">
        <v>43812.20833331842</v>
      </c>
      <c r="B6155" s="22">
        <v>2.1920468807220459</v>
      </c>
      <c r="C6155" s="21">
        <v>287662.90621414932</v>
      </c>
      <c r="D6155">
        <f t="shared" si="96"/>
        <v>5</v>
      </c>
    </row>
    <row r="6156" spans="1:4" x14ac:dyDescent="0.25">
      <c r="A6156" s="20">
        <v>43812.249999985084</v>
      </c>
      <c r="B6156" s="22">
        <v>2.4607369899749756</v>
      </c>
      <c r="C6156" s="21">
        <v>322923.18206793733</v>
      </c>
      <c r="D6156">
        <f t="shared" si="96"/>
        <v>6</v>
      </c>
    </row>
    <row r="6157" spans="1:4" x14ac:dyDescent="0.25">
      <c r="A6157" s="20">
        <v>43812.291666651749</v>
      </c>
      <c r="B6157" s="22">
        <v>2.239793062210083</v>
      </c>
      <c r="C6157" s="21">
        <v>293928.6505503073</v>
      </c>
      <c r="D6157">
        <f t="shared" si="96"/>
        <v>7</v>
      </c>
    </row>
    <row r="6158" spans="1:4" x14ac:dyDescent="0.25">
      <c r="A6158" s="20">
        <v>43812.333333318413</v>
      </c>
      <c r="B6158" s="22">
        <v>1.9489098787307739</v>
      </c>
      <c r="C6158" s="21">
        <v>255755.97155134389</v>
      </c>
      <c r="D6158">
        <f t="shared" si="96"/>
        <v>8</v>
      </c>
    </row>
    <row r="6159" spans="1:4" x14ac:dyDescent="0.25">
      <c r="A6159" s="20">
        <v>43812.374999985077</v>
      </c>
      <c r="B6159" s="22">
        <v>2.0249941349029541</v>
      </c>
      <c r="C6159" s="21">
        <v>265740.52910807909</v>
      </c>
      <c r="D6159">
        <f t="shared" si="96"/>
        <v>9</v>
      </c>
    </row>
    <row r="6160" spans="1:4" x14ac:dyDescent="0.25">
      <c r="A6160" s="20">
        <v>43812.416666651741</v>
      </c>
      <c r="B6160" s="22">
        <v>1.9793249368667603</v>
      </c>
      <c r="C6160" s="21">
        <v>259747.34787318067</v>
      </c>
      <c r="D6160">
        <f t="shared" si="96"/>
        <v>10</v>
      </c>
    </row>
    <row r="6161" spans="1:4" x14ac:dyDescent="0.25">
      <c r="A6161" s="20">
        <v>43812.458333318405</v>
      </c>
      <c r="B6161" s="22">
        <v>1.7562588453292847</v>
      </c>
      <c r="C6161" s="21">
        <v>230474.32422855624</v>
      </c>
      <c r="D6161">
        <f t="shared" si="96"/>
        <v>11</v>
      </c>
    </row>
    <row r="6162" spans="1:4" x14ac:dyDescent="0.25">
      <c r="A6162" s="20">
        <v>43812.49999998507</v>
      </c>
      <c r="B6162" s="22">
        <v>1.5027443170547485</v>
      </c>
      <c r="C6162" s="21">
        <v>197205.54397923028</v>
      </c>
      <c r="D6162">
        <f t="shared" si="96"/>
        <v>12</v>
      </c>
    </row>
    <row r="6163" spans="1:4" x14ac:dyDescent="0.25">
      <c r="A6163" s="20">
        <v>43812.541666651734</v>
      </c>
      <c r="B6163" s="22">
        <v>1.503813624382019</v>
      </c>
      <c r="C6163" s="21">
        <v>197345.86946957625</v>
      </c>
      <c r="D6163">
        <f t="shared" si="96"/>
        <v>13</v>
      </c>
    </row>
    <row r="6164" spans="1:4" x14ac:dyDescent="0.25">
      <c r="A6164" s="20">
        <v>43812.583333318398</v>
      </c>
      <c r="B6164" s="22">
        <v>1.5550671815872192</v>
      </c>
      <c r="C6164" s="21">
        <v>204071.88767161604</v>
      </c>
      <c r="D6164">
        <f t="shared" si="96"/>
        <v>14</v>
      </c>
    </row>
    <row r="6165" spans="1:4" x14ac:dyDescent="0.25">
      <c r="A6165" s="20">
        <v>43812.624999985062</v>
      </c>
      <c r="B6165" s="22">
        <v>1.5749015808105469</v>
      </c>
      <c r="C6165" s="21">
        <v>206674.76125692675</v>
      </c>
      <c r="D6165">
        <f t="shared" si="96"/>
        <v>15</v>
      </c>
    </row>
    <row r="6166" spans="1:4" x14ac:dyDescent="0.25">
      <c r="A6166" s="20">
        <v>43812.666666651727</v>
      </c>
      <c r="B6166" s="22">
        <v>1.6443837881088257</v>
      </c>
      <c r="C6166" s="21">
        <v>215792.93015074765</v>
      </c>
      <c r="D6166">
        <f t="shared" si="96"/>
        <v>16</v>
      </c>
    </row>
    <row r="6167" spans="1:4" x14ac:dyDescent="0.25">
      <c r="A6167" s="20">
        <v>43812.708333318391</v>
      </c>
      <c r="B6167" s="22">
        <v>1.8288830518722534</v>
      </c>
      <c r="C6167" s="21">
        <v>240004.81853475716</v>
      </c>
      <c r="D6167">
        <f t="shared" si="96"/>
        <v>17</v>
      </c>
    </row>
    <row r="6168" spans="1:4" x14ac:dyDescent="0.25">
      <c r="A6168" s="20">
        <v>43812.749999985055</v>
      </c>
      <c r="B6168" s="22">
        <v>1.7786405086517334</v>
      </c>
      <c r="C6168" s="21">
        <v>233411.47597191742</v>
      </c>
      <c r="D6168">
        <f t="shared" si="96"/>
        <v>18</v>
      </c>
    </row>
    <row r="6169" spans="1:4" x14ac:dyDescent="0.25">
      <c r="A6169" s="20">
        <v>43812.791666651719</v>
      </c>
      <c r="B6169" s="22">
        <v>1.9580761194229126</v>
      </c>
      <c r="C6169" s="21">
        <v>256958.85980147586</v>
      </c>
      <c r="D6169">
        <f t="shared" si="96"/>
        <v>19</v>
      </c>
    </row>
    <row r="6170" spans="1:4" x14ac:dyDescent="0.25">
      <c r="A6170" s="20">
        <v>43812.833333318384</v>
      </c>
      <c r="B6170" s="22">
        <v>1.9484301805496216</v>
      </c>
      <c r="C6170" s="21">
        <v>255693.02062903039</v>
      </c>
      <c r="D6170">
        <f t="shared" si="96"/>
        <v>20</v>
      </c>
    </row>
    <row r="6171" spans="1:4" x14ac:dyDescent="0.25">
      <c r="A6171" s="20">
        <v>43812.874999985048</v>
      </c>
      <c r="B6171" s="22">
        <v>1.9351834058761597</v>
      </c>
      <c r="C6171" s="21">
        <v>253954.64279868177</v>
      </c>
      <c r="D6171">
        <f t="shared" si="96"/>
        <v>21</v>
      </c>
    </row>
    <row r="6172" spans="1:4" x14ac:dyDescent="0.25">
      <c r="A6172" s="20">
        <v>43812.916666651712</v>
      </c>
      <c r="B6172" s="22">
        <v>1.6489086151123047</v>
      </c>
      <c r="C6172" s="21">
        <v>216386.72442466766</v>
      </c>
      <c r="D6172">
        <f t="shared" si="96"/>
        <v>22</v>
      </c>
    </row>
    <row r="6173" spans="1:4" x14ac:dyDescent="0.25">
      <c r="A6173" s="20">
        <v>43812.958333318376</v>
      </c>
      <c r="B6173" s="22">
        <v>1.6704897880554199</v>
      </c>
      <c r="C6173" s="21">
        <v>219218.82759861153</v>
      </c>
      <c r="D6173">
        <f t="shared" si="96"/>
        <v>23</v>
      </c>
    </row>
    <row r="6174" spans="1:4" x14ac:dyDescent="0.25">
      <c r="A6174" s="20">
        <v>43812.999999985041</v>
      </c>
      <c r="B6174" s="22">
        <v>1.5314872264862061</v>
      </c>
      <c r="C6174" s="21">
        <v>200977.48377341003</v>
      </c>
      <c r="D6174">
        <f t="shared" si="96"/>
        <v>0</v>
      </c>
    </row>
    <row r="6175" spans="1:4" x14ac:dyDescent="0.25">
      <c r="A6175" s="20">
        <v>43813.041666651705</v>
      </c>
      <c r="B6175" s="22">
        <v>1.378643274307251</v>
      </c>
      <c r="C6175" s="21">
        <v>180919.73050739776</v>
      </c>
      <c r="D6175">
        <f t="shared" si="96"/>
        <v>1</v>
      </c>
    </row>
    <row r="6176" spans="1:4" x14ac:dyDescent="0.25">
      <c r="A6176" s="20">
        <v>43813.083333318369</v>
      </c>
      <c r="B6176" s="22">
        <v>1.3718376159667969</v>
      </c>
      <c r="C6176" s="21">
        <v>180026.62211900839</v>
      </c>
      <c r="D6176">
        <f t="shared" si="96"/>
        <v>2</v>
      </c>
    </row>
    <row r="6177" spans="1:4" x14ac:dyDescent="0.25">
      <c r="A6177" s="20">
        <v>43813.124999985033</v>
      </c>
      <c r="B6177" s="22">
        <v>1.2989692687988281</v>
      </c>
      <c r="C6177" s="21">
        <v>170464.08917242521</v>
      </c>
      <c r="D6177">
        <f t="shared" si="96"/>
        <v>3</v>
      </c>
    </row>
    <row r="6178" spans="1:4" x14ac:dyDescent="0.25">
      <c r="A6178" s="20">
        <v>43813.166666651698</v>
      </c>
      <c r="B6178" s="22">
        <v>1.458244800567627</v>
      </c>
      <c r="C6178" s="21">
        <v>191365.86037100683</v>
      </c>
      <c r="D6178">
        <f t="shared" si="96"/>
        <v>4</v>
      </c>
    </row>
    <row r="6179" spans="1:4" x14ac:dyDescent="0.25">
      <c r="A6179" s="20">
        <v>43813.208333318362</v>
      </c>
      <c r="B6179" s="22">
        <v>1.4788968563079834</v>
      </c>
      <c r="C6179" s="21">
        <v>194076.03524263672</v>
      </c>
      <c r="D6179">
        <f t="shared" si="96"/>
        <v>5</v>
      </c>
    </row>
    <row r="6180" spans="1:4" x14ac:dyDescent="0.25">
      <c r="A6180" s="20">
        <v>43813.249999985026</v>
      </c>
      <c r="B6180" s="22">
        <v>1.6214362382888794</v>
      </c>
      <c r="C6180" s="21">
        <v>212781.5169689614</v>
      </c>
      <c r="D6180">
        <f t="shared" si="96"/>
        <v>6</v>
      </c>
    </row>
    <row r="6181" spans="1:4" x14ac:dyDescent="0.25">
      <c r="A6181" s="20">
        <v>43813.29166665169</v>
      </c>
      <c r="B6181" s="22">
        <v>1.5254141092300415</v>
      </c>
      <c r="C6181" s="21">
        <v>200180.50695003476</v>
      </c>
      <c r="D6181">
        <f t="shared" si="96"/>
        <v>7</v>
      </c>
    </row>
    <row r="6182" spans="1:4" x14ac:dyDescent="0.25">
      <c r="A6182" s="20">
        <v>43813.333333318355</v>
      </c>
      <c r="B6182" s="22">
        <v>1.849495530128479</v>
      </c>
      <c r="C6182" s="21">
        <v>242709.79964241886</v>
      </c>
      <c r="D6182">
        <f t="shared" si="96"/>
        <v>8</v>
      </c>
    </row>
    <row r="6183" spans="1:4" x14ac:dyDescent="0.25">
      <c r="A6183" s="20">
        <v>43813.374999985019</v>
      </c>
      <c r="B6183" s="22">
        <v>1.9379212856292725</v>
      </c>
      <c r="C6183" s="21">
        <v>254313.9355006635</v>
      </c>
      <c r="D6183">
        <f t="shared" si="96"/>
        <v>9</v>
      </c>
    </row>
    <row r="6184" spans="1:4" x14ac:dyDescent="0.25">
      <c r="A6184" s="20">
        <v>43813.416666651683</v>
      </c>
      <c r="B6184" s="22">
        <v>1.9016532897949219</v>
      </c>
      <c r="C6184" s="21">
        <v>249554.47657849145</v>
      </c>
      <c r="D6184">
        <f t="shared" si="96"/>
        <v>10</v>
      </c>
    </row>
    <row r="6185" spans="1:4" x14ac:dyDescent="0.25">
      <c r="A6185" s="20">
        <v>43813.458333318347</v>
      </c>
      <c r="B6185" s="22">
        <v>1.8348982334136963</v>
      </c>
      <c r="C6185" s="21">
        <v>240794.19243858865</v>
      </c>
      <c r="D6185">
        <f t="shared" si="96"/>
        <v>11</v>
      </c>
    </row>
    <row r="6186" spans="1:4" x14ac:dyDescent="0.25">
      <c r="A6186" s="20">
        <v>43813.499999985012</v>
      </c>
      <c r="B6186" s="22">
        <v>1.8212883472442627</v>
      </c>
      <c r="C6186" s="21">
        <v>239008.16338821844</v>
      </c>
      <c r="D6186">
        <f t="shared" si="96"/>
        <v>12</v>
      </c>
    </row>
    <row r="6187" spans="1:4" x14ac:dyDescent="0.25">
      <c r="A6187" s="20">
        <v>43813.541666651676</v>
      </c>
      <c r="B6187" s="22">
        <v>1.9152088165283203</v>
      </c>
      <c r="C6187" s="21">
        <v>251333.37202533908</v>
      </c>
      <c r="D6187">
        <f t="shared" si="96"/>
        <v>13</v>
      </c>
    </row>
    <row r="6188" spans="1:4" x14ac:dyDescent="0.25">
      <c r="A6188" s="20">
        <v>43813.58333331834</v>
      </c>
      <c r="B6188" s="22">
        <v>1.9028933048248291</v>
      </c>
      <c r="C6188" s="21">
        <v>249717.20408691719</v>
      </c>
      <c r="D6188">
        <f t="shared" si="96"/>
        <v>14</v>
      </c>
    </row>
    <row r="6189" spans="1:4" x14ac:dyDescent="0.25">
      <c r="A6189" s="20">
        <v>43813.624999985004</v>
      </c>
      <c r="B6189" s="22">
        <v>2.0439350605010986</v>
      </c>
      <c r="C6189" s="21">
        <v>268226.15190742066</v>
      </c>
      <c r="D6189">
        <f t="shared" si="96"/>
        <v>15</v>
      </c>
    </row>
    <row r="6190" spans="1:4" x14ac:dyDescent="0.25">
      <c r="A6190" s="20">
        <v>43813.666666651668</v>
      </c>
      <c r="B6190" s="22">
        <v>1.9288108348846436</v>
      </c>
      <c r="C6190" s="21">
        <v>253118.36858046261</v>
      </c>
      <c r="D6190">
        <f t="shared" si="96"/>
        <v>16</v>
      </c>
    </row>
    <row r="6191" spans="1:4" x14ac:dyDescent="0.25">
      <c r="A6191" s="20">
        <v>43813.708333318333</v>
      </c>
      <c r="B6191" s="22">
        <v>2.2343294620513916</v>
      </c>
      <c r="C6191" s="21">
        <v>293211.66082081595</v>
      </c>
      <c r="D6191">
        <f t="shared" si="96"/>
        <v>17</v>
      </c>
    </row>
    <row r="6192" spans="1:4" x14ac:dyDescent="0.25">
      <c r="A6192" s="20">
        <v>43813.749999984997</v>
      </c>
      <c r="B6192" s="22">
        <v>2.1829068660736084</v>
      </c>
      <c r="C6192" s="21">
        <v>286463.45961483964</v>
      </c>
      <c r="D6192">
        <f t="shared" si="96"/>
        <v>18</v>
      </c>
    </row>
    <row r="6193" spans="1:4" x14ac:dyDescent="0.25">
      <c r="A6193" s="20">
        <v>43813.791666651661</v>
      </c>
      <c r="B6193" s="22">
        <v>2.1720700263977051</v>
      </c>
      <c r="C6193" s="21">
        <v>285041.33820732654</v>
      </c>
      <c r="D6193">
        <f t="shared" si="96"/>
        <v>19</v>
      </c>
    </row>
    <row r="6194" spans="1:4" x14ac:dyDescent="0.25">
      <c r="A6194" s="20">
        <v>43813.833333318325</v>
      </c>
      <c r="B6194" s="22">
        <v>2.0942435264587402</v>
      </c>
      <c r="C6194" s="21">
        <v>274828.14552891831</v>
      </c>
      <c r="D6194">
        <f t="shared" si="96"/>
        <v>20</v>
      </c>
    </row>
    <row r="6195" spans="1:4" x14ac:dyDescent="0.25">
      <c r="A6195" s="20">
        <v>43813.87499998499</v>
      </c>
      <c r="B6195" s="22">
        <v>2.0053844451904297</v>
      </c>
      <c r="C6195" s="21">
        <v>263167.14421276865</v>
      </c>
      <c r="D6195">
        <f t="shared" si="96"/>
        <v>21</v>
      </c>
    </row>
    <row r="6196" spans="1:4" x14ac:dyDescent="0.25">
      <c r="A6196" s="20">
        <v>43813.916666651654</v>
      </c>
      <c r="B6196" s="22">
        <v>1.9414477348327637</v>
      </c>
      <c r="C6196" s="21">
        <v>254776.71238532514</v>
      </c>
      <c r="D6196">
        <f t="shared" si="96"/>
        <v>22</v>
      </c>
    </row>
    <row r="6197" spans="1:4" x14ac:dyDescent="0.25">
      <c r="A6197" s="20">
        <v>43813.958333318318</v>
      </c>
      <c r="B6197" s="22">
        <v>1.8069677352905273</v>
      </c>
      <c r="C6197" s="21">
        <v>237128.86560056361</v>
      </c>
      <c r="D6197">
        <f t="shared" si="96"/>
        <v>23</v>
      </c>
    </row>
    <row r="6198" spans="1:4" x14ac:dyDescent="0.25">
      <c r="A6198" s="20">
        <v>43813.999999984982</v>
      </c>
      <c r="B6198" s="22">
        <v>1.7152845859527588</v>
      </c>
      <c r="C6198" s="21">
        <v>225097.2610663207</v>
      </c>
      <c r="D6198">
        <f t="shared" si="96"/>
        <v>0</v>
      </c>
    </row>
    <row r="6199" spans="1:4" x14ac:dyDescent="0.25">
      <c r="A6199" s="20">
        <v>43814.041666651647</v>
      </c>
      <c r="B6199" s="22">
        <v>1.6574432849884033</v>
      </c>
      <c r="C6199" s="21">
        <v>217506.73146545148</v>
      </c>
      <c r="D6199">
        <f t="shared" si="96"/>
        <v>1</v>
      </c>
    </row>
    <row r="6200" spans="1:4" x14ac:dyDescent="0.25">
      <c r="A6200" s="20">
        <v>43814.083333318311</v>
      </c>
      <c r="B6200" s="22">
        <v>1.6049703359603882</v>
      </c>
      <c r="C6200" s="21">
        <v>210620.69214404168</v>
      </c>
      <c r="D6200">
        <f t="shared" si="96"/>
        <v>2</v>
      </c>
    </row>
    <row r="6201" spans="1:4" x14ac:dyDescent="0.25">
      <c r="A6201" s="20">
        <v>43814.124999984975</v>
      </c>
      <c r="B6201" s="22">
        <v>1.5827677249908447</v>
      </c>
      <c r="C6201" s="21">
        <v>207707.03748947638</v>
      </c>
      <c r="D6201">
        <f t="shared" si="96"/>
        <v>3</v>
      </c>
    </row>
    <row r="6202" spans="1:4" x14ac:dyDescent="0.25">
      <c r="A6202" s="20">
        <v>43814.166666651639</v>
      </c>
      <c r="B6202" s="22">
        <v>1.5888986587524414</v>
      </c>
      <c r="C6202" s="21">
        <v>208511.60158852817</v>
      </c>
      <c r="D6202">
        <f t="shared" si="96"/>
        <v>4</v>
      </c>
    </row>
    <row r="6203" spans="1:4" x14ac:dyDescent="0.25">
      <c r="A6203" s="20">
        <v>43814.208333318304</v>
      </c>
      <c r="B6203" s="22">
        <v>1.670630931854248</v>
      </c>
      <c r="C6203" s="21">
        <v>219237.3499375825</v>
      </c>
      <c r="D6203">
        <f t="shared" si="96"/>
        <v>5</v>
      </c>
    </row>
    <row r="6204" spans="1:4" x14ac:dyDescent="0.25">
      <c r="A6204" s="20">
        <v>43814.249999984968</v>
      </c>
      <c r="B6204" s="22">
        <v>1.6405249834060669</v>
      </c>
      <c r="C6204" s="21">
        <v>215286.53816384688</v>
      </c>
      <c r="D6204">
        <f t="shared" si="96"/>
        <v>6</v>
      </c>
    </row>
    <row r="6205" spans="1:4" x14ac:dyDescent="0.25">
      <c r="A6205" s="20">
        <v>43814.291666651632</v>
      </c>
      <c r="B6205" s="22">
        <v>1.7578878402709961</v>
      </c>
      <c r="C6205" s="21">
        <v>230688.09767622378</v>
      </c>
      <c r="D6205">
        <f t="shared" si="96"/>
        <v>7</v>
      </c>
    </row>
    <row r="6206" spans="1:4" x14ac:dyDescent="0.25">
      <c r="A6206" s="20">
        <v>43814.333333318296</v>
      </c>
      <c r="B6206" s="22">
        <v>2.0420255661010742</v>
      </c>
      <c r="C6206" s="21">
        <v>267975.56843982177</v>
      </c>
      <c r="D6206">
        <f t="shared" si="96"/>
        <v>8</v>
      </c>
    </row>
    <row r="6207" spans="1:4" x14ac:dyDescent="0.25">
      <c r="A6207" s="20">
        <v>43814.374999984961</v>
      </c>
      <c r="B6207" s="22">
        <v>2.1490724086761475</v>
      </c>
      <c r="C6207" s="21">
        <v>282023.35460124316</v>
      </c>
      <c r="D6207">
        <f t="shared" si="96"/>
        <v>9</v>
      </c>
    </row>
    <row r="6208" spans="1:4" x14ac:dyDescent="0.25">
      <c r="A6208" s="20">
        <v>43814.416666651625</v>
      </c>
      <c r="B6208" s="22">
        <v>1.8977924585342407</v>
      </c>
      <c r="C6208" s="21">
        <v>249047.81864584534</v>
      </c>
      <c r="D6208">
        <f t="shared" si="96"/>
        <v>10</v>
      </c>
    </row>
    <row r="6209" spans="1:4" x14ac:dyDescent="0.25">
      <c r="A6209" s="20">
        <v>43814.458333318289</v>
      </c>
      <c r="B6209" s="22">
        <v>1.85588538646698</v>
      </c>
      <c r="C6209" s="21">
        <v>243548.34222140722</v>
      </c>
      <c r="D6209">
        <f t="shared" si="96"/>
        <v>11</v>
      </c>
    </row>
    <row r="6210" spans="1:4" x14ac:dyDescent="0.25">
      <c r="A6210" s="20">
        <v>43814.499999984953</v>
      </c>
      <c r="B6210" s="22">
        <v>1.7972866296768188</v>
      </c>
      <c r="C6210" s="21">
        <v>235858.41148724276</v>
      </c>
      <c r="D6210">
        <f t="shared" si="96"/>
        <v>12</v>
      </c>
    </row>
    <row r="6211" spans="1:4" x14ac:dyDescent="0.25">
      <c r="A6211" s="20">
        <v>43814.541666651618</v>
      </c>
      <c r="B6211" s="22">
        <v>1.7968028783798218</v>
      </c>
      <c r="C6211" s="21">
        <v>235794.9286734385</v>
      </c>
      <c r="D6211">
        <f t="shared" si="96"/>
        <v>13</v>
      </c>
    </row>
    <row r="6212" spans="1:4" x14ac:dyDescent="0.25">
      <c r="A6212" s="20">
        <v>43814.583333318282</v>
      </c>
      <c r="B6212" s="22">
        <v>1.6553843021392822</v>
      </c>
      <c r="C6212" s="21">
        <v>217236.53058816542</v>
      </c>
      <c r="D6212">
        <f t="shared" si="96"/>
        <v>14</v>
      </c>
    </row>
    <row r="6213" spans="1:4" x14ac:dyDescent="0.25">
      <c r="A6213" s="20">
        <v>43814.624999984946</v>
      </c>
      <c r="B6213" s="22">
        <v>1.8179858922958374</v>
      </c>
      <c r="C6213" s="21">
        <v>238574.78133035277</v>
      </c>
      <c r="D6213">
        <f t="shared" si="96"/>
        <v>15</v>
      </c>
    </row>
    <row r="6214" spans="1:4" x14ac:dyDescent="0.25">
      <c r="A6214" s="20">
        <v>43814.66666665161</v>
      </c>
      <c r="B6214" s="22">
        <v>1.8748682737350464</v>
      </c>
      <c r="C6214" s="21">
        <v>246039.47166206446</v>
      </c>
      <c r="D6214">
        <f t="shared" si="96"/>
        <v>16</v>
      </c>
    </row>
    <row r="6215" spans="1:4" x14ac:dyDescent="0.25">
      <c r="A6215" s="20">
        <v>43814.708333318275</v>
      </c>
      <c r="B6215" s="22">
        <v>2.0947353839874268</v>
      </c>
      <c r="C6215" s="21">
        <v>274892.69212570396</v>
      </c>
      <c r="D6215">
        <f t="shared" ref="D6215:D6278" si="97">HOUR(A6215)</f>
        <v>17</v>
      </c>
    </row>
    <row r="6216" spans="1:4" x14ac:dyDescent="0.25">
      <c r="A6216" s="20">
        <v>43814.749999984939</v>
      </c>
      <c r="B6216" s="22">
        <v>2.1259779930114746</v>
      </c>
      <c r="C6216" s="21">
        <v>278992.66817485198</v>
      </c>
      <c r="D6216">
        <f t="shared" si="97"/>
        <v>18</v>
      </c>
    </row>
    <row r="6217" spans="1:4" x14ac:dyDescent="0.25">
      <c r="A6217" s="20">
        <v>43814.791666651603</v>
      </c>
      <c r="B6217" s="22">
        <v>2.1158275604248047</v>
      </c>
      <c r="C6217" s="21">
        <v>277660.62415567919</v>
      </c>
      <c r="D6217">
        <f t="shared" si="97"/>
        <v>19</v>
      </c>
    </row>
    <row r="6218" spans="1:4" x14ac:dyDescent="0.25">
      <c r="A6218" s="20">
        <v>43814.833333318267</v>
      </c>
      <c r="B6218" s="22">
        <v>2.1628966331481934</v>
      </c>
      <c r="C6218" s="21">
        <v>283837.51132515213</v>
      </c>
      <c r="D6218">
        <f t="shared" si="97"/>
        <v>20</v>
      </c>
    </row>
    <row r="6219" spans="1:4" x14ac:dyDescent="0.25">
      <c r="A6219" s="20">
        <v>43814.874999984931</v>
      </c>
      <c r="B6219" s="22">
        <v>2.1607675552368164</v>
      </c>
      <c r="C6219" s="21">
        <v>283558.11185385002</v>
      </c>
      <c r="D6219">
        <f t="shared" si="97"/>
        <v>21</v>
      </c>
    </row>
    <row r="6220" spans="1:4" x14ac:dyDescent="0.25">
      <c r="A6220" s="20">
        <v>43814.916666651596</v>
      </c>
      <c r="B6220" s="22">
        <v>2.0245287418365479</v>
      </c>
      <c r="C6220" s="21">
        <v>265679.45544985047</v>
      </c>
      <c r="D6220">
        <f t="shared" si="97"/>
        <v>22</v>
      </c>
    </row>
    <row r="6221" spans="1:4" x14ac:dyDescent="0.25">
      <c r="A6221" s="20">
        <v>43814.95833331826</v>
      </c>
      <c r="B6221" s="22">
        <v>1.9472661018371582</v>
      </c>
      <c r="C6221" s="21">
        <v>255540.25826412195</v>
      </c>
      <c r="D6221">
        <f t="shared" si="97"/>
        <v>23</v>
      </c>
    </row>
    <row r="6222" spans="1:4" x14ac:dyDescent="0.25">
      <c r="A6222" s="20">
        <v>43814.999999984924</v>
      </c>
      <c r="B6222" s="22">
        <v>1.7777833938598633</v>
      </c>
      <c r="C6222" s="21">
        <v>233298.99656549739</v>
      </c>
      <c r="D6222">
        <f t="shared" si="97"/>
        <v>0</v>
      </c>
    </row>
    <row r="6223" spans="1:4" x14ac:dyDescent="0.25">
      <c r="A6223" s="20">
        <v>43815.041666651588</v>
      </c>
      <c r="B6223" s="22">
        <v>1.7933418750762939</v>
      </c>
      <c r="C6223" s="21">
        <v>235340.74027196525</v>
      </c>
      <c r="D6223">
        <f t="shared" si="97"/>
        <v>1</v>
      </c>
    </row>
    <row r="6224" spans="1:4" x14ac:dyDescent="0.25">
      <c r="A6224" s="20">
        <v>43815.083333318253</v>
      </c>
      <c r="B6224" s="22">
        <v>1.6595814228057861</v>
      </c>
      <c r="C6224" s="21">
        <v>217787.31987067393</v>
      </c>
      <c r="D6224">
        <f t="shared" si="97"/>
        <v>2</v>
      </c>
    </row>
    <row r="6225" spans="1:4" x14ac:dyDescent="0.25">
      <c r="A6225" s="20">
        <v>43815.124999984917</v>
      </c>
      <c r="B6225" s="22">
        <v>1.6945383548736572</v>
      </c>
      <c r="C6225" s="21">
        <v>222374.72753946527</v>
      </c>
      <c r="D6225">
        <f t="shared" si="97"/>
        <v>3</v>
      </c>
    </row>
    <row r="6226" spans="1:4" x14ac:dyDescent="0.25">
      <c r="A6226" s="20">
        <v>43815.166666651581</v>
      </c>
      <c r="B6226" s="22">
        <v>1.6842586994171143</v>
      </c>
      <c r="C6226" s="21">
        <v>221025.72556805887</v>
      </c>
      <c r="D6226">
        <f t="shared" si="97"/>
        <v>4</v>
      </c>
    </row>
    <row r="6227" spans="1:4" x14ac:dyDescent="0.25">
      <c r="A6227" s="20">
        <v>43815.208333318245</v>
      </c>
      <c r="B6227" s="22">
        <v>1.8338669538497925</v>
      </c>
      <c r="C6227" s="21">
        <v>240658.85734193501</v>
      </c>
      <c r="D6227">
        <f t="shared" si="97"/>
        <v>5</v>
      </c>
    </row>
    <row r="6228" spans="1:4" x14ac:dyDescent="0.25">
      <c r="A6228" s="20">
        <v>43815.24999998491</v>
      </c>
      <c r="B6228" s="22">
        <v>2.1134438514709473</v>
      </c>
      <c r="C6228" s="21">
        <v>277347.80938366597</v>
      </c>
      <c r="D6228">
        <f t="shared" si="97"/>
        <v>6</v>
      </c>
    </row>
    <row r="6229" spans="1:4" x14ac:dyDescent="0.25">
      <c r="A6229" s="20">
        <v>43815.291666651574</v>
      </c>
      <c r="B6229" s="22">
        <v>1.8245817422866821</v>
      </c>
      <c r="C6229" s="21">
        <v>239440.35651216365</v>
      </c>
      <c r="D6229">
        <f t="shared" si="97"/>
        <v>7</v>
      </c>
    </row>
    <row r="6230" spans="1:4" x14ac:dyDescent="0.25">
      <c r="A6230" s="20">
        <v>43815.333333318238</v>
      </c>
      <c r="B6230" s="22">
        <v>1.7251104116439819</v>
      </c>
      <c r="C6230" s="21">
        <v>226386.70683463381</v>
      </c>
      <c r="D6230">
        <f t="shared" si="97"/>
        <v>8</v>
      </c>
    </row>
    <row r="6231" spans="1:4" x14ac:dyDescent="0.25">
      <c r="A6231" s="20">
        <v>43815.374999984902</v>
      </c>
      <c r="B6231" s="22">
        <v>1.7930868864059448</v>
      </c>
      <c r="C6231" s="21">
        <v>235307.27803965195</v>
      </c>
      <c r="D6231">
        <f t="shared" si="97"/>
        <v>9</v>
      </c>
    </row>
    <row r="6232" spans="1:4" x14ac:dyDescent="0.25">
      <c r="A6232" s="20">
        <v>43815.416666651567</v>
      </c>
      <c r="B6232" s="22">
        <v>1.8289806842803955</v>
      </c>
      <c r="C6232" s="21">
        <v>240017.6308621366</v>
      </c>
      <c r="D6232">
        <f t="shared" si="97"/>
        <v>10</v>
      </c>
    </row>
    <row r="6233" spans="1:4" x14ac:dyDescent="0.25">
      <c r="A6233" s="20">
        <v>43815.458333318231</v>
      </c>
      <c r="B6233" s="22">
        <v>1.7247214317321777</v>
      </c>
      <c r="C6233" s="21">
        <v>226335.66089539195</v>
      </c>
      <c r="D6233">
        <f t="shared" si="97"/>
        <v>11</v>
      </c>
    </row>
    <row r="6234" spans="1:4" x14ac:dyDescent="0.25">
      <c r="A6234" s="20">
        <v>43815.499999984895</v>
      </c>
      <c r="B6234" s="22">
        <v>1.7391046285629272</v>
      </c>
      <c r="C6234" s="21">
        <v>228223.17171341824</v>
      </c>
      <c r="D6234">
        <f t="shared" si="97"/>
        <v>12</v>
      </c>
    </row>
    <row r="6235" spans="1:4" x14ac:dyDescent="0.25">
      <c r="A6235" s="20">
        <v>43815.541666651559</v>
      </c>
      <c r="B6235" s="22">
        <v>1.7261093854904175</v>
      </c>
      <c r="C6235" s="21">
        <v>226517.80244322901</v>
      </c>
      <c r="D6235">
        <f t="shared" si="97"/>
        <v>13</v>
      </c>
    </row>
    <row r="6236" spans="1:4" x14ac:dyDescent="0.25">
      <c r="A6236" s="20">
        <v>43815.583333318224</v>
      </c>
      <c r="B6236" s="22">
        <v>1.9387000799179077</v>
      </c>
      <c r="C6236" s="21">
        <v>254416.13688621874</v>
      </c>
      <c r="D6236">
        <f t="shared" si="97"/>
        <v>14</v>
      </c>
    </row>
    <row r="6237" spans="1:4" x14ac:dyDescent="0.25">
      <c r="A6237" s="20">
        <v>43815.624999984888</v>
      </c>
      <c r="B6237" s="22">
        <v>1.9296926259994507</v>
      </c>
      <c r="C6237" s="21">
        <v>253234.08626742911</v>
      </c>
      <c r="D6237">
        <f t="shared" si="97"/>
        <v>15</v>
      </c>
    </row>
    <row r="6238" spans="1:4" x14ac:dyDescent="0.25">
      <c r="A6238" s="20">
        <v>43815.666666651552</v>
      </c>
      <c r="B6238" s="22">
        <v>2.0580582618713379</v>
      </c>
      <c r="C6238" s="21">
        <v>270079.5434507039</v>
      </c>
      <c r="D6238">
        <f t="shared" si="97"/>
        <v>16</v>
      </c>
    </row>
    <row r="6239" spans="1:4" x14ac:dyDescent="0.25">
      <c r="A6239" s="20">
        <v>43815.708333318216</v>
      </c>
      <c r="B6239" s="22">
        <v>2.1626570224761963</v>
      </c>
      <c r="C6239" s="21">
        <v>283806.06715173007</v>
      </c>
      <c r="D6239">
        <f t="shared" si="97"/>
        <v>17</v>
      </c>
    </row>
    <row r="6240" spans="1:4" x14ac:dyDescent="0.25">
      <c r="A6240" s="20">
        <v>43815.749999984881</v>
      </c>
      <c r="B6240" s="22">
        <v>2.1487762928009033</v>
      </c>
      <c r="C6240" s="21">
        <v>281984.49523468583</v>
      </c>
      <c r="D6240">
        <f t="shared" si="97"/>
        <v>18</v>
      </c>
    </row>
    <row r="6241" spans="1:4" x14ac:dyDescent="0.25">
      <c r="A6241" s="20">
        <v>43815.791666651545</v>
      </c>
      <c r="B6241" s="22">
        <v>1.9885492324829102</v>
      </c>
      <c r="C6241" s="21">
        <v>260957.85468672385</v>
      </c>
      <c r="D6241">
        <f t="shared" si="97"/>
        <v>19</v>
      </c>
    </row>
    <row r="6242" spans="1:4" x14ac:dyDescent="0.25">
      <c r="A6242" s="20">
        <v>43815.833333318209</v>
      </c>
      <c r="B6242" s="22">
        <v>2.0852189064025879</v>
      </c>
      <c r="C6242" s="21">
        <v>273643.8421932268</v>
      </c>
      <c r="D6242">
        <f t="shared" si="97"/>
        <v>20</v>
      </c>
    </row>
    <row r="6243" spans="1:4" x14ac:dyDescent="0.25">
      <c r="A6243" s="20">
        <v>43815.874999984873</v>
      </c>
      <c r="B6243" s="22">
        <v>1.979670524597168</v>
      </c>
      <c r="C6243" s="21">
        <v>259792.69944469826</v>
      </c>
      <c r="D6243">
        <f t="shared" si="97"/>
        <v>21</v>
      </c>
    </row>
    <row r="6244" spans="1:4" x14ac:dyDescent="0.25">
      <c r="A6244" s="20">
        <v>43815.916666651538</v>
      </c>
      <c r="B6244" s="22">
        <v>1.9063079357147217</v>
      </c>
      <c r="C6244" s="21">
        <v>250165.30702398194</v>
      </c>
      <c r="D6244">
        <f t="shared" si="97"/>
        <v>22</v>
      </c>
    </row>
    <row r="6245" spans="1:4" x14ac:dyDescent="0.25">
      <c r="A6245" s="20">
        <v>43815.958333318202</v>
      </c>
      <c r="B6245" s="22">
        <v>1.6918843984603882</v>
      </c>
      <c r="C6245" s="21">
        <v>222026.44812011492</v>
      </c>
      <c r="D6245">
        <f t="shared" si="97"/>
        <v>23</v>
      </c>
    </row>
    <row r="6246" spans="1:4" x14ac:dyDescent="0.25">
      <c r="A6246" s="20">
        <v>43815.999999984866</v>
      </c>
      <c r="B6246" s="22">
        <v>1.4893230199813843</v>
      </c>
      <c r="C6246" s="21">
        <v>195444.26352704593</v>
      </c>
      <c r="D6246">
        <f t="shared" si="97"/>
        <v>0</v>
      </c>
    </row>
    <row r="6247" spans="1:4" x14ac:dyDescent="0.25">
      <c r="A6247" s="20">
        <v>43816.04166665153</v>
      </c>
      <c r="B6247" s="22">
        <v>1.5066869258880615</v>
      </c>
      <c r="C6247" s="21">
        <v>197722.93360489505</v>
      </c>
      <c r="D6247">
        <f t="shared" si="97"/>
        <v>1</v>
      </c>
    </row>
    <row r="6248" spans="1:4" x14ac:dyDescent="0.25">
      <c r="A6248" s="20">
        <v>43816.083333318194</v>
      </c>
      <c r="B6248" s="22">
        <v>1.4449203014373779</v>
      </c>
      <c r="C6248" s="21">
        <v>189617.28273913029</v>
      </c>
      <c r="D6248">
        <f t="shared" si="97"/>
        <v>2</v>
      </c>
    </row>
    <row r="6249" spans="1:4" x14ac:dyDescent="0.25">
      <c r="A6249" s="20">
        <v>43816.124999984859</v>
      </c>
      <c r="B6249" s="22">
        <v>1.4913325309753418</v>
      </c>
      <c r="C6249" s="21">
        <v>195707.97219937172</v>
      </c>
      <c r="D6249">
        <f t="shared" si="97"/>
        <v>3</v>
      </c>
    </row>
    <row r="6250" spans="1:4" x14ac:dyDescent="0.25">
      <c r="A6250" s="20">
        <v>43816.166666651523</v>
      </c>
      <c r="B6250" s="22">
        <v>1.5490660667419434</v>
      </c>
      <c r="C6250" s="21">
        <v>203284.35974413474</v>
      </c>
      <c r="D6250">
        <f t="shared" si="97"/>
        <v>4</v>
      </c>
    </row>
    <row r="6251" spans="1:4" x14ac:dyDescent="0.25">
      <c r="A6251" s="20">
        <v>43816.208333318187</v>
      </c>
      <c r="B6251" s="22">
        <v>1.6813383102416992</v>
      </c>
      <c r="C6251" s="21">
        <v>220642.4821051273</v>
      </c>
      <c r="D6251">
        <f t="shared" si="97"/>
        <v>5</v>
      </c>
    </row>
    <row r="6252" spans="1:4" x14ac:dyDescent="0.25">
      <c r="A6252" s="20">
        <v>43816.249999984851</v>
      </c>
      <c r="B6252" s="22">
        <v>1.9903614521026611</v>
      </c>
      <c r="C6252" s="21">
        <v>261195.67275854546</v>
      </c>
      <c r="D6252">
        <f t="shared" si="97"/>
        <v>6</v>
      </c>
    </row>
    <row r="6253" spans="1:4" x14ac:dyDescent="0.25">
      <c r="A6253" s="20">
        <v>43816.291666651516</v>
      </c>
      <c r="B6253" s="22">
        <v>1.8357319831848145</v>
      </c>
      <c r="C6253" s="21">
        <v>240903.60564700334</v>
      </c>
      <c r="D6253">
        <f t="shared" si="97"/>
        <v>7</v>
      </c>
    </row>
    <row r="6254" spans="1:4" x14ac:dyDescent="0.25">
      <c r="A6254" s="20">
        <v>43816.33333331818</v>
      </c>
      <c r="B6254" s="22">
        <v>1.9235039949417114</v>
      </c>
      <c r="C6254" s="21">
        <v>252421.95053656824</v>
      </c>
      <c r="D6254">
        <f t="shared" si="97"/>
        <v>8</v>
      </c>
    </row>
    <row r="6255" spans="1:4" x14ac:dyDescent="0.25">
      <c r="A6255" s="20">
        <v>43816.374999984844</v>
      </c>
      <c r="B6255" s="22">
        <v>2.0178418159484863</v>
      </c>
      <c r="C6255" s="21">
        <v>264801.92835336574</v>
      </c>
      <c r="D6255">
        <f t="shared" si="97"/>
        <v>9</v>
      </c>
    </row>
    <row r="6256" spans="1:4" x14ac:dyDescent="0.25">
      <c r="A6256" s="20">
        <v>43816.416666651508</v>
      </c>
      <c r="B6256" s="22">
        <v>2.1533172130584717</v>
      </c>
      <c r="C6256" s="21">
        <v>282580.40143070137</v>
      </c>
      <c r="D6256">
        <f t="shared" si="97"/>
        <v>10</v>
      </c>
    </row>
    <row r="6257" spans="1:4" x14ac:dyDescent="0.25">
      <c r="A6257" s="20">
        <v>43816.458333318173</v>
      </c>
      <c r="B6257" s="22">
        <v>2.0891692638397217</v>
      </c>
      <c r="C6257" s="21">
        <v>274162.2486702709</v>
      </c>
      <c r="D6257">
        <f t="shared" si="97"/>
        <v>11</v>
      </c>
    </row>
    <row r="6258" spans="1:4" x14ac:dyDescent="0.25">
      <c r="A6258" s="20">
        <v>43816.499999984837</v>
      </c>
      <c r="B6258" s="22">
        <v>2.1512069702148438</v>
      </c>
      <c r="C6258" s="21">
        <v>282303.47369044443</v>
      </c>
      <c r="D6258">
        <f t="shared" si="97"/>
        <v>12</v>
      </c>
    </row>
    <row r="6259" spans="1:4" x14ac:dyDescent="0.25">
      <c r="A6259" s="20">
        <v>43816.541666651501</v>
      </c>
      <c r="B6259" s="22">
        <v>2.2431421279907227</v>
      </c>
      <c r="C6259" s="21">
        <v>294368.14936031622</v>
      </c>
      <c r="D6259">
        <f t="shared" si="97"/>
        <v>13</v>
      </c>
    </row>
    <row r="6260" spans="1:4" x14ac:dyDescent="0.25">
      <c r="A6260" s="20">
        <v>43816.583333318165</v>
      </c>
      <c r="B6260" s="22">
        <v>2.1338925361633301</v>
      </c>
      <c r="C6260" s="21">
        <v>280031.29581755557</v>
      </c>
      <c r="D6260">
        <f t="shared" si="97"/>
        <v>14</v>
      </c>
    </row>
    <row r="6261" spans="1:4" x14ac:dyDescent="0.25">
      <c r="A6261" s="20">
        <v>43816.62499998483</v>
      </c>
      <c r="B6261" s="22">
        <v>2.2824163436889648</v>
      </c>
      <c r="C6261" s="21">
        <v>299522.11532992922</v>
      </c>
      <c r="D6261">
        <f t="shared" si="97"/>
        <v>15</v>
      </c>
    </row>
    <row r="6262" spans="1:4" x14ac:dyDescent="0.25">
      <c r="A6262" s="20">
        <v>43816.666666651494</v>
      </c>
      <c r="B6262" s="22">
        <v>2.3995239734649658</v>
      </c>
      <c r="C6262" s="21">
        <v>314890.18132225814</v>
      </c>
      <c r="D6262">
        <f t="shared" si="97"/>
        <v>16</v>
      </c>
    </row>
    <row r="6263" spans="1:4" x14ac:dyDescent="0.25">
      <c r="A6263" s="20">
        <v>43816.708333318158</v>
      </c>
      <c r="B6263" s="22">
        <v>2.7980289459228516</v>
      </c>
      <c r="C6263" s="21">
        <v>367186.09685498837</v>
      </c>
      <c r="D6263">
        <f t="shared" si="97"/>
        <v>17</v>
      </c>
    </row>
    <row r="6264" spans="1:4" x14ac:dyDescent="0.25">
      <c r="A6264" s="20">
        <v>43816.749999984822</v>
      </c>
      <c r="B6264" s="22">
        <v>2.7906367778778076</v>
      </c>
      <c r="C6264" s="21">
        <v>366216.02063911821</v>
      </c>
      <c r="D6264">
        <f t="shared" si="97"/>
        <v>18</v>
      </c>
    </row>
    <row r="6265" spans="1:4" x14ac:dyDescent="0.25">
      <c r="A6265" s="20">
        <v>43816.791666651487</v>
      </c>
      <c r="B6265" s="22">
        <v>2.6003336906433105</v>
      </c>
      <c r="C6265" s="21">
        <v>341242.49492813152</v>
      </c>
      <c r="D6265">
        <f t="shared" si="97"/>
        <v>19</v>
      </c>
    </row>
    <row r="6266" spans="1:4" x14ac:dyDescent="0.25">
      <c r="A6266" s="20">
        <v>43816.833333318151</v>
      </c>
      <c r="B6266" s="22">
        <v>2.8654875755310059</v>
      </c>
      <c r="C6266" s="21">
        <v>376038.71110013331</v>
      </c>
      <c r="D6266">
        <f t="shared" si="97"/>
        <v>20</v>
      </c>
    </row>
    <row r="6267" spans="1:4" x14ac:dyDescent="0.25">
      <c r="A6267" s="20">
        <v>43816.874999984815</v>
      </c>
      <c r="B6267" s="22">
        <v>2.8210322856903076</v>
      </c>
      <c r="C6267" s="21">
        <v>370204.83136670565</v>
      </c>
      <c r="D6267">
        <f t="shared" si="97"/>
        <v>21</v>
      </c>
    </row>
    <row r="6268" spans="1:4" x14ac:dyDescent="0.25">
      <c r="A6268" s="20">
        <v>43816.916666651479</v>
      </c>
      <c r="B6268" s="22">
        <v>2.6317336559295654</v>
      </c>
      <c r="C6268" s="21">
        <v>345363.12088221341</v>
      </c>
      <c r="D6268">
        <f t="shared" si="97"/>
        <v>22</v>
      </c>
    </row>
    <row r="6269" spans="1:4" x14ac:dyDescent="0.25">
      <c r="A6269" s="20">
        <v>43816.958333318144</v>
      </c>
      <c r="B6269" s="22">
        <v>2.5142514705657959</v>
      </c>
      <c r="C6269" s="21">
        <v>329945.90185859497</v>
      </c>
      <c r="D6269">
        <f t="shared" si="97"/>
        <v>23</v>
      </c>
    </row>
    <row r="6270" spans="1:4" x14ac:dyDescent="0.25">
      <c r="A6270" s="20">
        <v>43816.999999984808</v>
      </c>
      <c r="B6270" s="22">
        <v>2.5240707397460938</v>
      </c>
      <c r="C6270" s="21">
        <v>331234.48721420247</v>
      </c>
      <c r="D6270">
        <f t="shared" si="97"/>
        <v>0</v>
      </c>
    </row>
    <row r="6271" spans="1:4" x14ac:dyDescent="0.25">
      <c r="A6271" s="20">
        <v>43817.041666651472</v>
      </c>
      <c r="B6271" s="22">
        <v>2.6246812343597412</v>
      </c>
      <c r="C6271" s="21">
        <v>344437.62968835956</v>
      </c>
      <c r="D6271">
        <f t="shared" si="97"/>
        <v>1</v>
      </c>
    </row>
    <row r="6272" spans="1:4" x14ac:dyDescent="0.25">
      <c r="A6272" s="20">
        <v>43817.083333318136</v>
      </c>
      <c r="B6272" s="22">
        <v>2.7094361782073975</v>
      </c>
      <c r="C6272" s="21">
        <v>355560.04393855255</v>
      </c>
      <c r="D6272">
        <f t="shared" si="97"/>
        <v>2</v>
      </c>
    </row>
    <row r="6273" spans="1:4" x14ac:dyDescent="0.25">
      <c r="A6273" s="20">
        <v>43817.124999984801</v>
      </c>
      <c r="B6273" s="22">
        <v>2.7670829296112061</v>
      </c>
      <c r="C6273" s="21">
        <v>363125.04274786718</v>
      </c>
      <c r="D6273">
        <f t="shared" si="97"/>
        <v>3</v>
      </c>
    </row>
    <row r="6274" spans="1:4" x14ac:dyDescent="0.25">
      <c r="A6274" s="20">
        <v>43817.166666651465</v>
      </c>
      <c r="B6274" s="22">
        <v>2.9368064403533936</v>
      </c>
      <c r="C6274" s="21">
        <v>385397.90505858744</v>
      </c>
      <c r="D6274">
        <f t="shared" si="97"/>
        <v>4</v>
      </c>
    </row>
    <row r="6275" spans="1:4" x14ac:dyDescent="0.25">
      <c r="A6275" s="20">
        <v>43817.208333318129</v>
      </c>
      <c r="B6275" s="22">
        <v>3.0435514450073242</v>
      </c>
      <c r="C6275" s="21">
        <v>399406.08094781754</v>
      </c>
      <c r="D6275">
        <f t="shared" si="97"/>
        <v>5</v>
      </c>
    </row>
    <row r="6276" spans="1:4" x14ac:dyDescent="0.25">
      <c r="A6276" s="20">
        <v>43817.249999984793</v>
      </c>
      <c r="B6276" s="22">
        <v>3.3625349998474121</v>
      </c>
      <c r="C6276" s="21">
        <v>441266.3792958142</v>
      </c>
      <c r="D6276">
        <f t="shared" si="97"/>
        <v>6</v>
      </c>
    </row>
    <row r="6277" spans="1:4" x14ac:dyDescent="0.25">
      <c r="A6277" s="20">
        <v>43817.291666651457</v>
      </c>
      <c r="B6277" s="22">
        <v>3.2136826515197754</v>
      </c>
      <c r="C6277" s="21">
        <v>421732.44528495742</v>
      </c>
      <c r="D6277">
        <f t="shared" si="97"/>
        <v>7</v>
      </c>
    </row>
    <row r="6278" spans="1:4" x14ac:dyDescent="0.25">
      <c r="A6278" s="20">
        <v>43817.333333318122</v>
      </c>
      <c r="B6278" s="22">
        <v>3.0086946487426758</v>
      </c>
      <c r="C6278" s="21">
        <v>394831.81412762054</v>
      </c>
      <c r="D6278">
        <f t="shared" si="97"/>
        <v>8</v>
      </c>
    </row>
    <row r="6279" spans="1:4" x14ac:dyDescent="0.25">
      <c r="A6279" s="20">
        <v>43817.374999984786</v>
      </c>
      <c r="B6279" s="22">
        <v>3.1189641952514648</v>
      </c>
      <c r="C6279" s="21">
        <v>409302.51659963425</v>
      </c>
      <c r="D6279">
        <f t="shared" ref="D6279:D6342" si="98">HOUR(A6279)</f>
        <v>9</v>
      </c>
    </row>
    <row r="6280" spans="1:4" x14ac:dyDescent="0.25">
      <c r="A6280" s="20">
        <v>43817.41666665145</v>
      </c>
      <c r="B6280" s="22">
        <v>3.1798136234283447</v>
      </c>
      <c r="C6280" s="21">
        <v>417287.80354982242</v>
      </c>
      <c r="D6280">
        <f t="shared" si="98"/>
        <v>10</v>
      </c>
    </row>
    <row r="6281" spans="1:4" x14ac:dyDescent="0.25">
      <c r="A6281" s="20">
        <v>43817.458333318114</v>
      </c>
      <c r="B6281" s="22">
        <v>2.9347286224365234</v>
      </c>
      <c r="C6281" s="21">
        <v>385125.2324502563</v>
      </c>
      <c r="D6281">
        <f t="shared" si="98"/>
        <v>11</v>
      </c>
    </row>
    <row r="6282" spans="1:4" x14ac:dyDescent="0.25">
      <c r="A6282" s="20">
        <v>43817.499999984779</v>
      </c>
      <c r="B6282" s="22">
        <v>2.6223034858703613</v>
      </c>
      <c r="C6282" s="21">
        <v>344125.59710971511</v>
      </c>
      <c r="D6282">
        <f t="shared" si="98"/>
        <v>12</v>
      </c>
    </row>
    <row r="6283" spans="1:4" x14ac:dyDescent="0.25">
      <c r="A6283" s="20">
        <v>43817.541666651443</v>
      </c>
      <c r="B6283" s="22">
        <v>2.6617734432220459</v>
      </c>
      <c r="C6283" s="21">
        <v>349305.25030955643</v>
      </c>
      <c r="D6283">
        <f t="shared" si="98"/>
        <v>13</v>
      </c>
    </row>
    <row r="6284" spans="1:4" x14ac:dyDescent="0.25">
      <c r="A6284" s="20">
        <v>43817.583333318107</v>
      </c>
      <c r="B6284" s="22">
        <v>2.7259113788604736</v>
      </c>
      <c r="C6284" s="21">
        <v>357722.08898512746</v>
      </c>
      <c r="D6284">
        <f t="shared" si="98"/>
        <v>14</v>
      </c>
    </row>
    <row r="6285" spans="1:4" x14ac:dyDescent="0.25">
      <c r="A6285" s="20">
        <v>43817.624999984771</v>
      </c>
      <c r="B6285" s="22">
        <v>2.9097213745117188</v>
      </c>
      <c r="C6285" s="21">
        <v>381843.52452797978</v>
      </c>
      <c r="D6285">
        <f t="shared" si="98"/>
        <v>15</v>
      </c>
    </row>
    <row r="6286" spans="1:4" x14ac:dyDescent="0.25">
      <c r="A6286" s="20">
        <v>43817.666666651436</v>
      </c>
      <c r="B6286" s="22">
        <v>2.881087064743042</v>
      </c>
      <c r="C6286" s="21">
        <v>378085.83629697782</v>
      </c>
      <c r="D6286">
        <f t="shared" si="98"/>
        <v>16</v>
      </c>
    </row>
    <row r="6287" spans="1:4" x14ac:dyDescent="0.25">
      <c r="A6287" s="20">
        <v>43817.7083333181</v>
      </c>
      <c r="B6287" s="22">
        <v>3.1548292636871338</v>
      </c>
      <c r="C6287" s="21">
        <v>414009.09925008175</v>
      </c>
      <c r="D6287">
        <f t="shared" si="98"/>
        <v>17</v>
      </c>
    </row>
    <row r="6288" spans="1:4" x14ac:dyDescent="0.25">
      <c r="A6288" s="20">
        <v>43817.749999984764</v>
      </c>
      <c r="B6288" s="22">
        <v>2.9854719638824463</v>
      </c>
      <c r="C6288" s="21">
        <v>391784.29489993484</v>
      </c>
      <c r="D6288">
        <f t="shared" si="98"/>
        <v>18</v>
      </c>
    </row>
    <row r="6289" spans="1:4" x14ac:dyDescent="0.25">
      <c r="A6289" s="20">
        <v>43817.791666651428</v>
      </c>
      <c r="B6289" s="22">
        <v>3.1346919536590576</v>
      </c>
      <c r="C6289" s="21">
        <v>411366.47459777334</v>
      </c>
      <c r="D6289">
        <f t="shared" si="98"/>
        <v>19</v>
      </c>
    </row>
    <row r="6290" spans="1:4" x14ac:dyDescent="0.25">
      <c r="A6290" s="20">
        <v>43817.833333318093</v>
      </c>
      <c r="B6290" s="22">
        <v>3.3337485790252686</v>
      </c>
      <c r="C6290" s="21">
        <v>437488.72949004278</v>
      </c>
      <c r="D6290">
        <f t="shared" si="98"/>
        <v>20</v>
      </c>
    </row>
    <row r="6291" spans="1:4" x14ac:dyDescent="0.25">
      <c r="A6291" s="20">
        <v>43817.874999984757</v>
      </c>
      <c r="B6291" s="22">
        <v>3.1644995212554932</v>
      </c>
      <c r="C6291" s="21">
        <v>415278.12977147161</v>
      </c>
      <c r="D6291">
        <f t="shared" si="98"/>
        <v>21</v>
      </c>
    </row>
    <row r="6292" spans="1:4" x14ac:dyDescent="0.25">
      <c r="A6292" s="20">
        <v>43817.916666651421</v>
      </c>
      <c r="B6292" s="22">
        <v>3.1107163429260254</v>
      </c>
      <c r="C6292" s="21">
        <v>408220.14870375267</v>
      </c>
      <c r="D6292">
        <f t="shared" si="98"/>
        <v>22</v>
      </c>
    </row>
    <row r="6293" spans="1:4" x14ac:dyDescent="0.25">
      <c r="A6293" s="20">
        <v>43817.958333318085</v>
      </c>
      <c r="B6293" s="22">
        <v>2.9459350109100342</v>
      </c>
      <c r="C6293" s="21">
        <v>386595.84984662925</v>
      </c>
      <c r="D6293">
        <f t="shared" si="98"/>
        <v>23</v>
      </c>
    </row>
    <row r="6294" spans="1:4" x14ac:dyDescent="0.25">
      <c r="A6294" s="20">
        <v>43817.99999998475</v>
      </c>
      <c r="B6294" s="22">
        <v>2.9812548160552979</v>
      </c>
      <c r="C6294" s="21">
        <v>391230.8774477074</v>
      </c>
      <c r="D6294">
        <f t="shared" si="98"/>
        <v>0</v>
      </c>
    </row>
    <row r="6295" spans="1:4" x14ac:dyDescent="0.25">
      <c r="A6295" s="20">
        <v>43818.041666651414</v>
      </c>
      <c r="B6295" s="22">
        <v>2.9328329563140869</v>
      </c>
      <c r="C6295" s="21">
        <v>384876.4636712728</v>
      </c>
      <c r="D6295">
        <f t="shared" si="98"/>
        <v>1</v>
      </c>
    </row>
    <row r="6296" spans="1:4" x14ac:dyDescent="0.25">
      <c r="A6296" s="20">
        <v>43818.083333318078</v>
      </c>
      <c r="B6296" s="22">
        <v>2.9491724967956543</v>
      </c>
      <c r="C6296" s="21">
        <v>387020.705996776</v>
      </c>
      <c r="D6296">
        <f t="shared" si="98"/>
        <v>2</v>
      </c>
    </row>
    <row r="6297" spans="1:4" x14ac:dyDescent="0.25">
      <c r="A6297" s="20">
        <v>43818.124999984742</v>
      </c>
      <c r="B6297" s="22">
        <v>3.0873939990997314</v>
      </c>
      <c r="C6297" s="21">
        <v>405159.55120294209</v>
      </c>
      <c r="D6297">
        <f t="shared" si="98"/>
        <v>3</v>
      </c>
    </row>
    <row r="6298" spans="1:4" x14ac:dyDescent="0.25">
      <c r="A6298" s="20">
        <v>43818.166666651407</v>
      </c>
      <c r="B6298" s="22">
        <v>3.1757721900939941</v>
      </c>
      <c r="C6298" s="21">
        <v>416757.44515810453</v>
      </c>
      <c r="D6298">
        <f t="shared" si="98"/>
        <v>4</v>
      </c>
    </row>
    <row r="6299" spans="1:4" x14ac:dyDescent="0.25">
      <c r="A6299" s="20">
        <v>43818.208333318071</v>
      </c>
      <c r="B6299" s="22">
        <v>3.3543977737426758</v>
      </c>
      <c r="C6299" s="21">
        <v>440198.52890885575</v>
      </c>
      <c r="D6299">
        <f t="shared" si="98"/>
        <v>5</v>
      </c>
    </row>
    <row r="6300" spans="1:4" x14ac:dyDescent="0.25">
      <c r="A6300" s="20">
        <v>43818.249999984735</v>
      </c>
      <c r="B6300" s="22">
        <v>3.5537042617797852</v>
      </c>
      <c r="C6300" s="21">
        <v>466353.57334714133</v>
      </c>
      <c r="D6300">
        <f t="shared" si="98"/>
        <v>6</v>
      </c>
    </row>
    <row r="6301" spans="1:4" x14ac:dyDescent="0.25">
      <c r="A6301" s="20">
        <v>43818.291666651399</v>
      </c>
      <c r="B6301" s="22">
        <v>3.6641166210174561</v>
      </c>
      <c r="C6301" s="21">
        <v>480843.01717226929</v>
      </c>
      <c r="D6301">
        <f t="shared" si="98"/>
        <v>7</v>
      </c>
    </row>
    <row r="6302" spans="1:4" x14ac:dyDescent="0.25">
      <c r="A6302" s="20">
        <v>43818.333333318064</v>
      </c>
      <c r="B6302" s="22">
        <v>3.7845218181610107</v>
      </c>
      <c r="C6302" s="21">
        <v>496643.82382390148</v>
      </c>
      <c r="D6302">
        <f t="shared" si="98"/>
        <v>8</v>
      </c>
    </row>
    <row r="6303" spans="1:4" x14ac:dyDescent="0.25">
      <c r="A6303" s="20">
        <v>43818.374999984728</v>
      </c>
      <c r="B6303" s="22">
        <v>3.4278426170349121</v>
      </c>
      <c r="C6303" s="21">
        <v>449836.71559806017</v>
      </c>
      <c r="D6303">
        <f t="shared" si="98"/>
        <v>9</v>
      </c>
    </row>
    <row r="6304" spans="1:4" x14ac:dyDescent="0.25">
      <c r="A6304" s="20">
        <v>43818.416666651392</v>
      </c>
      <c r="B6304" s="22">
        <v>2.9827289581298828</v>
      </c>
      <c r="C6304" s="21">
        <v>391424.3295116559</v>
      </c>
      <c r="D6304">
        <f t="shared" si="98"/>
        <v>10</v>
      </c>
    </row>
    <row r="6305" spans="1:4" x14ac:dyDescent="0.25">
      <c r="A6305" s="20">
        <v>43818.458333318056</v>
      </c>
      <c r="B6305" s="22">
        <v>2.58154296875</v>
      </c>
      <c r="C6305" s="21">
        <v>338776.58340168139</v>
      </c>
      <c r="D6305">
        <f t="shared" si="98"/>
        <v>11</v>
      </c>
    </row>
    <row r="6306" spans="1:4" x14ac:dyDescent="0.25">
      <c r="A6306" s="20">
        <v>43818.49999998472</v>
      </c>
      <c r="B6306" s="22">
        <v>2.2363405227661133</v>
      </c>
      <c r="C6306" s="21">
        <v>293475.57286341762</v>
      </c>
      <c r="D6306">
        <f t="shared" si="98"/>
        <v>12</v>
      </c>
    </row>
    <row r="6307" spans="1:4" x14ac:dyDescent="0.25">
      <c r="A6307" s="20">
        <v>43818.541666651385</v>
      </c>
      <c r="B6307" s="22">
        <v>2.0235497951507568</v>
      </c>
      <c r="C6307" s="21">
        <v>265550.98801097408</v>
      </c>
      <c r="D6307">
        <f t="shared" si="98"/>
        <v>13</v>
      </c>
    </row>
    <row r="6308" spans="1:4" x14ac:dyDescent="0.25">
      <c r="A6308" s="20">
        <v>43818.583333318049</v>
      </c>
      <c r="B6308" s="22">
        <v>2.1444811820983887</v>
      </c>
      <c r="C6308" s="21">
        <v>281420.84669319569</v>
      </c>
      <c r="D6308">
        <f t="shared" si="98"/>
        <v>14</v>
      </c>
    </row>
    <row r="6309" spans="1:4" x14ac:dyDescent="0.25">
      <c r="A6309" s="20">
        <v>43818.624999984713</v>
      </c>
      <c r="B6309" s="22">
        <v>2.1198163032531738</v>
      </c>
      <c r="C6309" s="21">
        <v>278184.06795801769</v>
      </c>
      <c r="D6309">
        <f t="shared" si="98"/>
        <v>15</v>
      </c>
    </row>
    <row r="6310" spans="1:4" x14ac:dyDescent="0.25">
      <c r="A6310" s="20">
        <v>43818.666666651377</v>
      </c>
      <c r="B6310" s="22">
        <v>2.3193590641021729</v>
      </c>
      <c r="C6310" s="21">
        <v>304370.11854143889</v>
      </c>
      <c r="D6310">
        <f t="shared" si="98"/>
        <v>16</v>
      </c>
    </row>
    <row r="6311" spans="1:4" x14ac:dyDescent="0.25">
      <c r="A6311" s="20">
        <v>43818.708333318042</v>
      </c>
      <c r="B6311" s="22">
        <v>2.4784512519836426</v>
      </c>
      <c r="C6311" s="21">
        <v>325247.82947199908</v>
      </c>
      <c r="D6311">
        <f t="shared" si="98"/>
        <v>17</v>
      </c>
    </row>
    <row r="6312" spans="1:4" x14ac:dyDescent="0.25">
      <c r="A6312" s="20">
        <v>43818.749999984706</v>
      </c>
      <c r="B6312" s="22">
        <v>2.7187247276306152</v>
      </c>
      <c r="C6312" s="21">
        <v>356778.98279661039</v>
      </c>
      <c r="D6312">
        <f t="shared" si="98"/>
        <v>18</v>
      </c>
    </row>
    <row r="6313" spans="1:4" x14ac:dyDescent="0.25">
      <c r="A6313" s="20">
        <v>43818.79166665137</v>
      </c>
      <c r="B6313" s="22">
        <v>2.8766663074493408</v>
      </c>
      <c r="C6313" s="21">
        <v>377505.69911927544</v>
      </c>
      <c r="D6313">
        <f t="shared" si="98"/>
        <v>19</v>
      </c>
    </row>
    <row r="6314" spans="1:4" x14ac:dyDescent="0.25">
      <c r="A6314" s="20">
        <v>43818.833333318034</v>
      </c>
      <c r="B6314" s="22">
        <v>3.1317324638366699</v>
      </c>
      <c r="C6314" s="21">
        <v>410978.09994634317</v>
      </c>
      <c r="D6314">
        <f t="shared" si="98"/>
        <v>20</v>
      </c>
    </row>
    <row r="6315" spans="1:4" x14ac:dyDescent="0.25">
      <c r="A6315" s="20">
        <v>43818.874999984699</v>
      </c>
      <c r="B6315" s="22">
        <v>3.1353414058685303</v>
      </c>
      <c r="C6315" s="21">
        <v>411451.70238722768</v>
      </c>
      <c r="D6315">
        <f t="shared" si="98"/>
        <v>21</v>
      </c>
    </row>
    <row r="6316" spans="1:4" x14ac:dyDescent="0.25">
      <c r="A6316" s="20">
        <v>43818.916666651363</v>
      </c>
      <c r="B6316" s="22">
        <v>2.8450303077697754</v>
      </c>
      <c r="C6316" s="21">
        <v>373354.09830779274</v>
      </c>
      <c r="D6316">
        <f t="shared" si="98"/>
        <v>22</v>
      </c>
    </row>
    <row r="6317" spans="1:4" x14ac:dyDescent="0.25">
      <c r="A6317" s="20">
        <v>43818.958333318027</v>
      </c>
      <c r="B6317" s="22">
        <v>2.7493433952331543</v>
      </c>
      <c r="C6317" s="21">
        <v>360797.07884392218</v>
      </c>
      <c r="D6317">
        <f t="shared" si="98"/>
        <v>23</v>
      </c>
    </row>
    <row r="6318" spans="1:4" x14ac:dyDescent="0.25">
      <c r="A6318" s="20">
        <v>43818.999999984691</v>
      </c>
      <c r="B6318" s="22">
        <v>2.7185440063476563</v>
      </c>
      <c r="C6318" s="21">
        <v>356755.26669367118</v>
      </c>
      <c r="D6318">
        <f t="shared" si="98"/>
        <v>0</v>
      </c>
    </row>
    <row r="6319" spans="1:4" x14ac:dyDescent="0.25">
      <c r="A6319" s="20">
        <v>43819.041666651356</v>
      </c>
      <c r="B6319" s="22">
        <v>2.7429111003875732</v>
      </c>
      <c r="C6319" s="21">
        <v>359952.96704814857</v>
      </c>
      <c r="D6319">
        <f t="shared" si="98"/>
        <v>1</v>
      </c>
    </row>
    <row r="6320" spans="1:4" x14ac:dyDescent="0.25">
      <c r="A6320" s="20">
        <v>43819.08333331802</v>
      </c>
      <c r="B6320" s="22">
        <v>2.7419590950012207</v>
      </c>
      <c r="C6320" s="21">
        <v>359828.03512329876</v>
      </c>
      <c r="D6320">
        <f t="shared" si="98"/>
        <v>2</v>
      </c>
    </row>
    <row r="6321" spans="1:4" x14ac:dyDescent="0.25">
      <c r="A6321" s="20">
        <v>43819.124999984684</v>
      </c>
      <c r="B6321" s="22">
        <v>2.9360346794128418</v>
      </c>
      <c r="C6321" s="21">
        <v>385296.62666120729</v>
      </c>
      <c r="D6321">
        <f t="shared" si="98"/>
        <v>3</v>
      </c>
    </row>
    <row r="6322" spans="1:4" x14ac:dyDescent="0.25">
      <c r="A6322" s="20">
        <v>43819.166666651348</v>
      </c>
      <c r="B6322" s="22">
        <v>3.1066915988922119</v>
      </c>
      <c r="C6322" s="21">
        <v>407691.98045346711</v>
      </c>
      <c r="D6322">
        <f t="shared" si="98"/>
        <v>4</v>
      </c>
    </row>
    <row r="6323" spans="1:4" x14ac:dyDescent="0.25">
      <c r="A6323" s="20">
        <v>43819.208333318013</v>
      </c>
      <c r="B6323" s="22">
        <v>3.2025332450866699</v>
      </c>
      <c r="C6323" s="21">
        <v>420269.30565718928</v>
      </c>
      <c r="D6323">
        <f t="shared" si="98"/>
        <v>5</v>
      </c>
    </row>
    <row r="6324" spans="1:4" x14ac:dyDescent="0.25">
      <c r="A6324" s="20">
        <v>43819.249999984677</v>
      </c>
      <c r="B6324" s="22">
        <v>3.4233133792877197</v>
      </c>
      <c r="C6324" s="21">
        <v>449242.3425010473</v>
      </c>
      <c r="D6324">
        <f t="shared" si="98"/>
        <v>6</v>
      </c>
    </row>
    <row r="6325" spans="1:4" x14ac:dyDescent="0.25">
      <c r="A6325" s="20">
        <v>43819.291666651341</v>
      </c>
      <c r="B6325" s="22">
        <v>3.4689545631408691</v>
      </c>
      <c r="C6325" s="21">
        <v>455231.84742711281</v>
      </c>
      <c r="D6325">
        <f t="shared" si="98"/>
        <v>7</v>
      </c>
    </row>
    <row r="6326" spans="1:4" x14ac:dyDescent="0.25">
      <c r="A6326" s="20">
        <v>43819.333333318005</v>
      </c>
      <c r="B6326" s="22">
        <v>3.348750114440918</v>
      </c>
      <c r="C6326" s="21">
        <v>439457.38504813868</v>
      </c>
      <c r="D6326">
        <f t="shared" si="98"/>
        <v>8</v>
      </c>
    </row>
    <row r="6327" spans="1:4" x14ac:dyDescent="0.25">
      <c r="A6327" s="20">
        <v>43819.37499998467</v>
      </c>
      <c r="B6327" s="22">
        <v>3.2664794921875</v>
      </c>
      <c r="C6327" s="21">
        <v>428660.98899402277</v>
      </c>
      <c r="D6327">
        <f t="shared" si="98"/>
        <v>9</v>
      </c>
    </row>
    <row r="6328" spans="1:4" x14ac:dyDescent="0.25">
      <c r="A6328" s="20">
        <v>43819.416666651334</v>
      </c>
      <c r="B6328" s="22">
        <v>2.8708302974700928</v>
      </c>
      <c r="C6328" s="21">
        <v>376739.83794810728</v>
      </c>
      <c r="D6328">
        <f t="shared" si="98"/>
        <v>10</v>
      </c>
    </row>
    <row r="6329" spans="1:4" x14ac:dyDescent="0.25">
      <c r="A6329" s="20">
        <v>43819.458333317998</v>
      </c>
      <c r="B6329" s="22">
        <v>2.0715222358703613</v>
      </c>
      <c r="C6329" s="21">
        <v>271846.42440740822</v>
      </c>
      <c r="D6329">
        <f t="shared" si="98"/>
        <v>11</v>
      </c>
    </row>
    <row r="6330" spans="1:4" x14ac:dyDescent="0.25">
      <c r="A6330" s="20">
        <v>43819.499999984662</v>
      </c>
      <c r="B6330" s="22">
        <v>2.1530094146728516</v>
      </c>
      <c r="C6330" s="21">
        <v>282540.00896514131</v>
      </c>
      <c r="D6330">
        <f t="shared" si="98"/>
        <v>12</v>
      </c>
    </row>
    <row r="6331" spans="1:4" x14ac:dyDescent="0.25">
      <c r="A6331" s="20">
        <v>43819.541666651327</v>
      </c>
      <c r="B6331" s="22">
        <v>1.731917142868042</v>
      </c>
      <c r="C6331" s="21">
        <v>227279.95601782951</v>
      </c>
      <c r="D6331">
        <f t="shared" si="98"/>
        <v>13</v>
      </c>
    </row>
    <row r="6332" spans="1:4" x14ac:dyDescent="0.25">
      <c r="A6332" s="20">
        <v>43819.583333317991</v>
      </c>
      <c r="B6332" s="22">
        <v>1.8033691644668579</v>
      </c>
      <c r="C6332" s="21">
        <v>236656.62417614061</v>
      </c>
      <c r="D6332">
        <f t="shared" si="98"/>
        <v>14</v>
      </c>
    </row>
    <row r="6333" spans="1:4" x14ac:dyDescent="0.25">
      <c r="A6333" s="20">
        <v>43819.624999984655</v>
      </c>
      <c r="B6333" s="22">
        <v>1.8567644357681274</v>
      </c>
      <c r="C6333" s="21">
        <v>243663.70009942411</v>
      </c>
      <c r="D6333">
        <f t="shared" si="98"/>
        <v>15</v>
      </c>
    </row>
    <row r="6334" spans="1:4" x14ac:dyDescent="0.25">
      <c r="A6334" s="20">
        <v>43819.666666651319</v>
      </c>
      <c r="B6334" s="22">
        <v>1.9356898069381714</v>
      </c>
      <c r="C6334" s="21">
        <v>254021.09794728705</v>
      </c>
      <c r="D6334">
        <f t="shared" si="98"/>
        <v>16</v>
      </c>
    </row>
    <row r="6335" spans="1:4" x14ac:dyDescent="0.25">
      <c r="A6335" s="20">
        <v>43819.708333317983</v>
      </c>
      <c r="B6335" s="22">
        <v>2.2346181869506836</v>
      </c>
      <c r="C6335" s="21">
        <v>293249.55026759609</v>
      </c>
      <c r="D6335">
        <f t="shared" si="98"/>
        <v>17</v>
      </c>
    </row>
    <row r="6336" spans="1:4" x14ac:dyDescent="0.25">
      <c r="A6336" s="20">
        <v>43819.749999984648</v>
      </c>
      <c r="B6336" s="22">
        <v>2.1876773834228516</v>
      </c>
      <c r="C6336" s="21">
        <v>287089.49589941773</v>
      </c>
      <c r="D6336">
        <f t="shared" si="98"/>
        <v>18</v>
      </c>
    </row>
    <row r="6337" spans="1:4" x14ac:dyDescent="0.25">
      <c r="A6337" s="20">
        <v>43819.791666651312</v>
      </c>
      <c r="B6337" s="22">
        <v>2.2981226444244385</v>
      </c>
      <c r="C6337" s="21">
        <v>301583.25743194099</v>
      </c>
      <c r="D6337">
        <f t="shared" si="98"/>
        <v>19</v>
      </c>
    </row>
    <row r="6338" spans="1:4" x14ac:dyDescent="0.25">
      <c r="A6338" s="20">
        <v>43819.833333317976</v>
      </c>
      <c r="B6338" s="22">
        <v>2.4482789039611816</v>
      </c>
      <c r="C6338" s="21">
        <v>321288.30406413606</v>
      </c>
      <c r="D6338">
        <f t="shared" si="98"/>
        <v>20</v>
      </c>
    </row>
    <row r="6339" spans="1:4" x14ac:dyDescent="0.25">
      <c r="A6339" s="20">
        <v>43819.87499998464</v>
      </c>
      <c r="B6339" s="22">
        <v>2.6344163417816162</v>
      </c>
      <c r="C6339" s="21">
        <v>345715.17047360097</v>
      </c>
      <c r="D6339">
        <f t="shared" si="98"/>
        <v>21</v>
      </c>
    </row>
    <row r="6340" spans="1:4" x14ac:dyDescent="0.25">
      <c r="A6340" s="20">
        <v>43819.916666651305</v>
      </c>
      <c r="B6340" s="22">
        <v>2.4426848888397217</v>
      </c>
      <c r="C6340" s="21">
        <v>320554.19994373736</v>
      </c>
      <c r="D6340">
        <f t="shared" si="98"/>
        <v>22</v>
      </c>
    </row>
    <row r="6341" spans="1:4" x14ac:dyDescent="0.25">
      <c r="A6341" s="20">
        <v>43819.958333317969</v>
      </c>
      <c r="B6341" s="22">
        <v>2.6150639057159424</v>
      </c>
      <c r="C6341" s="21">
        <v>343175.5450440839</v>
      </c>
      <c r="D6341">
        <f t="shared" si="98"/>
        <v>23</v>
      </c>
    </row>
    <row r="6342" spans="1:4" x14ac:dyDescent="0.25">
      <c r="A6342" s="20">
        <v>43819.999999984633</v>
      </c>
      <c r="B6342" s="22">
        <v>2.4047820568084717</v>
      </c>
      <c r="C6342" s="21">
        <v>315580.20102439646</v>
      </c>
      <c r="D6342">
        <f t="shared" si="98"/>
        <v>0</v>
      </c>
    </row>
    <row r="6343" spans="1:4" x14ac:dyDescent="0.25">
      <c r="A6343" s="20">
        <v>43820.041666651297</v>
      </c>
      <c r="B6343" s="22">
        <v>2.3592357635498047</v>
      </c>
      <c r="C6343" s="21">
        <v>309603.14861676074</v>
      </c>
      <c r="D6343">
        <f t="shared" ref="D6343:D6406" si="99">HOUR(A6343)</f>
        <v>1</v>
      </c>
    </row>
    <row r="6344" spans="1:4" x14ac:dyDescent="0.25">
      <c r="A6344" s="20">
        <v>43820.083333317962</v>
      </c>
      <c r="B6344" s="22">
        <v>2.444737434387207</v>
      </c>
      <c r="C6344" s="21">
        <v>320823.55605218525</v>
      </c>
      <c r="D6344">
        <f t="shared" si="99"/>
        <v>2</v>
      </c>
    </row>
    <row r="6345" spans="1:4" x14ac:dyDescent="0.25">
      <c r="A6345" s="20">
        <v>43820.124999984626</v>
      </c>
      <c r="B6345" s="22">
        <v>2.3805539608001709</v>
      </c>
      <c r="C6345" s="21">
        <v>312400.74141927727</v>
      </c>
      <c r="D6345">
        <f t="shared" si="99"/>
        <v>3</v>
      </c>
    </row>
    <row r="6346" spans="1:4" x14ac:dyDescent="0.25">
      <c r="A6346" s="20">
        <v>43820.16666665129</v>
      </c>
      <c r="B6346" s="22">
        <v>2.3601648807525635</v>
      </c>
      <c r="C6346" s="21">
        <v>309725.07691907475</v>
      </c>
      <c r="D6346">
        <f t="shared" si="99"/>
        <v>4</v>
      </c>
    </row>
    <row r="6347" spans="1:4" x14ac:dyDescent="0.25">
      <c r="A6347" s="20">
        <v>43820.208333317954</v>
      </c>
      <c r="B6347" s="22">
        <v>2.4569358825683594</v>
      </c>
      <c r="C6347" s="21">
        <v>322424.36171284568</v>
      </c>
      <c r="D6347">
        <f t="shared" si="99"/>
        <v>5</v>
      </c>
    </row>
    <row r="6348" spans="1:4" x14ac:dyDescent="0.25">
      <c r="A6348" s="20">
        <v>43820.249999984619</v>
      </c>
      <c r="B6348" s="22">
        <v>2.4988837242126465</v>
      </c>
      <c r="C6348" s="21">
        <v>327929.18833992578</v>
      </c>
      <c r="D6348">
        <f t="shared" si="99"/>
        <v>6</v>
      </c>
    </row>
    <row r="6349" spans="1:4" x14ac:dyDescent="0.25">
      <c r="A6349" s="20">
        <v>43820.291666651283</v>
      </c>
      <c r="B6349" s="22">
        <v>2.6272127628326416</v>
      </c>
      <c r="C6349" s="21">
        <v>344769.84285591671</v>
      </c>
      <c r="D6349">
        <f t="shared" si="99"/>
        <v>7</v>
      </c>
    </row>
    <row r="6350" spans="1:4" x14ac:dyDescent="0.25">
      <c r="A6350" s="20">
        <v>43820.333333317947</v>
      </c>
      <c r="B6350" s="22">
        <v>2.7483487129211426</v>
      </c>
      <c r="C6350" s="21">
        <v>360666.54641455237</v>
      </c>
      <c r="D6350">
        <f t="shared" si="99"/>
        <v>8</v>
      </c>
    </row>
    <row r="6351" spans="1:4" x14ac:dyDescent="0.25">
      <c r="A6351" s="20">
        <v>43820.374999984611</v>
      </c>
      <c r="B6351" s="22">
        <v>2.6690225601196289</v>
      </c>
      <c r="C6351" s="21">
        <v>350256.55388457753</v>
      </c>
      <c r="D6351">
        <f t="shared" si="99"/>
        <v>9</v>
      </c>
    </row>
    <row r="6352" spans="1:4" x14ac:dyDescent="0.25">
      <c r="A6352" s="20">
        <v>43820.416666651276</v>
      </c>
      <c r="B6352" s="22">
        <v>2.3607404232025146</v>
      </c>
      <c r="C6352" s="21">
        <v>309800.60551075707</v>
      </c>
      <c r="D6352">
        <f t="shared" si="99"/>
        <v>10</v>
      </c>
    </row>
    <row r="6353" spans="1:4" x14ac:dyDescent="0.25">
      <c r="A6353" s="20">
        <v>43820.45833331794</v>
      </c>
      <c r="B6353" s="22">
        <v>2.0579419136047363</v>
      </c>
      <c r="C6353" s="21">
        <v>270064.27503614675</v>
      </c>
      <c r="D6353">
        <f t="shared" si="99"/>
        <v>11</v>
      </c>
    </row>
    <row r="6354" spans="1:4" x14ac:dyDescent="0.25">
      <c r="A6354" s="20">
        <v>43820.499999984604</v>
      </c>
      <c r="B6354" s="22">
        <v>1.7380436658859253</v>
      </c>
      <c r="C6354" s="21">
        <v>228083.94129378843</v>
      </c>
      <c r="D6354">
        <f t="shared" si="99"/>
        <v>12</v>
      </c>
    </row>
    <row r="6355" spans="1:4" x14ac:dyDescent="0.25">
      <c r="A6355" s="20">
        <v>43820.541666651268</v>
      </c>
      <c r="B6355" s="22">
        <v>1.5591012239456177</v>
      </c>
      <c r="C6355" s="21">
        <v>204601.27614355675</v>
      </c>
      <c r="D6355">
        <f t="shared" si="99"/>
        <v>13</v>
      </c>
    </row>
    <row r="6356" spans="1:4" x14ac:dyDescent="0.25">
      <c r="A6356" s="20">
        <v>43820.583333317933</v>
      </c>
      <c r="B6356" s="22">
        <v>1.3772659301757813</v>
      </c>
      <c r="C6356" s="21">
        <v>180738.98126375698</v>
      </c>
      <c r="D6356">
        <f t="shared" si="99"/>
        <v>14</v>
      </c>
    </row>
    <row r="6357" spans="1:4" x14ac:dyDescent="0.25">
      <c r="A6357" s="20">
        <v>43820.624999984597</v>
      </c>
      <c r="B6357" s="22">
        <v>1.5690245628356934</v>
      </c>
      <c r="C6357" s="21">
        <v>205903.51859538187</v>
      </c>
      <c r="D6357">
        <f t="shared" si="99"/>
        <v>15</v>
      </c>
    </row>
    <row r="6358" spans="1:4" x14ac:dyDescent="0.25">
      <c r="A6358" s="20">
        <v>43820.666666651261</v>
      </c>
      <c r="B6358" s="22">
        <v>1.6703615188598633</v>
      </c>
      <c r="C6358" s="21">
        <v>219201.99479731699</v>
      </c>
      <c r="D6358">
        <f t="shared" si="99"/>
        <v>16</v>
      </c>
    </row>
    <row r="6359" spans="1:4" x14ac:dyDescent="0.25">
      <c r="A6359" s="20">
        <v>43820.708333317925</v>
      </c>
      <c r="B6359" s="22">
        <v>2.0334153175354004</v>
      </c>
      <c r="C6359" s="21">
        <v>266845.64318712277</v>
      </c>
      <c r="D6359">
        <f t="shared" si="99"/>
        <v>17</v>
      </c>
    </row>
    <row r="6360" spans="1:4" x14ac:dyDescent="0.25">
      <c r="A6360" s="20">
        <v>43820.74999998459</v>
      </c>
      <c r="B6360" s="22">
        <v>1.9704753160476685</v>
      </c>
      <c r="C6360" s="21">
        <v>258586.00973479438</v>
      </c>
      <c r="D6360">
        <f t="shared" si="99"/>
        <v>18</v>
      </c>
    </row>
    <row r="6361" spans="1:4" x14ac:dyDescent="0.25">
      <c r="A6361" s="20">
        <v>43820.791666651254</v>
      </c>
      <c r="B6361" s="22">
        <v>2.0993807315826416</v>
      </c>
      <c r="C6361" s="21">
        <v>275502.30234953924</v>
      </c>
      <c r="D6361">
        <f t="shared" si="99"/>
        <v>19</v>
      </c>
    </row>
    <row r="6362" spans="1:4" x14ac:dyDescent="0.25">
      <c r="A6362" s="20">
        <v>43820.833333317918</v>
      </c>
      <c r="B6362" s="22">
        <v>2.1084718704223633</v>
      </c>
      <c r="C6362" s="21">
        <v>276695.33496322553</v>
      </c>
      <c r="D6362">
        <f t="shared" si="99"/>
        <v>20</v>
      </c>
    </row>
    <row r="6363" spans="1:4" x14ac:dyDescent="0.25">
      <c r="A6363" s="20">
        <v>43820.874999984582</v>
      </c>
      <c r="B6363" s="22">
        <v>2.2519397735595703</v>
      </c>
      <c r="C6363" s="21">
        <v>295522.66677252739</v>
      </c>
      <c r="D6363">
        <f t="shared" si="99"/>
        <v>21</v>
      </c>
    </row>
    <row r="6364" spans="1:4" x14ac:dyDescent="0.25">
      <c r="A6364" s="20">
        <v>43820.916666651246</v>
      </c>
      <c r="B6364" s="22">
        <v>2.2804710865020752</v>
      </c>
      <c r="C6364" s="21">
        <v>299266.83870211808</v>
      </c>
      <c r="D6364">
        <f t="shared" si="99"/>
        <v>22</v>
      </c>
    </row>
    <row r="6365" spans="1:4" x14ac:dyDescent="0.25">
      <c r="A6365" s="20">
        <v>43820.958333317911</v>
      </c>
      <c r="B6365" s="22">
        <v>2.2468001842498779</v>
      </c>
      <c r="C6365" s="21">
        <v>294848.19707455894</v>
      </c>
      <c r="D6365">
        <f t="shared" si="99"/>
        <v>23</v>
      </c>
    </row>
    <row r="6366" spans="1:4" x14ac:dyDescent="0.25">
      <c r="A6366" s="20">
        <v>43820.999999984575</v>
      </c>
      <c r="B6366" s="22">
        <v>2.4149668216705322</v>
      </c>
      <c r="C6366" s="21">
        <v>316916.75047737302</v>
      </c>
      <c r="D6366">
        <f t="shared" si="99"/>
        <v>0</v>
      </c>
    </row>
    <row r="6367" spans="1:4" x14ac:dyDescent="0.25">
      <c r="A6367" s="20">
        <v>43821.041666651239</v>
      </c>
      <c r="B6367" s="22">
        <v>2.3047375679016113</v>
      </c>
      <c r="C6367" s="21">
        <v>302451.33563253173</v>
      </c>
      <c r="D6367">
        <f t="shared" si="99"/>
        <v>1</v>
      </c>
    </row>
    <row r="6368" spans="1:4" x14ac:dyDescent="0.25">
      <c r="A6368" s="20">
        <v>43821.083333317903</v>
      </c>
      <c r="B6368" s="22">
        <v>2.2252156734466553</v>
      </c>
      <c r="C6368" s="21">
        <v>292015.65587232856</v>
      </c>
      <c r="D6368">
        <f t="shared" si="99"/>
        <v>2</v>
      </c>
    </row>
    <row r="6369" spans="1:4" x14ac:dyDescent="0.25">
      <c r="A6369" s="20">
        <v>43821.124999984568</v>
      </c>
      <c r="B6369" s="22">
        <v>2.2835705280303955</v>
      </c>
      <c r="C6369" s="21">
        <v>299673.57925384562</v>
      </c>
      <c r="D6369">
        <f t="shared" si="99"/>
        <v>3</v>
      </c>
    </row>
    <row r="6370" spans="1:4" x14ac:dyDescent="0.25">
      <c r="A6370" s="20">
        <v>43821.166666651232</v>
      </c>
      <c r="B6370" s="22">
        <v>2.4348926544189453</v>
      </c>
      <c r="C6370" s="21">
        <v>319531.62290895969</v>
      </c>
      <c r="D6370">
        <f t="shared" si="99"/>
        <v>4</v>
      </c>
    </row>
    <row r="6371" spans="1:4" x14ac:dyDescent="0.25">
      <c r="A6371" s="20">
        <v>43821.208333317896</v>
      </c>
      <c r="B6371" s="22">
        <v>2.4485137462615967</v>
      </c>
      <c r="C6371" s="21">
        <v>321319.12248286308</v>
      </c>
      <c r="D6371">
        <f t="shared" si="99"/>
        <v>5</v>
      </c>
    </row>
    <row r="6372" spans="1:4" x14ac:dyDescent="0.25">
      <c r="A6372" s="20">
        <v>43821.24999998456</v>
      </c>
      <c r="B6372" s="22">
        <v>2.5736105442047119</v>
      </c>
      <c r="C6372" s="21">
        <v>337735.60917887173</v>
      </c>
      <c r="D6372">
        <f t="shared" si="99"/>
        <v>6</v>
      </c>
    </row>
    <row r="6373" spans="1:4" x14ac:dyDescent="0.25">
      <c r="A6373" s="20">
        <v>43821.291666651225</v>
      </c>
      <c r="B6373" s="22">
        <v>2.7907805442810059</v>
      </c>
      <c r="C6373" s="21">
        <v>366234.88714317145</v>
      </c>
      <c r="D6373">
        <f t="shared" si="99"/>
        <v>7</v>
      </c>
    </row>
    <row r="6374" spans="1:4" x14ac:dyDescent="0.25">
      <c r="A6374" s="20">
        <v>43821.333333317889</v>
      </c>
      <c r="B6374" s="22">
        <v>2.6948750019073486</v>
      </c>
      <c r="C6374" s="21">
        <v>353649.17682653671</v>
      </c>
      <c r="D6374">
        <f t="shared" si="99"/>
        <v>8</v>
      </c>
    </row>
    <row r="6375" spans="1:4" x14ac:dyDescent="0.25">
      <c r="A6375" s="20">
        <v>43821.374999984553</v>
      </c>
      <c r="B6375" s="22">
        <v>2.7695703506469727</v>
      </c>
      <c r="C6375" s="21">
        <v>363451.46768449584</v>
      </c>
      <c r="D6375">
        <f t="shared" si="99"/>
        <v>9</v>
      </c>
    </row>
    <row r="6376" spans="1:4" x14ac:dyDescent="0.25">
      <c r="A6376" s="20">
        <v>43821.416666651217</v>
      </c>
      <c r="B6376" s="22">
        <v>2.3562781810760498</v>
      </c>
      <c r="C6376" s="21">
        <v>309215.02426720841</v>
      </c>
      <c r="D6376">
        <f t="shared" si="99"/>
        <v>10</v>
      </c>
    </row>
    <row r="6377" spans="1:4" x14ac:dyDescent="0.25">
      <c r="A6377" s="20">
        <v>43821.458333317882</v>
      </c>
      <c r="B6377" s="22">
        <v>2.128087043762207</v>
      </c>
      <c r="C6377" s="21">
        <v>279269.43947643525</v>
      </c>
      <c r="D6377">
        <f t="shared" si="99"/>
        <v>11</v>
      </c>
    </row>
    <row r="6378" spans="1:4" x14ac:dyDescent="0.25">
      <c r="A6378" s="20">
        <v>43821.499999984546</v>
      </c>
      <c r="B6378" s="22">
        <v>2.0312621593475342</v>
      </c>
      <c r="C6378" s="21">
        <v>266563.08365461114</v>
      </c>
      <c r="D6378">
        <f t="shared" si="99"/>
        <v>12</v>
      </c>
    </row>
    <row r="6379" spans="1:4" x14ac:dyDescent="0.25">
      <c r="A6379" s="20">
        <v>43821.54166665121</v>
      </c>
      <c r="B6379" s="22">
        <v>1.8995685577392578</v>
      </c>
      <c r="C6379" s="21">
        <v>249280.89662585259</v>
      </c>
      <c r="D6379">
        <f t="shared" si="99"/>
        <v>13</v>
      </c>
    </row>
    <row r="6380" spans="1:4" x14ac:dyDescent="0.25">
      <c r="A6380" s="20">
        <v>43821.583333317874</v>
      </c>
      <c r="B6380" s="22">
        <v>1.9487490653991699</v>
      </c>
      <c r="C6380" s="21">
        <v>255734.86797425617</v>
      </c>
      <c r="D6380">
        <f t="shared" si="99"/>
        <v>14</v>
      </c>
    </row>
    <row r="6381" spans="1:4" x14ac:dyDescent="0.25">
      <c r="A6381" s="20">
        <v>43821.624999984539</v>
      </c>
      <c r="B6381" s="22">
        <v>1.9216959476470947</v>
      </c>
      <c r="C6381" s="21">
        <v>252184.68000010477</v>
      </c>
      <c r="D6381">
        <f t="shared" si="99"/>
        <v>15</v>
      </c>
    </row>
    <row r="6382" spans="1:4" x14ac:dyDescent="0.25">
      <c r="A6382" s="20">
        <v>43821.666666651203</v>
      </c>
      <c r="B6382" s="22">
        <v>1.9970201253890991</v>
      </c>
      <c r="C6382" s="21">
        <v>262069.4922584625</v>
      </c>
      <c r="D6382">
        <f t="shared" si="99"/>
        <v>16</v>
      </c>
    </row>
    <row r="6383" spans="1:4" x14ac:dyDescent="0.25">
      <c r="A6383" s="20">
        <v>43821.708333317867</v>
      </c>
      <c r="B6383" s="22">
        <v>1.9187591075897217</v>
      </c>
      <c r="C6383" s="21">
        <v>251799.27768347558</v>
      </c>
      <c r="D6383">
        <f t="shared" si="99"/>
        <v>17</v>
      </c>
    </row>
    <row r="6384" spans="1:4" x14ac:dyDescent="0.25">
      <c r="A6384" s="20">
        <v>43821.749999984531</v>
      </c>
      <c r="B6384" s="22">
        <v>1.9682513475418091</v>
      </c>
      <c r="C6384" s="21">
        <v>258294.15774506255</v>
      </c>
      <c r="D6384">
        <f t="shared" si="99"/>
        <v>18</v>
      </c>
    </row>
    <row r="6385" spans="1:4" x14ac:dyDescent="0.25">
      <c r="A6385" s="20">
        <v>43821.791666651196</v>
      </c>
      <c r="B6385" s="22">
        <v>2.3177130222320557</v>
      </c>
      <c r="C6385" s="21">
        <v>304154.10802073678</v>
      </c>
      <c r="D6385">
        <f t="shared" si="99"/>
        <v>19</v>
      </c>
    </row>
    <row r="6386" spans="1:4" x14ac:dyDescent="0.25">
      <c r="A6386" s="20">
        <v>43821.83333331786</v>
      </c>
      <c r="B6386" s="22">
        <v>2.1469640731811523</v>
      </c>
      <c r="C6386" s="21">
        <v>281746.67716286419</v>
      </c>
      <c r="D6386">
        <f t="shared" si="99"/>
        <v>20</v>
      </c>
    </row>
    <row r="6387" spans="1:4" x14ac:dyDescent="0.25">
      <c r="A6387" s="20">
        <v>43821.874999984524</v>
      </c>
      <c r="B6387" s="22">
        <v>2.0731291770935059</v>
      </c>
      <c r="C6387" s="21">
        <v>272057.30373961153</v>
      </c>
      <c r="D6387">
        <f t="shared" si="99"/>
        <v>21</v>
      </c>
    </row>
    <row r="6388" spans="1:4" x14ac:dyDescent="0.25">
      <c r="A6388" s="20">
        <v>43821.916666651188</v>
      </c>
      <c r="B6388" s="22">
        <v>2.0414960384368896</v>
      </c>
      <c r="C6388" s="21">
        <v>267906.07838094584</v>
      </c>
      <c r="D6388">
        <f t="shared" si="99"/>
        <v>22</v>
      </c>
    </row>
    <row r="6389" spans="1:4" x14ac:dyDescent="0.25">
      <c r="A6389" s="20">
        <v>43821.958333317853</v>
      </c>
      <c r="B6389" s="22">
        <v>1.8868091106414795</v>
      </c>
      <c r="C6389" s="21">
        <v>247606.47092532943</v>
      </c>
      <c r="D6389">
        <f t="shared" si="99"/>
        <v>23</v>
      </c>
    </row>
    <row r="6390" spans="1:4" x14ac:dyDescent="0.25">
      <c r="A6390" s="20">
        <v>43821.999999984517</v>
      </c>
      <c r="B6390" s="22">
        <v>2.0088307857513428</v>
      </c>
      <c r="C6390" s="21">
        <v>263619.40841855487</v>
      </c>
      <c r="D6390">
        <f t="shared" si="99"/>
        <v>0</v>
      </c>
    </row>
    <row r="6391" spans="1:4" x14ac:dyDescent="0.25">
      <c r="A6391" s="20">
        <v>43822.041666651181</v>
      </c>
      <c r="B6391" s="22">
        <v>2.0053670406341553</v>
      </c>
      <c r="C6391" s="21">
        <v>263164.86020813207</v>
      </c>
      <c r="D6391">
        <f t="shared" si="99"/>
        <v>1</v>
      </c>
    </row>
    <row r="6392" spans="1:4" x14ac:dyDescent="0.25">
      <c r="A6392" s="20">
        <v>43822.083333317845</v>
      </c>
      <c r="B6392" s="22">
        <v>2.0010986328125</v>
      </c>
      <c r="C6392" s="21">
        <v>262604.71589293377</v>
      </c>
      <c r="D6392">
        <f t="shared" si="99"/>
        <v>2</v>
      </c>
    </row>
    <row r="6393" spans="1:4" x14ac:dyDescent="0.25">
      <c r="A6393" s="20">
        <v>43822.124999984509</v>
      </c>
      <c r="B6393" s="22">
        <v>2.030205249786377</v>
      </c>
      <c r="C6393" s="21">
        <v>266424.38512647204</v>
      </c>
      <c r="D6393">
        <f t="shared" si="99"/>
        <v>3</v>
      </c>
    </row>
    <row r="6394" spans="1:4" x14ac:dyDescent="0.25">
      <c r="A6394" s="20">
        <v>43822.166666651174</v>
      </c>
      <c r="B6394" s="22">
        <v>2.0337467193603516</v>
      </c>
      <c r="C6394" s="21">
        <v>266889.13313842285</v>
      </c>
      <c r="D6394">
        <f t="shared" si="99"/>
        <v>4</v>
      </c>
    </row>
    <row r="6395" spans="1:4" x14ac:dyDescent="0.25">
      <c r="A6395" s="20">
        <v>43822.208333317838</v>
      </c>
      <c r="B6395" s="22">
        <v>2.1936490535736084</v>
      </c>
      <c r="C6395" s="21">
        <v>287873.15979165764</v>
      </c>
      <c r="D6395">
        <f t="shared" si="99"/>
        <v>5</v>
      </c>
    </row>
    <row r="6396" spans="1:4" x14ac:dyDescent="0.25">
      <c r="A6396" s="20">
        <v>43822.249999984502</v>
      </c>
      <c r="B6396" s="22">
        <v>2.2539298534393311</v>
      </c>
      <c r="C6396" s="21">
        <v>295783.82549447118</v>
      </c>
      <c r="D6396">
        <f t="shared" si="99"/>
        <v>6</v>
      </c>
    </row>
    <row r="6397" spans="1:4" x14ac:dyDescent="0.25">
      <c r="A6397" s="20">
        <v>43822.291666651166</v>
      </c>
      <c r="B6397" s="22">
        <v>2.4362373352050781</v>
      </c>
      <c r="C6397" s="21">
        <v>319708.08573293989</v>
      </c>
      <c r="D6397">
        <f t="shared" si="99"/>
        <v>7</v>
      </c>
    </row>
    <row r="6398" spans="1:4" x14ac:dyDescent="0.25">
      <c r="A6398" s="20">
        <v>43822.333333317831</v>
      </c>
      <c r="B6398" s="22">
        <v>2.4097576141357422</v>
      </c>
      <c r="C6398" s="21">
        <v>316233.14476085809</v>
      </c>
      <c r="D6398">
        <f t="shared" si="99"/>
        <v>8</v>
      </c>
    </row>
    <row r="6399" spans="1:4" x14ac:dyDescent="0.25">
      <c r="A6399" s="20">
        <v>43822.374999984495</v>
      </c>
      <c r="B6399" s="22">
        <v>2.4838244915008545</v>
      </c>
      <c r="C6399" s="21">
        <v>325952.96115002077</v>
      </c>
      <c r="D6399">
        <f t="shared" si="99"/>
        <v>9</v>
      </c>
    </row>
    <row r="6400" spans="1:4" x14ac:dyDescent="0.25">
      <c r="A6400" s="20">
        <v>43822.416666651159</v>
      </c>
      <c r="B6400" s="22">
        <v>2.10103440284729</v>
      </c>
      <c r="C6400" s="21">
        <v>275719.31407775328</v>
      </c>
      <c r="D6400">
        <f t="shared" si="99"/>
        <v>10</v>
      </c>
    </row>
    <row r="6401" spans="1:4" x14ac:dyDescent="0.25">
      <c r="A6401" s="20">
        <v>43822.458333317823</v>
      </c>
      <c r="B6401" s="22">
        <v>2.0062243938446045</v>
      </c>
      <c r="C6401" s="21">
        <v>263277.37090228684</v>
      </c>
      <c r="D6401">
        <f t="shared" si="99"/>
        <v>11</v>
      </c>
    </row>
    <row r="6402" spans="1:4" x14ac:dyDescent="0.25">
      <c r="A6402" s="20">
        <v>43822.499999984488</v>
      </c>
      <c r="B6402" s="22">
        <v>1.7693504095077515</v>
      </c>
      <c r="C6402" s="21">
        <v>232192.33374358373</v>
      </c>
      <c r="D6402">
        <f t="shared" si="99"/>
        <v>12</v>
      </c>
    </row>
    <row r="6403" spans="1:4" x14ac:dyDescent="0.25">
      <c r="A6403" s="20">
        <v>43822.541666651152</v>
      </c>
      <c r="B6403" s="22">
        <v>1.5877238512039185</v>
      </c>
      <c r="C6403" s="21">
        <v>208357.43127555607</v>
      </c>
      <c r="D6403">
        <f t="shared" si="99"/>
        <v>13</v>
      </c>
    </row>
    <row r="6404" spans="1:4" x14ac:dyDescent="0.25">
      <c r="A6404" s="20">
        <v>43822.583333317816</v>
      </c>
      <c r="B6404" s="22">
        <v>1.422041654586792</v>
      </c>
      <c r="C6404" s="21">
        <v>186614.91171268633</v>
      </c>
      <c r="D6404">
        <f t="shared" si="99"/>
        <v>14</v>
      </c>
    </row>
    <row r="6405" spans="1:4" x14ac:dyDescent="0.25">
      <c r="A6405" s="20">
        <v>43822.62499998448</v>
      </c>
      <c r="B6405" s="22">
        <v>1.4243301153182983</v>
      </c>
      <c r="C6405" s="21">
        <v>186915.22703466757</v>
      </c>
      <c r="D6405">
        <f t="shared" si="99"/>
        <v>15</v>
      </c>
    </row>
    <row r="6406" spans="1:4" x14ac:dyDescent="0.25">
      <c r="A6406" s="20">
        <v>43822.666666651145</v>
      </c>
      <c r="B6406" s="22">
        <v>1.5222251415252686</v>
      </c>
      <c r="C6406" s="21">
        <v>199762.01785390926</v>
      </c>
      <c r="D6406">
        <f t="shared" si="99"/>
        <v>16</v>
      </c>
    </row>
    <row r="6407" spans="1:4" x14ac:dyDescent="0.25">
      <c r="A6407" s="20">
        <v>43822.708333317809</v>
      </c>
      <c r="B6407" s="22">
        <v>1.6375007629394531</v>
      </c>
      <c r="C6407" s="21">
        <v>214889.66889243244</v>
      </c>
      <c r="D6407">
        <f t="shared" ref="D6407:D6470" si="100">HOUR(A6407)</f>
        <v>17</v>
      </c>
    </row>
    <row r="6408" spans="1:4" x14ac:dyDescent="0.25">
      <c r="A6408" s="20">
        <v>43822.749999984473</v>
      </c>
      <c r="B6408" s="22">
        <v>1.9804506301879883</v>
      </c>
      <c r="C6408" s="21">
        <v>259895.0729127946</v>
      </c>
      <c r="D6408">
        <f t="shared" si="100"/>
        <v>18</v>
      </c>
    </row>
    <row r="6409" spans="1:4" x14ac:dyDescent="0.25">
      <c r="A6409" s="20">
        <v>43822.791666651137</v>
      </c>
      <c r="B6409" s="22">
        <v>1.8943576812744141</v>
      </c>
      <c r="C6409" s="21">
        <v>248597.07189519439</v>
      </c>
      <c r="D6409">
        <f t="shared" si="100"/>
        <v>19</v>
      </c>
    </row>
    <row r="6410" spans="1:4" x14ac:dyDescent="0.25">
      <c r="A6410" s="20">
        <v>43822.833333317802</v>
      </c>
      <c r="B6410" s="22">
        <v>1.9666998386383057</v>
      </c>
      <c r="C6410" s="21">
        <v>258090.55281118813</v>
      </c>
      <c r="D6410">
        <f t="shared" si="100"/>
        <v>20</v>
      </c>
    </row>
    <row r="6411" spans="1:4" x14ac:dyDescent="0.25">
      <c r="A6411" s="20">
        <v>43822.874999984466</v>
      </c>
      <c r="B6411" s="22">
        <v>2.056781530380249</v>
      </c>
      <c r="C6411" s="21">
        <v>269911.9976311269</v>
      </c>
      <c r="D6411">
        <f t="shared" si="100"/>
        <v>21</v>
      </c>
    </row>
    <row r="6412" spans="1:4" x14ac:dyDescent="0.25">
      <c r="A6412" s="20">
        <v>43822.91666665113</v>
      </c>
      <c r="B6412" s="22">
        <v>2.2103354930877686</v>
      </c>
      <c r="C6412" s="21">
        <v>290062.92577121954</v>
      </c>
      <c r="D6412">
        <f t="shared" si="100"/>
        <v>22</v>
      </c>
    </row>
    <row r="6413" spans="1:4" x14ac:dyDescent="0.25">
      <c r="A6413" s="20">
        <v>43822.958333317794</v>
      </c>
      <c r="B6413" s="22">
        <v>2.0061576366424561</v>
      </c>
      <c r="C6413" s="21">
        <v>263268.61033655732</v>
      </c>
      <c r="D6413">
        <f t="shared" si="100"/>
        <v>23</v>
      </c>
    </row>
    <row r="6414" spans="1:4" x14ac:dyDescent="0.25">
      <c r="A6414" s="20">
        <v>43822.999999984459</v>
      </c>
      <c r="B6414" s="22">
        <v>2.0115878582000732</v>
      </c>
      <c r="C6414" s="21">
        <v>263981.21978318389</v>
      </c>
      <c r="D6414">
        <f t="shared" si="100"/>
        <v>0</v>
      </c>
    </row>
    <row r="6415" spans="1:4" x14ac:dyDescent="0.25">
      <c r="A6415" s="20">
        <v>43823.041666651123</v>
      </c>
      <c r="B6415" s="22">
        <v>2.1537625789642334</v>
      </c>
      <c r="C6415" s="21">
        <v>282638.84691921115</v>
      </c>
      <c r="D6415">
        <f t="shared" si="100"/>
        <v>1</v>
      </c>
    </row>
    <row r="6416" spans="1:4" x14ac:dyDescent="0.25">
      <c r="A6416" s="20">
        <v>43823.083333317787</v>
      </c>
      <c r="B6416" s="22">
        <v>2.1123411655426025</v>
      </c>
      <c r="C6416" s="21">
        <v>277203.10361045523</v>
      </c>
      <c r="D6416">
        <f t="shared" si="100"/>
        <v>2</v>
      </c>
    </row>
    <row r="6417" spans="1:4" x14ac:dyDescent="0.25">
      <c r="A6417" s="20">
        <v>43823.124999984451</v>
      </c>
      <c r="B6417" s="22">
        <v>2.2468211650848389</v>
      </c>
      <c r="C6417" s="21">
        <v>294850.95039521676</v>
      </c>
      <c r="D6417">
        <f t="shared" si="100"/>
        <v>3</v>
      </c>
    </row>
    <row r="6418" spans="1:4" x14ac:dyDescent="0.25">
      <c r="A6418" s="20">
        <v>43823.166666651116</v>
      </c>
      <c r="B6418" s="22">
        <v>2.2302329540252686</v>
      </c>
      <c r="C6418" s="21">
        <v>292674.07496237115</v>
      </c>
      <c r="D6418">
        <f t="shared" si="100"/>
        <v>4</v>
      </c>
    </row>
    <row r="6419" spans="1:4" x14ac:dyDescent="0.25">
      <c r="A6419" s="20">
        <v>43823.20833331778</v>
      </c>
      <c r="B6419" s="22">
        <v>2.286163330078125</v>
      </c>
      <c r="C6419" s="21">
        <v>300013.83336923301</v>
      </c>
      <c r="D6419">
        <f t="shared" si="100"/>
        <v>5</v>
      </c>
    </row>
    <row r="6420" spans="1:4" x14ac:dyDescent="0.25">
      <c r="A6420" s="20">
        <v>43823.249999984444</v>
      </c>
      <c r="B6420" s="22">
        <v>2.3697161674499512</v>
      </c>
      <c r="C6420" s="21">
        <v>310978.49486082513</v>
      </c>
      <c r="D6420">
        <f t="shared" si="100"/>
        <v>6</v>
      </c>
    </row>
    <row r="6421" spans="1:4" x14ac:dyDescent="0.25">
      <c r="A6421" s="20">
        <v>43823.291666651108</v>
      </c>
      <c r="B6421" s="22">
        <v>2.5456886291503906</v>
      </c>
      <c r="C6421" s="21">
        <v>334071.40869929764</v>
      </c>
      <c r="D6421">
        <f t="shared" si="100"/>
        <v>7</v>
      </c>
    </row>
    <row r="6422" spans="1:4" x14ac:dyDescent="0.25">
      <c r="A6422" s="20">
        <v>43823.333333317772</v>
      </c>
      <c r="B6422" s="22">
        <v>2.6678676605224609</v>
      </c>
      <c r="C6422" s="21">
        <v>350104.99609745695</v>
      </c>
      <c r="D6422">
        <f t="shared" si="100"/>
        <v>8</v>
      </c>
    </row>
    <row r="6423" spans="1:4" x14ac:dyDescent="0.25">
      <c r="A6423" s="20">
        <v>43823.374999984437</v>
      </c>
      <c r="B6423" s="22">
        <v>2.807175874710083</v>
      </c>
      <c r="C6423" s="21">
        <v>368386.45079860574</v>
      </c>
      <c r="D6423">
        <f t="shared" si="100"/>
        <v>9</v>
      </c>
    </row>
    <row r="6424" spans="1:4" x14ac:dyDescent="0.25">
      <c r="A6424" s="20">
        <v>43823.416666651101</v>
      </c>
      <c r="B6424" s="22">
        <v>2.5249669551849365</v>
      </c>
      <c r="C6424" s="21">
        <v>331352.09780912125</v>
      </c>
      <c r="D6424">
        <f t="shared" si="100"/>
        <v>10</v>
      </c>
    </row>
    <row r="6425" spans="1:4" x14ac:dyDescent="0.25">
      <c r="A6425" s="20">
        <v>43823.458333317765</v>
      </c>
      <c r="B6425" s="22">
        <v>2.3858578205108643</v>
      </c>
      <c r="C6425" s="21">
        <v>313096.76836648729</v>
      </c>
      <c r="D6425">
        <f t="shared" si="100"/>
        <v>11</v>
      </c>
    </row>
    <row r="6426" spans="1:4" x14ac:dyDescent="0.25">
      <c r="A6426" s="20">
        <v>43823.499999984429</v>
      </c>
      <c r="B6426" s="22">
        <v>2.046116828918457</v>
      </c>
      <c r="C6426" s="21">
        <v>268512.4659681021</v>
      </c>
      <c r="D6426">
        <f t="shared" si="100"/>
        <v>12</v>
      </c>
    </row>
    <row r="6427" spans="1:4" x14ac:dyDescent="0.25">
      <c r="A6427" s="20">
        <v>43823.541666651094</v>
      </c>
      <c r="B6427" s="22">
        <v>1.7576161623001099</v>
      </c>
      <c r="C6427" s="21">
        <v>230652.44530247813</v>
      </c>
      <c r="D6427">
        <f t="shared" si="100"/>
        <v>13</v>
      </c>
    </row>
    <row r="6428" spans="1:4" x14ac:dyDescent="0.25">
      <c r="A6428" s="20">
        <v>43823.583333317758</v>
      </c>
      <c r="B6428" s="22">
        <v>1.6710916757583618</v>
      </c>
      <c r="C6428" s="21">
        <v>219297.81348498355</v>
      </c>
      <c r="D6428">
        <f t="shared" si="100"/>
        <v>14</v>
      </c>
    </row>
    <row r="6429" spans="1:4" x14ac:dyDescent="0.25">
      <c r="A6429" s="20">
        <v>43823.624999984422</v>
      </c>
      <c r="B6429" s="22">
        <v>1.5655863285064697</v>
      </c>
      <c r="C6429" s="21">
        <v>205452.3181725771</v>
      </c>
      <c r="D6429">
        <f t="shared" si="100"/>
        <v>15</v>
      </c>
    </row>
    <row r="6430" spans="1:4" x14ac:dyDescent="0.25">
      <c r="A6430" s="20">
        <v>43823.666666651086</v>
      </c>
      <c r="B6430" s="22">
        <v>1.4542003870010376</v>
      </c>
      <c r="C6430" s="21">
        <v>190835.11088260455</v>
      </c>
      <c r="D6430">
        <f t="shared" si="100"/>
        <v>16</v>
      </c>
    </row>
    <row r="6431" spans="1:4" x14ac:dyDescent="0.25">
      <c r="A6431" s="20">
        <v>43823.708333317751</v>
      </c>
      <c r="B6431" s="22">
        <v>1.5072518587112427</v>
      </c>
      <c r="C6431" s="21">
        <v>197797.06989238109</v>
      </c>
      <c r="D6431">
        <f t="shared" si="100"/>
        <v>17</v>
      </c>
    </row>
    <row r="6432" spans="1:4" x14ac:dyDescent="0.25">
      <c r="A6432" s="20">
        <v>43823.749999984415</v>
      </c>
      <c r="B6432" s="22">
        <v>1.6659610271453857</v>
      </c>
      <c r="C6432" s="21">
        <v>218624.51707706816</v>
      </c>
      <c r="D6432">
        <f t="shared" si="100"/>
        <v>18</v>
      </c>
    </row>
    <row r="6433" spans="1:4" x14ac:dyDescent="0.25">
      <c r="A6433" s="20">
        <v>43823.791666651079</v>
      </c>
      <c r="B6433" s="22">
        <v>1.6285252571105957</v>
      </c>
      <c r="C6433" s="21">
        <v>213711.8108300991</v>
      </c>
      <c r="D6433">
        <f t="shared" si="100"/>
        <v>19</v>
      </c>
    </row>
    <row r="6434" spans="1:4" x14ac:dyDescent="0.25">
      <c r="A6434" s="20">
        <v>43823.833333317743</v>
      </c>
      <c r="B6434" s="22">
        <v>1.919985294342041</v>
      </c>
      <c r="C6434" s="21">
        <v>251960.19050328594</v>
      </c>
      <c r="D6434">
        <f t="shared" si="100"/>
        <v>20</v>
      </c>
    </row>
    <row r="6435" spans="1:4" x14ac:dyDescent="0.25">
      <c r="A6435" s="20">
        <v>43823.874999984408</v>
      </c>
      <c r="B6435" s="22">
        <v>2.1448514461517334</v>
      </c>
      <c r="C6435" s="21">
        <v>281469.43654525978</v>
      </c>
      <c r="D6435">
        <f t="shared" si="100"/>
        <v>21</v>
      </c>
    </row>
    <row r="6436" spans="1:4" x14ac:dyDescent="0.25">
      <c r="A6436" s="20">
        <v>43823.916666651072</v>
      </c>
      <c r="B6436" s="22">
        <v>2.1788225173950195</v>
      </c>
      <c r="C6436" s="21">
        <v>285927.469430867</v>
      </c>
      <c r="D6436">
        <f t="shared" si="100"/>
        <v>22</v>
      </c>
    </row>
    <row r="6437" spans="1:4" x14ac:dyDescent="0.25">
      <c r="A6437" s="20">
        <v>43823.958333317736</v>
      </c>
      <c r="B6437" s="22">
        <v>2.3391973972320557</v>
      </c>
      <c r="C6437" s="21">
        <v>306973.50837437285</v>
      </c>
      <c r="D6437">
        <f t="shared" si="100"/>
        <v>23</v>
      </c>
    </row>
    <row r="6438" spans="1:4" x14ac:dyDescent="0.25">
      <c r="A6438" s="20">
        <v>43823.9999999844</v>
      </c>
      <c r="B6438" s="22">
        <v>2.2029380798339844</v>
      </c>
      <c r="C6438" s="21">
        <v>289092.16122518503</v>
      </c>
      <c r="D6438">
        <f t="shared" si="100"/>
        <v>0</v>
      </c>
    </row>
    <row r="6439" spans="1:4" x14ac:dyDescent="0.25">
      <c r="A6439" s="20">
        <v>43824.041666651065</v>
      </c>
      <c r="B6439" s="22">
        <v>2.0457973480224609</v>
      </c>
      <c r="C6439" s="21">
        <v>268470.54040353937</v>
      </c>
      <c r="D6439">
        <f t="shared" si="100"/>
        <v>1</v>
      </c>
    </row>
    <row r="6440" spans="1:4" x14ac:dyDescent="0.25">
      <c r="A6440" s="20">
        <v>43824.083333317729</v>
      </c>
      <c r="B6440" s="22">
        <v>2.2346954345703125</v>
      </c>
      <c r="C6440" s="21">
        <v>293259.68749365455</v>
      </c>
      <c r="D6440">
        <f t="shared" si="100"/>
        <v>2</v>
      </c>
    </row>
    <row r="6441" spans="1:4" x14ac:dyDescent="0.25">
      <c r="A6441" s="20">
        <v>43824.124999984393</v>
      </c>
      <c r="B6441" s="22">
        <v>2.1966543197631836</v>
      </c>
      <c r="C6441" s="21">
        <v>288267.54168815957</v>
      </c>
      <c r="D6441">
        <f t="shared" si="100"/>
        <v>3</v>
      </c>
    </row>
    <row r="6442" spans="1:4" x14ac:dyDescent="0.25">
      <c r="A6442" s="20">
        <v>43824.166666651057</v>
      </c>
      <c r="B6442" s="22">
        <v>2.342503547668457</v>
      </c>
      <c r="C6442" s="21">
        <v>307407.37539212714</v>
      </c>
      <c r="D6442">
        <f t="shared" si="100"/>
        <v>4</v>
      </c>
    </row>
    <row r="6443" spans="1:4" x14ac:dyDescent="0.25">
      <c r="A6443" s="20">
        <v>43824.208333317722</v>
      </c>
      <c r="B6443" s="22">
        <v>2.4890213012695313</v>
      </c>
      <c r="C6443" s="21">
        <v>326634.93990432884</v>
      </c>
      <c r="D6443">
        <f t="shared" si="100"/>
        <v>5</v>
      </c>
    </row>
    <row r="6444" spans="1:4" x14ac:dyDescent="0.25">
      <c r="A6444" s="20">
        <v>43824.249999984386</v>
      </c>
      <c r="B6444" s="22">
        <v>2.4438667297363281</v>
      </c>
      <c r="C6444" s="21">
        <v>320709.29324488452</v>
      </c>
      <c r="D6444">
        <f t="shared" si="100"/>
        <v>6</v>
      </c>
    </row>
    <row r="6445" spans="1:4" x14ac:dyDescent="0.25">
      <c r="A6445" s="20">
        <v>43824.29166665105</v>
      </c>
      <c r="B6445" s="22">
        <v>2.5905992984771729</v>
      </c>
      <c r="C6445" s="21">
        <v>339965.04800609447</v>
      </c>
      <c r="D6445">
        <f t="shared" si="100"/>
        <v>7</v>
      </c>
    </row>
    <row r="6446" spans="1:4" x14ac:dyDescent="0.25">
      <c r="A6446" s="20">
        <v>43824.333333317714</v>
      </c>
      <c r="B6446" s="22">
        <v>2.8649399280548096</v>
      </c>
      <c r="C6446" s="21">
        <v>375966.84317341651</v>
      </c>
      <c r="D6446">
        <f t="shared" si="100"/>
        <v>8</v>
      </c>
    </row>
    <row r="6447" spans="1:4" x14ac:dyDescent="0.25">
      <c r="A6447" s="20">
        <v>43824.374999984379</v>
      </c>
      <c r="B6447" s="22">
        <v>2.6674480438232422</v>
      </c>
      <c r="C6447" s="21">
        <v>350049.92968429998</v>
      </c>
      <c r="D6447">
        <f t="shared" si="100"/>
        <v>9</v>
      </c>
    </row>
    <row r="6448" spans="1:4" x14ac:dyDescent="0.25">
      <c r="A6448" s="20">
        <v>43824.416666651043</v>
      </c>
      <c r="B6448" s="22">
        <v>2.6929371356964111</v>
      </c>
      <c r="C6448" s="21">
        <v>353394.87011850276</v>
      </c>
      <c r="D6448">
        <f t="shared" si="100"/>
        <v>10</v>
      </c>
    </row>
    <row r="6449" spans="1:4" x14ac:dyDescent="0.25">
      <c r="A6449" s="20">
        <v>43824.458333317707</v>
      </c>
      <c r="B6449" s="22">
        <v>2.1060299873352051</v>
      </c>
      <c r="C6449" s="21">
        <v>276374.88598393381</v>
      </c>
      <c r="D6449">
        <f t="shared" si="100"/>
        <v>11</v>
      </c>
    </row>
    <row r="6450" spans="1:4" x14ac:dyDescent="0.25">
      <c r="A6450" s="20">
        <v>43824.499999984371</v>
      </c>
      <c r="B6450" s="22">
        <v>1.7811769247055054</v>
      </c>
      <c r="C6450" s="21">
        <v>233744.33053803691</v>
      </c>
      <c r="D6450">
        <f t="shared" si="100"/>
        <v>12</v>
      </c>
    </row>
    <row r="6451" spans="1:4" x14ac:dyDescent="0.25">
      <c r="A6451" s="20">
        <v>43824.541666651035</v>
      </c>
      <c r="B6451" s="22">
        <v>1.4069279432296753</v>
      </c>
      <c r="C6451" s="21">
        <v>184631.53527539136</v>
      </c>
      <c r="D6451">
        <f t="shared" si="100"/>
        <v>13</v>
      </c>
    </row>
    <row r="6452" spans="1:4" x14ac:dyDescent="0.25">
      <c r="A6452" s="20">
        <v>43824.5833333177</v>
      </c>
      <c r="B6452" s="22">
        <v>1.3850114345550537</v>
      </c>
      <c r="C6452" s="21">
        <v>181755.42590252406</v>
      </c>
      <c r="D6452">
        <f t="shared" si="100"/>
        <v>14</v>
      </c>
    </row>
    <row r="6453" spans="1:4" x14ac:dyDescent="0.25">
      <c r="A6453" s="20">
        <v>43824.624999984364</v>
      </c>
      <c r="B6453" s="22">
        <v>1.3264191150665283</v>
      </c>
      <c r="C6453" s="21">
        <v>174066.33993719774</v>
      </c>
      <c r="D6453">
        <f t="shared" si="100"/>
        <v>15</v>
      </c>
    </row>
    <row r="6454" spans="1:4" x14ac:dyDescent="0.25">
      <c r="A6454" s="20">
        <v>43824.666666651028</v>
      </c>
      <c r="B6454" s="22">
        <v>1.2734130620956421</v>
      </c>
      <c r="C6454" s="21">
        <v>167110.34124089082</v>
      </c>
      <c r="D6454">
        <f t="shared" si="100"/>
        <v>16</v>
      </c>
    </row>
    <row r="6455" spans="1:4" x14ac:dyDescent="0.25">
      <c r="A6455" s="20">
        <v>43824.708333317692</v>
      </c>
      <c r="B6455" s="22">
        <v>1.478212833404541</v>
      </c>
      <c r="C6455" s="21">
        <v>193986.27073164395</v>
      </c>
      <c r="D6455">
        <f t="shared" si="100"/>
        <v>17</v>
      </c>
    </row>
    <row r="6456" spans="1:4" x14ac:dyDescent="0.25">
      <c r="A6456" s="20">
        <v>43824.749999984357</v>
      </c>
      <c r="B6456" s="22">
        <v>1.7482181787490845</v>
      </c>
      <c r="C6456" s="21">
        <v>229419.14537417085</v>
      </c>
      <c r="D6456">
        <f t="shared" si="100"/>
        <v>18</v>
      </c>
    </row>
    <row r="6457" spans="1:4" x14ac:dyDescent="0.25">
      <c r="A6457" s="20">
        <v>43824.791666651021</v>
      </c>
      <c r="B6457" s="22">
        <v>1.7710442543029785</v>
      </c>
      <c r="C6457" s="21">
        <v>232414.61745510282</v>
      </c>
      <c r="D6457">
        <f t="shared" si="100"/>
        <v>19</v>
      </c>
    </row>
    <row r="6458" spans="1:4" x14ac:dyDescent="0.25">
      <c r="A6458" s="20">
        <v>43824.833333317685</v>
      </c>
      <c r="B6458" s="22">
        <v>1.6359239816665649</v>
      </c>
      <c r="C6458" s="21">
        <v>214682.74745867474</v>
      </c>
      <c r="D6458">
        <f t="shared" si="100"/>
        <v>20</v>
      </c>
    </row>
    <row r="6459" spans="1:4" x14ac:dyDescent="0.25">
      <c r="A6459" s="20">
        <v>43824.874999984349</v>
      </c>
      <c r="B6459" s="22">
        <v>2.1434781551361084</v>
      </c>
      <c r="C6459" s="21">
        <v>281289.21919310978</v>
      </c>
      <c r="D6459">
        <f t="shared" si="100"/>
        <v>21</v>
      </c>
    </row>
    <row r="6460" spans="1:4" x14ac:dyDescent="0.25">
      <c r="A6460" s="20">
        <v>43824.916666651014</v>
      </c>
      <c r="B6460" s="22">
        <v>2.1076638698577881</v>
      </c>
      <c r="C6460" s="21">
        <v>276589.3008301637</v>
      </c>
      <c r="D6460">
        <f t="shared" si="100"/>
        <v>22</v>
      </c>
    </row>
    <row r="6461" spans="1:4" x14ac:dyDescent="0.25">
      <c r="A6461" s="20">
        <v>43824.958333317678</v>
      </c>
      <c r="B6461" s="22">
        <v>1.9954589605331421</v>
      </c>
      <c r="C6461" s="21">
        <v>261864.62017133084</v>
      </c>
      <c r="D6461">
        <f t="shared" si="100"/>
        <v>23</v>
      </c>
    </row>
    <row r="6462" spans="1:4" x14ac:dyDescent="0.25">
      <c r="A6462" s="20">
        <v>43824.999999984342</v>
      </c>
      <c r="B6462" s="22">
        <v>1.7889566421508789</v>
      </c>
      <c r="C6462" s="21">
        <v>234765.26496674033</v>
      </c>
      <c r="D6462">
        <f t="shared" si="100"/>
        <v>0</v>
      </c>
    </row>
    <row r="6463" spans="1:4" x14ac:dyDescent="0.25">
      <c r="A6463" s="20">
        <v>43825.041666651006</v>
      </c>
      <c r="B6463" s="22">
        <v>1.7923336029052734</v>
      </c>
      <c r="C6463" s="21">
        <v>235208.4244417148</v>
      </c>
      <c r="D6463">
        <f t="shared" si="100"/>
        <v>1</v>
      </c>
    </row>
    <row r="6464" spans="1:4" x14ac:dyDescent="0.25">
      <c r="A6464" s="20">
        <v>43825.083333317671</v>
      </c>
      <c r="B6464" s="22">
        <v>1.83986496925354</v>
      </c>
      <c r="C6464" s="21">
        <v>241445.97852886459</v>
      </c>
      <c r="D6464">
        <f t="shared" si="100"/>
        <v>2</v>
      </c>
    </row>
    <row r="6465" spans="1:4" x14ac:dyDescent="0.25">
      <c r="A6465" s="20">
        <v>43825.124999984335</v>
      </c>
      <c r="B6465" s="22">
        <v>1.8807258605957031</v>
      </c>
      <c r="C6465" s="21">
        <v>246808.16437322734</v>
      </c>
      <c r="D6465">
        <f t="shared" si="100"/>
        <v>3</v>
      </c>
    </row>
    <row r="6466" spans="1:4" x14ac:dyDescent="0.25">
      <c r="A6466" s="20">
        <v>43825.166666650999</v>
      </c>
      <c r="B6466" s="22">
        <v>2.0203819274902344</v>
      </c>
      <c r="C6466" s="21">
        <v>265135.2678793738</v>
      </c>
      <c r="D6466">
        <f t="shared" si="100"/>
        <v>4</v>
      </c>
    </row>
    <row r="6467" spans="1:4" x14ac:dyDescent="0.25">
      <c r="A6467" s="20">
        <v>43825.208333317663</v>
      </c>
      <c r="B6467" s="22">
        <v>2.1256942749023438</v>
      </c>
      <c r="C6467" s="21">
        <v>278955.43577050156</v>
      </c>
      <c r="D6467">
        <f t="shared" si="100"/>
        <v>5</v>
      </c>
    </row>
    <row r="6468" spans="1:4" x14ac:dyDescent="0.25">
      <c r="A6468" s="20">
        <v>43825.249999984328</v>
      </c>
      <c r="B6468" s="22">
        <v>2.2592473030090332</v>
      </c>
      <c r="C6468" s="21">
        <v>296481.63584256184</v>
      </c>
      <c r="D6468">
        <f t="shared" si="100"/>
        <v>6</v>
      </c>
    </row>
    <row r="6469" spans="1:4" x14ac:dyDescent="0.25">
      <c r="A6469" s="20">
        <v>43825.291666650992</v>
      </c>
      <c r="B6469" s="22">
        <v>2.2812409400939941</v>
      </c>
      <c r="C6469" s="21">
        <v>299367.86679762026</v>
      </c>
      <c r="D6469">
        <f t="shared" si="100"/>
        <v>7</v>
      </c>
    </row>
    <row r="6470" spans="1:4" x14ac:dyDescent="0.25">
      <c r="A6470" s="20">
        <v>43825.333333317656</v>
      </c>
      <c r="B6470" s="22">
        <v>2.2183706760406494</v>
      </c>
      <c r="C6470" s="21">
        <v>291117.38500770571</v>
      </c>
      <c r="D6470">
        <f t="shared" si="100"/>
        <v>8</v>
      </c>
    </row>
    <row r="6471" spans="1:4" x14ac:dyDescent="0.25">
      <c r="A6471" s="20">
        <v>43825.37499998432</v>
      </c>
      <c r="B6471" s="22">
        <v>2.1845030784606934</v>
      </c>
      <c r="C6471" s="21">
        <v>286672.93099897931</v>
      </c>
      <c r="D6471">
        <f t="shared" ref="D6471:D6534" si="101">HOUR(A6471)</f>
        <v>9</v>
      </c>
    </row>
    <row r="6472" spans="1:4" x14ac:dyDescent="0.25">
      <c r="A6472" s="20">
        <v>43825.416666650985</v>
      </c>
      <c r="B6472" s="22">
        <v>1.9699573516845703</v>
      </c>
      <c r="C6472" s="21">
        <v>258518.03713105374</v>
      </c>
      <c r="D6472">
        <f t="shared" si="101"/>
        <v>10</v>
      </c>
    </row>
    <row r="6473" spans="1:4" x14ac:dyDescent="0.25">
      <c r="A6473" s="20">
        <v>43825.458333317649</v>
      </c>
      <c r="B6473" s="22">
        <v>1.6940521001815796</v>
      </c>
      <c r="C6473" s="21">
        <v>222310.91620444617</v>
      </c>
      <c r="D6473">
        <f t="shared" si="101"/>
        <v>11</v>
      </c>
    </row>
    <row r="6474" spans="1:4" x14ac:dyDescent="0.25">
      <c r="A6474" s="20">
        <v>43825.499999984313</v>
      </c>
      <c r="B6474" s="22">
        <v>1.4361691474914551</v>
      </c>
      <c r="C6474" s="21">
        <v>188468.86643519503</v>
      </c>
      <c r="D6474">
        <f t="shared" si="101"/>
        <v>12</v>
      </c>
    </row>
    <row r="6475" spans="1:4" x14ac:dyDescent="0.25">
      <c r="A6475" s="20">
        <v>43825.541666650977</v>
      </c>
      <c r="B6475" s="22">
        <v>1.2052451372146606</v>
      </c>
      <c r="C6475" s="21">
        <v>158164.64598486974</v>
      </c>
      <c r="D6475">
        <f t="shared" si="101"/>
        <v>13</v>
      </c>
    </row>
    <row r="6476" spans="1:4" x14ac:dyDescent="0.25">
      <c r="A6476" s="20">
        <v>43825.583333317642</v>
      </c>
      <c r="B6476" s="22">
        <v>1.29942786693573</v>
      </c>
      <c r="C6476" s="21">
        <v>170524.27113021351</v>
      </c>
      <c r="D6476">
        <f t="shared" si="101"/>
        <v>14</v>
      </c>
    </row>
    <row r="6477" spans="1:4" x14ac:dyDescent="0.25">
      <c r="A6477" s="20">
        <v>43825.624999984306</v>
      </c>
      <c r="B6477" s="22">
        <v>1.3033292293548584</v>
      </c>
      <c r="C6477" s="21">
        <v>171036.24797776682</v>
      </c>
      <c r="D6477">
        <f t="shared" si="101"/>
        <v>15</v>
      </c>
    </row>
    <row r="6478" spans="1:4" x14ac:dyDescent="0.25">
      <c r="A6478" s="20">
        <v>43825.66666665097</v>
      </c>
      <c r="B6478" s="22">
        <v>1.4395864009857178</v>
      </c>
      <c r="C6478" s="21">
        <v>188917.31353734198</v>
      </c>
      <c r="D6478">
        <f t="shared" si="101"/>
        <v>16</v>
      </c>
    </row>
    <row r="6479" spans="1:4" x14ac:dyDescent="0.25">
      <c r="A6479" s="20">
        <v>43825.708333317634</v>
      </c>
      <c r="B6479" s="22">
        <v>1.4854683876037598</v>
      </c>
      <c r="C6479" s="21">
        <v>194938.41907550328</v>
      </c>
      <c r="D6479">
        <f t="shared" si="101"/>
        <v>17</v>
      </c>
    </row>
    <row r="6480" spans="1:4" x14ac:dyDescent="0.25">
      <c r="A6480" s="20">
        <v>43825.749999984298</v>
      </c>
      <c r="B6480" s="22">
        <v>1.587902307510376</v>
      </c>
      <c r="C6480" s="21">
        <v>208380.85014501514</v>
      </c>
      <c r="D6480">
        <f t="shared" si="101"/>
        <v>18</v>
      </c>
    </row>
    <row r="6481" spans="1:4" x14ac:dyDescent="0.25">
      <c r="A6481" s="20">
        <v>43825.791666650963</v>
      </c>
      <c r="B6481" s="22">
        <v>1.7291748523712158</v>
      </c>
      <c r="C6481" s="21">
        <v>226920.08449275489</v>
      </c>
      <c r="D6481">
        <f t="shared" si="101"/>
        <v>19</v>
      </c>
    </row>
    <row r="6482" spans="1:4" x14ac:dyDescent="0.25">
      <c r="A6482" s="20">
        <v>43825.833333317627</v>
      </c>
      <c r="B6482" s="22">
        <v>1.7252844572067261</v>
      </c>
      <c r="C6482" s="21">
        <v>226409.54688100002</v>
      </c>
      <c r="D6482">
        <f t="shared" si="101"/>
        <v>20</v>
      </c>
    </row>
    <row r="6483" spans="1:4" x14ac:dyDescent="0.25">
      <c r="A6483" s="20">
        <v>43825.874999984291</v>
      </c>
      <c r="B6483" s="22">
        <v>1.8783471584320068</v>
      </c>
      <c r="C6483" s="21">
        <v>246496.00664364384</v>
      </c>
      <c r="D6483">
        <f t="shared" si="101"/>
        <v>21</v>
      </c>
    </row>
    <row r="6484" spans="1:4" x14ac:dyDescent="0.25">
      <c r="A6484" s="20">
        <v>43825.916666650955</v>
      </c>
      <c r="B6484" s="22">
        <v>1.6854790449142456</v>
      </c>
      <c r="C6484" s="21">
        <v>221185.87183836789</v>
      </c>
      <c r="D6484">
        <f t="shared" si="101"/>
        <v>22</v>
      </c>
    </row>
    <row r="6485" spans="1:4" x14ac:dyDescent="0.25">
      <c r="A6485" s="20">
        <v>43825.95833331762</v>
      </c>
      <c r="B6485" s="22">
        <v>1.6203446388244629</v>
      </c>
      <c r="C6485" s="21">
        <v>212638.26607541647</v>
      </c>
      <c r="D6485">
        <f t="shared" si="101"/>
        <v>23</v>
      </c>
    </row>
    <row r="6486" spans="1:4" x14ac:dyDescent="0.25">
      <c r="A6486" s="20">
        <v>43825.999999984284</v>
      </c>
      <c r="B6486" s="22">
        <v>1.5914860963821411</v>
      </c>
      <c r="C6486" s="21">
        <v>208851.15172988374</v>
      </c>
      <c r="D6486">
        <f t="shared" si="101"/>
        <v>0</v>
      </c>
    </row>
    <row r="6487" spans="1:4" x14ac:dyDescent="0.25">
      <c r="A6487" s="20">
        <v>43826.041666650948</v>
      </c>
      <c r="B6487" s="22">
        <v>1.3609269857406616</v>
      </c>
      <c r="C6487" s="21">
        <v>178594.8171575907</v>
      </c>
      <c r="D6487">
        <f t="shared" si="101"/>
        <v>1</v>
      </c>
    </row>
    <row r="6488" spans="1:4" x14ac:dyDescent="0.25">
      <c r="A6488" s="20">
        <v>43826.083333317612</v>
      </c>
      <c r="B6488" s="22">
        <v>1.3522870540618896</v>
      </c>
      <c r="C6488" s="21">
        <v>177460.99658191553</v>
      </c>
      <c r="D6488">
        <f t="shared" si="101"/>
        <v>2</v>
      </c>
    </row>
    <row r="6489" spans="1:4" x14ac:dyDescent="0.25">
      <c r="A6489" s="20">
        <v>43826.124999984277</v>
      </c>
      <c r="B6489" s="22">
        <v>1.4811128377914429</v>
      </c>
      <c r="C6489" s="21">
        <v>194366.83909325453</v>
      </c>
      <c r="D6489">
        <f t="shared" si="101"/>
        <v>3</v>
      </c>
    </row>
    <row r="6490" spans="1:4" x14ac:dyDescent="0.25">
      <c r="A6490" s="20">
        <v>43826.166666650941</v>
      </c>
      <c r="B6490" s="22">
        <v>1.4728089570999146</v>
      </c>
      <c r="C6490" s="21">
        <v>193277.11857970699</v>
      </c>
      <c r="D6490">
        <f t="shared" si="101"/>
        <v>4</v>
      </c>
    </row>
    <row r="6491" spans="1:4" x14ac:dyDescent="0.25">
      <c r="A6491" s="20">
        <v>43826.208333317605</v>
      </c>
      <c r="B6491" s="22">
        <v>1.6018607616424561</v>
      </c>
      <c r="C6491" s="21">
        <v>210212.62186358732</v>
      </c>
      <c r="D6491">
        <f t="shared" si="101"/>
        <v>5</v>
      </c>
    </row>
    <row r="6492" spans="1:4" x14ac:dyDescent="0.25">
      <c r="A6492" s="20">
        <v>43826.249999984269</v>
      </c>
      <c r="B6492" s="22">
        <v>1.5565253496170044</v>
      </c>
      <c r="C6492" s="21">
        <v>204263.24345733647</v>
      </c>
      <c r="D6492">
        <f t="shared" si="101"/>
        <v>6</v>
      </c>
    </row>
    <row r="6493" spans="1:4" x14ac:dyDescent="0.25">
      <c r="A6493" s="20">
        <v>43826.291666650934</v>
      </c>
      <c r="B6493" s="22">
        <v>1.5377689599990845</v>
      </c>
      <c r="C6493" s="21">
        <v>201801.83736469009</v>
      </c>
      <c r="D6493">
        <f t="shared" si="101"/>
        <v>7</v>
      </c>
    </row>
    <row r="6494" spans="1:4" x14ac:dyDescent="0.25">
      <c r="A6494" s="20">
        <v>43826.333333317598</v>
      </c>
      <c r="B6494" s="22">
        <v>1.5549051761627197</v>
      </c>
      <c r="C6494" s="21">
        <v>204050.62765585459</v>
      </c>
      <c r="D6494">
        <f t="shared" si="101"/>
        <v>8</v>
      </c>
    </row>
    <row r="6495" spans="1:4" x14ac:dyDescent="0.25">
      <c r="A6495" s="20">
        <v>43826.374999984262</v>
      </c>
      <c r="B6495" s="22">
        <v>1.6467080116271973</v>
      </c>
      <c r="C6495" s="21">
        <v>216097.93863294114</v>
      </c>
      <c r="D6495">
        <f t="shared" si="101"/>
        <v>9</v>
      </c>
    </row>
    <row r="6496" spans="1:4" x14ac:dyDescent="0.25">
      <c r="A6496" s="20">
        <v>43826.416666650926</v>
      </c>
      <c r="B6496" s="22">
        <v>1.5636703968048096</v>
      </c>
      <c r="C6496" s="21">
        <v>205200.88993613998</v>
      </c>
      <c r="D6496">
        <f t="shared" si="101"/>
        <v>10</v>
      </c>
    </row>
    <row r="6497" spans="1:4" x14ac:dyDescent="0.25">
      <c r="A6497" s="20">
        <v>43826.458333317591</v>
      </c>
      <c r="B6497" s="22">
        <v>1.6432008743286133</v>
      </c>
      <c r="C6497" s="21">
        <v>215637.69605479407</v>
      </c>
      <c r="D6497">
        <f t="shared" si="101"/>
        <v>11</v>
      </c>
    </row>
    <row r="6498" spans="1:4" x14ac:dyDescent="0.25">
      <c r="A6498" s="20">
        <v>43826.499999984255</v>
      </c>
      <c r="B6498" s="22">
        <v>1.4112927913665771</v>
      </c>
      <c r="C6498" s="21">
        <v>185204.33547929532</v>
      </c>
      <c r="D6498">
        <f t="shared" si="101"/>
        <v>12</v>
      </c>
    </row>
    <row r="6499" spans="1:4" x14ac:dyDescent="0.25">
      <c r="A6499" s="20">
        <v>43826.541666650919</v>
      </c>
      <c r="B6499" s="22">
        <v>1.5599784851074219</v>
      </c>
      <c r="C6499" s="21">
        <v>204716.39936356302</v>
      </c>
      <c r="D6499">
        <f t="shared" si="101"/>
        <v>13</v>
      </c>
    </row>
    <row r="6500" spans="1:4" x14ac:dyDescent="0.25">
      <c r="A6500" s="20">
        <v>43826.583333317583</v>
      </c>
      <c r="B6500" s="22">
        <v>1.4212952852249146</v>
      </c>
      <c r="C6500" s="21">
        <v>186516.96545905684</v>
      </c>
      <c r="D6500">
        <f t="shared" si="101"/>
        <v>14</v>
      </c>
    </row>
    <row r="6501" spans="1:4" x14ac:dyDescent="0.25">
      <c r="A6501" s="20">
        <v>43826.624999984248</v>
      </c>
      <c r="B6501" s="22">
        <v>1.5587178468704224</v>
      </c>
      <c r="C6501" s="21">
        <v>204550.96546608154</v>
      </c>
      <c r="D6501">
        <f t="shared" si="101"/>
        <v>15</v>
      </c>
    </row>
    <row r="6502" spans="1:4" x14ac:dyDescent="0.25">
      <c r="A6502" s="20">
        <v>43826.666666650912</v>
      </c>
      <c r="B6502" s="22">
        <v>1.4396970272064209</v>
      </c>
      <c r="C6502" s="21">
        <v>188931.83104626517</v>
      </c>
      <c r="D6502">
        <f t="shared" si="101"/>
        <v>16</v>
      </c>
    </row>
    <row r="6503" spans="1:4" x14ac:dyDescent="0.25">
      <c r="A6503" s="20">
        <v>43826.708333317576</v>
      </c>
      <c r="B6503" s="22">
        <v>1.4703614711761475</v>
      </c>
      <c r="C6503" s="21">
        <v>192955.93433864866</v>
      </c>
      <c r="D6503">
        <f t="shared" si="101"/>
        <v>17</v>
      </c>
    </row>
    <row r="6504" spans="1:4" x14ac:dyDescent="0.25">
      <c r="A6504" s="20">
        <v>43826.74999998424</v>
      </c>
      <c r="B6504" s="22">
        <v>1.493493914604187</v>
      </c>
      <c r="C6504" s="21">
        <v>195991.61115873215</v>
      </c>
      <c r="D6504">
        <f t="shared" si="101"/>
        <v>18</v>
      </c>
    </row>
    <row r="6505" spans="1:4" x14ac:dyDescent="0.25">
      <c r="A6505" s="20">
        <v>43826.791666650905</v>
      </c>
      <c r="B6505" s="22">
        <v>1.4013328552246094</v>
      </c>
      <c r="C6505" s="21">
        <v>183897.29036018637</v>
      </c>
      <c r="D6505">
        <f t="shared" si="101"/>
        <v>19</v>
      </c>
    </row>
    <row r="6506" spans="1:4" x14ac:dyDescent="0.25">
      <c r="A6506" s="20">
        <v>43826.833333317569</v>
      </c>
      <c r="B6506" s="22">
        <v>1.4430782794952393</v>
      </c>
      <c r="C6506" s="21">
        <v>189375.55370046516</v>
      </c>
      <c r="D6506">
        <f t="shared" si="101"/>
        <v>20</v>
      </c>
    </row>
    <row r="6507" spans="1:4" x14ac:dyDescent="0.25">
      <c r="A6507" s="20">
        <v>43826.874999984233</v>
      </c>
      <c r="B6507" s="22">
        <v>1.3913167715072632</v>
      </c>
      <c r="C6507" s="21">
        <v>182582.87697954415</v>
      </c>
      <c r="D6507">
        <f t="shared" si="101"/>
        <v>21</v>
      </c>
    </row>
    <row r="6508" spans="1:4" x14ac:dyDescent="0.25">
      <c r="A6508" s="20">
        <v>43826.916666650897</v>
      </c>
      <c r="B6508" s="22">
        <v>1.3863663673400879</v>
      </c>
      <c r="C6508" s="21">
        <v>181933.23409909848</v>
      </c>
      <c r="D6508">
        <f t="shared" si="101"/>
        <v>22</v>
      </c>
    </row>
    <row r="6509" spans="1:4" x14ac:dyDescent="0.25">
      <c r="A6509" s="20">
        <v>43826.958333317561</v>
      </c>
      <c r="B6509" s="22">
        <v>1.2822862863540649</v>
      </c>
      <c r="C6509" s="21">
        <v>168274.77686501716</v>
      </c>
      <c r="D6509">
        <f t="shared" si="101"/>
        <v>23</v>
      </c>
    </row>
    <row r="6510" spans="1:4" x14ac:dyDescent="0.25">
      <c r="A6510" s="20">
        <v>43826.999999984226</v>
      </c>
      <c r="B6510" s="22">
        <v>1.2172696590423584</v>
      </c>
      <c r="C6510" s="21">
        <v>159742.62724303137</v>
      </c>
      <c r="D6510">
        <f t="shared" si="101"/>
        <v>0</v>
      </c>
    </row>
    <row r="6511" spans="1:4" x14ac:dyDescent="0.25">
      <c r="A6511" s="20">
        <v>43827.04166665089</v>
      </c>
      <c r="B6511" s="22">
        <v>1.1588300466537476</v>
      </c>
      <c r="C6511" s="21">
        <v>152073.58107181135</v>
      </c>
      <c r="D6511">
        <f t="shared" si="101"/>
        <v>1</v>
      </c>
    </row>
    <row r="6512" spans="1:4" x14ac:dyDescent="0.25">
      <c r="A6512" s="20">
        <v>43827.083333317554</v>
      </c>
      <c r="B6512" s="22">
        <v>1.2294355630874634</v>
      </c>
      <c r="C6512" s="21">
        <v>161339.16212789869</v>
      </c>
      <c r="D6512">
        <f t="shared" si="101"/>
        <v>2</v>
      </c>
    </row>
    <row r="6513" spans="1:4" x14ac:dyDescent="0.25">
      <c r="A6513" s="20">
        <v>43827.124999984218</v>
      </c>
      <c r="B6513" s="22">
        <v>1.2537772655487061</v>
      </c>
      <c r="C6513" s="21">
        <v>164533.53033862542</v>
      </c>
      <c r="D6513">
        <f t="shared" si="101"/>
        <v>3</v>
      </c>
    </row>
    <row r="6514" spans="1:4" x14ac:dyDescent="0.25">
      <c r="A6514" s="20">
        <v>43827.166666650883</v>
      </c>
      <c r="B6514" s="22">
        <v>1.3443056344985962</v>
      </c>
      <c r="C6514" s="21">
        <v>176413.59272961508</v>
      </c>
      <c r="D6514">
        <f t="shared" si="101"/>
        <v>4</v>
      </c>
    </row>
    <row r="6515" spans="1:4" x14ac:dyDescent="0.25">
      <c r="A6515" s="20">
        <v>43827.208333317547</v>
      </c>
      <c r="B6515" s="22">
        <v>1.3532016277313232</v>
      </c>
      <c r="C6515" s="21">
        <v>177581.0163324099</v>
      </c>
      <c r="D6515">
        <f t="shared" si="101"/>
        <v>5</v>
      </c>
    </row>
    <row r="6516" spans="1:4" x14ac:dyDescent="0.25">
      <c r="A6516" s="20">
        <v>43827.249999984211</v>
      </c>
      <c r="B6516" s="22">
        <v>1.4901529550552368</v>
      </c>
      <c r="C6516" s="21">
        <v>195553.17613170465</v>
      </c>
      <c r="D6516">
        <f t="shared" si="101"/>
        <v>6</v>
      </c>
    </row>
    <row r="6517" spans="1:4" x14ac:dyDescent="0.25">
      <c r="A6517" s="20">
        <v>43827.291666650875</v>
      </c>
      <c r="B6517" s="22">
        <v>1.4680171012878418</v>
      </c>
      <c r="C6517" s="21">
        <v>192648.2820428689</v>
      </c>
      <c r="D6517">
        <f t="shared" si="101"/>
        <v>7</v>
      </c>
    </row>
    <row r="6518" spans="1:4" x14ac:dyDescent="0.25">
      <c r="A6518" s="20">
        <v>43827.33333331754</v>
      </c>
      <c r="B6518" s="22">
        <v>1.5436123609542847</v>
      </c>
      <c r="C6518" s="21">
        <v>202568.66845563543</v>
      </c>
      <c r="D6518">
        <f t="shared" si="101"/>
        <v>8</v>
      </c>
    </row>
    <row r="6519" spans="1:4" x14ac:dyDescent="0.25">
      <c r="A6519" s="20">
        <v>43827.374999984204</v>
      </c>
      <c r="B6519" s="22">
        <v>1.7511546611785889</v>
      </c>
      <c r="C6519" s="21">
        <v>229804.50075919789</v>
      </c>
      <c r="D6519">
        <f t="shared" si="101"/>
        <v>9</v>
      </c>
    </row>
    <row r="6520" spans="1:4" x14ac:dyDescent="0.25">
      <c r="A6520" s="20">
        <v>43827.416666650868</v>
      </c>
      <c r="B6520" s="22">
        <v>1.6327207088470459</v>
      </c>
      <c r="C6520" s="21">
        <v>214262.38109846436</v>
      </c>
      <c r="D6520">
        <f t="shared" si="101"/>
        <v>10</v>
      </c>
    </row>
    <row r="6521" spans="1:4" x14ac:dyDescent="0.25">
      <c r="A6521" s="20">
        <v>43827.458333317532</v>
      </c>
      <c r="B6521" s="22">
        <v>1.5229276418685913</v>
      </c>
      <c r="C6521" s="21">
        <v>199854.20716434502</v>
      </c>
      <c r="D6521">
        <f t="shared" si="101"/>
        <v>11</v>
      </c>
    </row>
    <row r="6522" spans="1:4" x14ac:dyDescent="0.25">
      <c r="A6522" s="20">
        <v>43827.499999984197</v>
      </c>
      <c r="B6522" s="22">
        <v>1.2190710306167603</v>
      </c>
      <c r="C6522" s="21">
        <v>159979.02172292193</v>
      </c>
      <c r="D6522">
        <f t="shared" si="101"/>
        <v>12</v>
      </c>
    </row>
    <row r="6523" spans="1:4" x14ac:dyDescent="0.25">
      <c r="A6523" s="20">
        <v>43827.541666650861</v>
      </c>
      <c r="B6523" s="22">
        <v>1.1602703332901001</v>
      </c>
      <c r="C6523" s="21">
        <v>152262.59027742562</v>
      </c>
      <c r="D6523">
        <f t="shared" si="101"/>
        <v>13</v>
      </c>
    </row>
    <row r="6524" spans="1:4" x14ac:dyDescent="0.25">
      <c r="A6524" s="20">
        <v>43827.583333317525</v>
      </c>
      <c r="B6524" s="22">
        <v>1.1768357753753662</v>
      </c>
      <c r="C6524" s="21">
        <v>154436.47773160279</v>
      </c>
      <c r="D6524">
        <f t="shared" si="101"/>
        <v>14</v>
      </c>
    </row>
    <row r="6525" spans="1:4" x14ac:dyDescent="0.25">
      <c r="A6525" s="20">
        <v>43827.624999984189</v>
      </c>
      <c r="B6525" s="22">
        <v>1.3243956565856934</v>
      </c>
      <c r="C6525" s="21">
        <v>173800.80093238919</v>
      </c>
      <c r="D6525">
        <f t="shared" si="101"/>
        <v>15</v>
      </c>
    </row>
    <row r="6526" spans="1:4" x14ac:dyDescent="0.25">
      <c r="A6526" s="20">
        <v>43827.666666650854</v>
      </c>
      <c r="B6526" s="22">
        <v>1.2205073833465576</v>
      </c>
      <c r="C6526" s="21">
        <v>160167.51468091286</v>
      </c>
      <c r="D6526">
        <f t="shared" si="101"/>
        <v>16</v>
      </c>
    </row>
    <row r="6527" spans="1:4" x14ac:dyDescent="0.25">
      <c r="A6527" s="20">
        <v>43827.708333317518</v>
      </c>
      <c r="B6527" s="22">
        <v>1.3597246408462524</v>
      </c>
      <c r="C6527" s="21">
        <v>178437.03311125518</v>
      </c>
      <c r="D6527">
        <f t="shared" si="101"/>
        <v>17</v>
      </c>
    </row>
    <row r="6528" spans="1:4" x14ac:dyDescent="0.25">
      <c r="A6528" s="20">
        <v>43827.749999984182</v>
      </c>
      <c r="B6528" s="22">
        <v>1.4632302522659302</v>
      </c>
      <c r="C6528" s="21">
        <v>192020.10254846051</v>
      </c>
      <c r="D6528">
        <f t="shared" si="101"/>
        <v>18</v>
      </c>
    </row>
    <row r="6529" spans="1:4" x14ac:dyDescent="0.25">
      <c r="A6529" s="20">
        <v>43827.791666650846</v>
      </c>
      <c r="B6529" s="22">
        <v>1.5010931491851807</v>
      </c>
      <c r="C6529" s="21">
        <v>196988.8607722311</v>
      </c>
      <c r="D6529">
        <f t="shared" si="101"/>
        <v>19</v>
      </c>
    </row>
    <row r="6530" spans="1:4" x14ac:dyDescent="0.25">
      <c r="A6530" s="20">
        <v>43827.833333317511</v>
      </c>
      <c r="B6530" s="22">
        <v>1.3945527076721191</v>
      </c>
      <c r="C6530" s="21">
        <v>183007.52975941505</v>
      </c>
      <c r="D6530">
        <f t="shared" si="101"/>
        <v>20</v>
      </c>
    </row>
    <row r="6531" spans="1:4" x14ac:dyDescent="0.25">
      <c r="A6531" s="20">
        <v>43827.874999984175</v>
      </c>
      <c r="B6531" s="22">
        <v>1.3552531003952026</v>
      </c>
      <c r="C6531" s="21">
        <v>177850.23164605137</v>
      </c>
      <c r="D6531">
        <f t="shared" si="101"/>
        <v>21</v>
      </c>
    </row>
    <row r="6532" spans="1:4" x14ac:dyDescent="0.25">
      <c r="A6532" s="20">
        <v>43827.916666650839</v>
      </c>
      <c r="B6532" s="22">
        <v>1.4078420400619507</v>
      </c>
      <c r="C6532" s="21">
        <v>184751.49245041623</v>
      </c>
      <c r="D6532">
        <f t="shared" si="101"/>
        <v>22</v>
      </c>
    </row>
    <row r="6533" spans="1:4" x14ac:dyDescent="0.25">
      <c r="A6533" s="20">
        <v>43827.958333317503</v>
      </c>
      <c r="B6533" s="22">
        <v>1.3629223108291626</v>
      </c>
      <c r="C6533" s="21">
        <v>178856.66420969897</v>
      </c>
      <c r="D6533">
        <f t="shared" si="101"/>
        <v>23</v>
      </c>
    </row>
    <row r="6534" spans="1:4" x14ac:dyDescent="0.25">
      <c r="A6534" s="20">
        <v>43827.999999984168</v>
      </c>
      <c r="B6534" s="22">
        <v>1.3116891384124756</v>
      </c>
      <c r="C6534" s="21">
        <v>172133.32110898013</v>
      </c>
      <c r="D6534">
        <f t="shared" si="101"/>
        <v>0</v>
      </c>
    </row>
    <row r="6535" spans="1:4" x14ac:dyDescent="0.25">
      <c r="A6535" s="20">
        <v>43828.041666650832</v>
      </c>
      <c r="B6535" s="22">
        <v>1.2407687902450562</v>
      </c>
      <c r="C6535" s="21">
        <v>162826.4245991577</v>
      </c>
      <c r="D6535">
        <f t="shared" ref="D6535:D6598" si="102">HOUR(A6535)</f>
        <v>1</v>
      </c>
    </row>
    <row r="6536" spans="1:4" x14ac:dyDescent="0.25">
      <c r="A6536" s="20">
        <v>43828.083333317496</v>
      </c>
      <c r="B6536" s="22">
        <v>1.0916240215301514</v>
      </c>
      <c r="C6536" s="21">
        <v>143254.11618163218</v>
      </c>
      <c r="D6536">
        <f t="shared" si="102"/>
        <v>2</v>
      </c>
    </row>
    <row r="6537" spans="1:4" x14ac:dyDescent="0.25">
      <c r="A6537" s="20">
        <v>43828.12499998416</v>
      </c>
      <c r="B6537" s="22">
        <v>1.1573711633682251</v>
      </c>
      <c r="C6537" s="21">
        <v>151882.13142288668</v>
      </c>
      <c r="D6537">
        <f t="shared" si="102"/>
        <v>3</v>
      </c>
    </row>
    <row r="6538" spans="1:4" x14ac:dyDescent="0.25">
      <c r="A6538" s="20">
        <v>43828.166666650824</v>
      </c>
      <c r="B6538" s="22">
        <v>1.1352630853652954</v>
      </c>
      <c r="C6538" s="21">
        <v>148980.88235514911</v>
      </c>
      <c r="D6538">
        <f t="shared" si="102"/>
        <v>4</v>
      </c>
    </row>
    <row r="6539" spans="1:4" x14ac:dyDescent="0.25">
      <c r="A6539" s="20">
        <v>43828.208333317489</v>
      </c>
      <c r="B6539" s="22">
        <v>1.204154372215271</v>
      </c>
      <c r="C6539" s="21">
        <v>158021.50459839642</v>
      </c>
      <c r="D6539">
        <f t="shared" si="102"/>
        <v>5</v>
      </c>
    </row>
    <row r="6540" spans="1:4" x14ac:dyDescent="0.25">
      <c r="A6540" s="20">
        <v>43828.249999984153</v>
      </c>
      <c r="B6540" s="22">
        <v>1.195264458656311</v>
      </c>
      <c r="C6540" s="21">
        <v>156854.87883283768</v>
      </c>
      <c r="D6540">
        <f t="shared" si="102"/>
        <v>6</v>
      </c>
    </row>
    <row r="6541" spans="1:4" x14ac:dyDescent="0.25">
      <c r="A6541" s="20">
        <v>43828.291666650817</v>
      </c>
      <c r="B6541" s="22">
        <v>1.2275347709655762</v>
      </c>
      <c r="C6541" s="21">
        <v>161089.72066261811</v>
      </c>
      <c r="D6541">
        <f t="shared" si="102"/>
        <v>7</v>
      </c>
    </row>
    <row r="6542" spans="1:4" x14ac:dyDescent="0.25">
      <c r="A6542" s="20">
        <v>43828.333333317481</v>
      </c>
      <c r="B6542" s="22">
        <v>1.3588325977325439</v>
      </c>
      <c r="C6542" s="21">
        <v>178319.97005169452</v>
      </c>
      <c r="D6542">
        <f t="shared" si="102"/>
        <v>8</v>
      </c>
    </row>
    <row r="6543" spans="1:4" x14ac:dyDescent="0.25">
      <c r="A6543" s="20">
        <v>43828.374999984146</v>
      </c>
      <c r="B6543" s="22">
        <v>1.4431048631668091</v>
      </c>
      <c r="C6543" s="21">
        <v>189379.04228288957</v>
      </c>
      <c r="D6543">
        <f t="shared" si="102"/>
        <v>9</v>
      </c>
    </row>
    <row r="6544" spans="1:4" x14ac:dyDescent="0.25">
      <c r="A6544" s="20">
        <v>43828.41666665081</v>
      </c>
      <c r="B6544" s="22">
        <v>1.3855596780776978</v>
      </c>
      <c r="C6544" s="21">
        <v>181827.3720485777</v>
      </c>
      <c r="D6544">
        <f t="shared" si="102"/>
        <v>10</v>
      </c>
    </row>
    <row r="6545" spans="1:4" x14ac:dyDescent="0.25">
      <c r="A6545" s="20">
        <v>43828.458333317474</v>
      </c>
      <c r="B6545" s="22">
        <v>1.3426375389099121</v>
      </c>
      <c r="C6545" s="21">
        <v>176194.68809344879</v>
      </c>
      <c r="D6545">
        <f t="shared" si="102"/>
        <v>11</v>
      </c>
    </row>
    <row r="6546" spans="1:4" x14ac:dyDescent="0.25">
      <c r="A6546" s="20">
        <v>43828.499999984138</v>
      </c>
      <c r="B6546" s="22">
        <v>1.4413820505142212</v>
      </c>
      <c r="C6546" s="21">
        <v>189152.95711159857</v>
      </c>
      <c r="D6546">
        <f t="shared" si="102"/>
        <v>12</v>
      </c>
    </row>
    <row r="6547" spans="1:4" x14ac:dyDescent="0.25">
      <c r="A6547" s="20">
        <v>43828.541666650803</v>
      </c>
      <c r="B6547" s="22">
        <v>1.3054389953613281</v>
      </c>
      <c r="C6547" s="21">
        <v>171313.11314255427</v>
      </c>
      <c r="D6547">
        <f t="shared" si="102"/>
        <v>13</v>
      </c>
    </row>
    <row r="6548" spans="1:4" x14ac:dyDescent="0.25">
      <c r="A6548" s="20">
        <v>43828.583333317467</v>
      </c>
      <c r="B6548" s="22">
        <v>1.4926748275756836</v>
      </c>
      <c r="C6548" s="21">
        <v>195884.12214600446</v>
      </c>
      <c r="D6548">
        <f t="shared" si="102"/>
        <v>14</v>
      </c>
    </row>
    <row r="6549" spans="1:4" x14ac:dyDescent="0.25">
      <c r="A6549" s="20">
        <v>43828.624999984131</v>
      </c>
      <c r="B6549" s="22">
        <v>1.3756197690963745</v>
      </c>
      <c r="C6549" s="21">
        <v>180522.95509918759</v>
      </c>
      <c r="D6549">
        <f t="shared" si="102"/>
        <v>15</v>
      </c>
    </row>
    <row r="6550" spans="1:4" x14ac:dyDescent="0.25">
      <c r="A6550" s="20">
        <v>43828.666666650795</v>
      </c>
      <c r="B6550" s="22">
        <v>1.4215854406356812</v>
      </c>
      <c r="C6550" s="21">
        <v>186555.04263224549</v>
      </c>
      <c r="D6550">
        <f t="shared" si="102"/>
        <v>16</v>
      </c>
    </row>
    <row r="6551" spans="1:4" x14ac:dyDescent="0.25">
      <c r="A6551" s="20">
        <v>43828.70833331746</v>
      </c>
      <c r="B6551" s="22">
        <v>1.5333999395370483</v>
      </c>
      <c r="C6551" s="21">
        <v>201228.48962542805</v>
      </c>
      <c r="D6551">
        <f t="shared" si="102"/>
        <v>17</v>
      </c>
    </row>
    <row r="6552" spans="1:4" x14ac:dyDescent="0.25">
      <c r="A6552" s="20">
        <v>43828.749999984124</v>
      </c>
      <c r="B6552" s="22">
        <v>1.3140180110931396</v>
      </c>
      <c r="C6552" s="21">
        <v>172438.93970200125</v>
      </c>
      <c r="D6552">
        <f t="shared" si="102"/>
        <v>18</v>
      </c>
    </row>
    <row r="6553" spans="1:4" x14ac:dyDescent="0.25">
      <c r="A6553" s="20">
        <v>43828.791666650788</v>
      </c>
      <c r="B6553" s="22">
        <v>1.4669953584671021</v>
      </c>
      <c r="C6553" s="21">
        <v>192514.19845560519</v>
      </c>
      <c r="D6553">
        <f t="shared" si="102"/>
        <v>19</v>
      </c>
    </row>
    <row r="6554" spans="1:4" x14ac:dyDescent="0.25">
      <c r="A6554" s="20">
        <v>43828.833333317452</v>
      </c>
      <c r="B6554" s="22">
        <v>1.4349617958068848</v>
      </c>
      <c r="C6554" s="21">
        <v>188310.42534642981</v>
      </c>
      <c r="D6554">
        <f t="shared" si="102"/>
        <v>20</v>
      </c>
    </row>
    <row r="6555" spans="1:4" x14ac:dyDescent="0.25">
      <c r="A6555" s="20">
        <v>43828.874999984117</v>
      </c>
      <c r="B6555" s="22">
        <v>1.3915225267410278</v>
      </c>
      <c r="C6555" s="21">
        <v>182609.87829463193</v>
      </c>
      <c r="D6555">
        <f t="shared" si="102"/>
        <v>21</v>
      </c>
    </row>
    <row r="6556" spans="1:4" x14ac:dyDescent="0.25">
      <c r="A6556" s="20">
        <v>43828.916666650781</v>
      </c>
      <c r="B6556" s="22">
        <v>1.2678631544113159</v>
      </c>
      <c r="C6556" s="21">
        <v>166382.02535142057</v>
      </c>
      <c r="D6556">
        <f t="shared" si="102"/>
        <v>22</v>
      </c>
    </row>
    <row r="6557" spans="1:4" x14ac:dyDescent="0.25">
      <c r="A6557" s="20">
        <v>43828.958333317445</v>
      </c>
      <c r="B6557" s="22">
        <v>1.2330249547958374</v>
      </c>
      <c r="C6557" s="21">
        <v>161810.19897453391</v>
      </c>
      <c r="D6557">
        <f t="shared" si="102"/>
        <v>23</v>
      </c>
    </row>
    <row r="6558" spans="1:4" x14ac:dyDescent="0.25">
      <c r="A6558" s="20">
        <v>43828.999999984109</v>
      </c>
      <c r="B6558" s="22">
        <v>1.0438077449798584</v>
      </c>
      <c r="C6558" s="21">
        <v>136979.17325145821</v>
      </c>
      <c r="D6558">
        <f t="shared" si="102"/>
        <v>0</v>
      </c>
    </row>
    <row r="6559" spans="1:4" x14ac:dyDescent="0.25">
      <c r="A6559" s="20">
        <v>43829.041666650774</v>
      </c>
      <c r="B6559" s="22">
        <v>0.94990348815917969</v>
      </c>
      <c r="C6559" s="21">
        <v>124656.09218030043</v>
      </c>
      <c r="D6559">
        <f t="shared" si="102"/>
        <v>1</v>
      </c>
    </row>
    <row r="6560" spans="1:4" x14ac:dyDescent="0.25">
      <c r="A6560" s="20">
        <v>43829.083333317438</v>
      </c>
      <c r="B6560" s="22">
        <v>0.90907984972000122</v>
      </c>
      <c r="C6560" s="21">
        <v>119298.79504449213</v>
      </c>
      <c r="D6560">
        <f t="shared" si="102"/>
        <v>2</v>
      </c>
    </row>
    <row r="6561" spans="1:4" x14ac:dyDescent="0.25">
      <c r="A6561" s="20">
        <v>43829.124999984102</v>
      </c>
      <c r="B6561" s="22">
        <v>0.91250532865524292</v>
      </c>
      <c r="C6561" s="21">
        <v>119748.32157348789</v>
      </c>
      <c r="D6561">
        <f t="shared" si="102"/>
        <v>3</v>
      </c>
    </row>
    <row r="6562" spans="1:4" x14ac:dyDescent="0.25">
      <c r="A6562" s="20">
        <v>43829.166666650766</v>
      </c>
      <c r="B6562" s="22">
        <v>0.95130503177642822</v>
      </c>
      <c r="C6562" s="21">
        <v>124840.01712901813</v>
      </c>
      <c r="D6562">
        <f t="shared" si="102"/>
        <v>4</v>
      </c>
    </row>
    <row r="6563" spans="1:4" x14ac:dyDescent="0.25">
      <c r="A6563" s="20">
        <v>43829.208333317431</v>
      </c>
      <c r="B6563" s="22">
        <v>1.1159942150115967</v>
      </c>
      <c r="C6563" s="21">
        <v>146452.22327666133</v>
      </c>
      <c r="D6563">
        <f t="shared" si="102"/>
        <v>5</v>
      </c>
    </row>
    <row r="6564" spans="1:4" x14ac:dyDescent="0.25">
      <c r="A6564" s="20">
        <v>43829.249999984095</v>
      </c>
      <c r="B6564" s="22">
        <v>1.3371428251266479</v>
      </c>
      <c r="C6564" s="21">
        <v>175473.61531457282</v>
      </c>
      <c r="D6564">
        <f t="shared" si="102"/>
        <v>6</v>
      </c>
    </row>
    <row r="6565" spans="1:4" x14ac:dyDescent="0.25">
      <c r="A6565" s="20">
        <v>43829.291666650759</v>
      </c>
      <c r="B6565" s="22">
        <v>1.2819736003875732</v>
      </c>
      <c r="C6565" s="21">
        <v>168233.74300089481</v>
      </c>
      <c r="D6565">
        <f t="shared" si="102"/>
        <v>7</v>
      </c>
    </row>
    <row r="6566" spans="1:4" x14ac:dyDescent="0.25">
      <c r="A6566" s="20">
        <v>43829.333333317423</v>
      </c>
      <c r="B6566" s="22">
        <v>1.4030113220214844</v>
      </c>
      <c r="C6566" s="21">
        <v>184117.55601281417</v>
      </c>
      <c r="D6566">
        <f t="shared" si="102"/>
        <v>8</v>
      </c>
    </row>
    <row r="6567" spans="1:4" x14ac:dyDescent="0.25">
      <c r="A6567" s="20">
        <v>43829.374999984087</v>
      </c>
      <c r="B6567" s="22">
        <v>1.3807331323623657</v>
      </c>
      <c r="C6567" s="21">
        <v>181193.98314633372</v>
      </c>
      <c r="D6567">
        <f t="shared" si="102"/>
        <v>9</v>
      </c>
    </row>
    <row r="6568" spans="1:4" x14ac:dyDescent="0.25">
      <c r="A6568" s="20">
        <v>43829.416666650752</v>
      </c>
      <c r="B6568" s="22">
        <v>1.4406973123550415</v>
      </c>
      <c r="C6568" s="21">
        <v>189063.09873740154</v>
      </c>
      <c r="D6568">
        <f t="shared" si="102"/>
        <v>10</v>
      </c>
    </row>
    <row r="6569" spans="1:4" x14ac:dyDescent="0.25">
      <c r="A6569" s="20">
        <v>43829.458333317416</v>
      </c>
      <c r="B6569" s="22">
        <v>1.4925259351730347</v>
      </c>
      <c r="C6569" s="21">
        <v>195864.58295565416</v>
      </c>
      <c r="D6569">
        <f t="shared" si="102"/>
        <v>11</v>
      </c>
    </row>
    <row r="6570" spans="1:4" x14ac:dyDescent="0.25">
      <c r="A6570" s="20">
        <v>43829.49999998408</v>
      </c>
      <c r="B6570" s="22">
        <v>1.3885753154754639</v>
      </c>
      <c r="C6570" s="21">
        <v>182223.1149615412</v>
      </c>
      <c r="D6570">
        <f t="shared" si="102"/>
        <v>12</v>
      </c>
    </row>
    <row r="6571" spans="1:4" x14ac:dyDescent="0.25">
      <c r="A6571" s="20">
        <v>43829.541666650744</v>
      </c>
      <c r="B6571" s="22">
        <v>1.2990161180496216</v>
      </c>
      <c r="C6571" s="21">
        <v>170470.23721230324</v>
      </c>
      <c r="D6571">
        <f t="shared" si="102"/>
        <v>13</v>
      </c>
    </row>
    <row r="6572" spans="1:4" x14ac:dyDescent="0.25">
      <c r="A6572" s="20">
        <v>43829.583333317409</v>
      </c>
      <c r="B6572" s="22">
        <v>1.3519728183746338</v>
      </c>
      <c r="C6572" s="21">
        <v>177419.75934751731</v>
      </c>
      <c r="D6572">
        <f t="shared" si="102"/>
        <v>14</v>
      </c>
    </row>
    <row r="6573" spans="1:4" x14ac:dyDescent="0.25">
      <c r="A6573" s="20">
        <v>43829.624999984073</v>
      </c>
      <c r="B6573" s="22">
        <v>1.5224137306213379</v>
      </c>
      <c r="C6573" s="21">
        <v>199786.76645209512</v>
      </c>
      <c r="D6573">
        <f t="shared" si="102"/>
        <v>15</v>
      </c>
    </row>
    <row r="6574" spans="1:4" x14ac:dyDescent="0.25">
      <c r="A6574" s="20">
        <v>43829.666666650737</v>
      </c>
      <c r="B6574" s="22">
        <v>1.6731010675430298</v>
      </c>
      <c r="C6574" s="21">
        <v>219561.50651344197</v>
      </c>
      <c r="D6574">
        <f t="shared" si="102"/>
        <v>16</v>
      </c>
    </row>
    <row r="6575" spans="1:4" x14ac:dyDescent="0.25">
      <c r="A6575" s="20">
        <v>43829.708333317401</v>
      </c>
      <c r="B6575" s="22">
        <v>1.5169370174407959</v>
      </c>
      <c r="C6575" s="21">
        <v>199068.05589719265</v>
      </c>
      <c r="D6575">
        <f t="shared" si="102"/>
        <v>17</v>
      </c>
    </row>
    <row r="6576" spans="1:4" x14ac:dyDescent="0.25">
      <c r="A6576" s="20">
        <v>43829.749999984066</v>
      </c>
      <c r="B6576" s="22">
        <v>1.9055365324020386</v>
      </c>
      <c r="C6576" s="21">
        <v>250064.07555820391</v>
      </c>
      <c r="D6576">
        <f t="shared" si="102"/>
        <v>18</v>
      </c>
    </row>
    <row r="6577" spans="1:4" x14ac:dyDescent="0.25">
      <c r="A6577" s="20">
        <v>43829.79166665073</v>
      </c>
      <c r="B6577" s="22">
        <v>1.9213104248046875</v>
      </c>
      <c r="C6577" s="21">
        <v>252134.08773301679</v>
      </c>
      <c r="D6577">
        <f t="shared" si="102"/>
        <v>19</v>
      </c>
    </row>
    <row r="6578" spans="1:4" x14ac:dyDescent="0.25">
      <c r="A6578" s="20">
        <v>43829.833333317394</v>
      </c>
      <c r="B6578" s="22">
        <v>1.8000650405883789</v>
      </c>
      <c r="C6578" s="21">
        <v>236223.02310413169</v>
      </c>
      <c r="D6578">
        <f t="shared" si="102"/>
        <v>20</v>
      </c>
    </row>
    <row r="6579" spans="1:4" x14ac:dyDescent="0.25">
      <c r="A6579" s="20">
        <v>43829.874999984058</v>
      </c>
      <c r="B6579" s="22">
        <v>1.7841958999633789</v>
      </c>
      <c r="C6579" s="21">
        <v>234140.51147928686</v>
      </c>
      <c r="D6579">
        <f t="shared" si="102"/>
        <v>21</v>
      </c>
    </row>
    <row r="6580" spans="1:4" x14ac:dyDescent="0.25">
      <c r="A6580" s="20">
        <v>43829.916666650723</v>
      </c>
      <c r="B6580" s="22">
        <v>1.904716968536377</v>
      </c>
      <c r="C6580" s="21">
        <v>249956.52397000673</v>
      </c>
      <c r="D6580">
        <f t="shared" si="102"/>
        <v>22</v>
      </c>
    </row>
    <row r="6581" spans="1:4" x14ac:dyDescent="0.25">
      <c r="A6581" s="20">
        <v>43829.958333317387</v>
      </c>
      <c r="B6581" s="22">
        <v>1.6472295522689819</v>
      </c>
      <c r="C6581" s="21">
        <v>216166.38055270296</v>
      </c>
      <c r="D6581">
        <f t="shared" si="102"/>
        <v>23</v>
      </c>
    </row>
    <row r="6582" spans="1:4" x14ac:dyDescent="0.25">
      <c r="A6582" s="20">
        <v>43829.999999984051</v>
      </c>
      <c r="B6582" s="22">
        <v>1.5824064016342163</v>
      </c>
      <c r="C6582" s="21">
        <v>207659.62092746541</v>
      </c>
      <c r="D6582">
        <f t="shared" si="102"/>
        <v>0</v>
      </c>
    </row>
    <row r="6583" spans="1:4" x14ac:dyDescent="0.25">
      <c r="A6583" s="20">
        <v>43830.041666650715</v>
      </c>
      <c r="B6583" s="22">
        <v>1.5430210828781128</v>
      </c>
      <c r="C6583" s="21">
        <v>202491.07487345973</v>
      </c>
      <c r="D6583">
        <f t="shared" si="102"/>
        <v>1</v>
      </c>
    </row>
    <row r="6584" spans="1:4" x14ac:dyDescent="0.25">
      <c r="A6584" s="20">
        <v>43830.08333331738</v>
      </c>
      <c r="B6584" s="22">
        <v>1.5375725030899048</v>
      </c>
      <c r="C6584" s="21">
        <v>201776.05627125752</v>
      </c>
      <c r="D6584">
        <f t="shared" si="102"/>
        <v>2</v>
      </c>
    </row>
    <row r="6585" spans="1:4" x14ac:dyDescent="0.25">
      <c r="A6585" s="20">
        <v>43830.124999984044</v>
      </c>
      <c r="B6585" s="22">
        <v>1.5716125965118408</v>
      </c>
      <c r="C6585" s="21">
        <v>206243.14695607437</v>
      </c>
      <c r="D6585">
        <f t="shared" si="102"/>
        <v>3</v>
      </c>
    </row>
    <row r="6586" spans="1:4" x14ac:dyDescent="0.25">
      <c r="A6586" s="20">
        <v>43830.166666650708</v>
      </c>
      <c r="B6586" s="22">
        <v>1.5413566827774048</v>
      </c>
      <c r="C6586" s="21">
        <v>202272.65519718203</v>
      </c>
      <c r="D6586">
        <f t="shared" si="102"/>
        <v>4</v>
      </c>
    </row>
    <row r="6587" spans="1:4" x14ac:dyDescent="0.25">
      <c r="A6587" s="20">
        <v>43830.208333317372</v>
      </c>
      <c r="B6587" s="22">
        <v>1.7665793895721436</v>
      </c>
      <c r="C6587" s="21">
        <v>231828.69204647196</v>
      </c>
      <c r="D6587">
        <f t="shared" si="102"/>
        <v>5</v>
      </c>
    </row>
    <row r="6588" spans="1:4" x14ac:dyDescent="0.25">
      <c r="A6588" s="20">
        <v>43830.249999984037</v>
      </c>
      <c r="B6588" s="22">
        <v>1.7714226245880127</v>
      </c>
      <c r="C6588" s="21">
        <v>232464.27109014831</v>
      </c>
      <c r="D6588">
        <f t="shared" si="102"/>
        <v>6</v>
      </c>
    </row>
    <row r="6589" spans="1:4" x14ac:dyDescent="0.25">
      <c r="A6589" s="20">
        <v>43830.291666650701</v>
      </c>
      <c r="B6589" s="22">
        <v>1.7131514549255371</v>
      </c>
      <c r="C6589" s="21">
        <v>224817.32970352794</v>
      </c>
      <c r="D6589">
        <f t="shared" si="102"/>
        <v>7</v>
      </c>
    </row>
    <row r="6590" spans="1:4" x14ac:dyDescent="0.25">
      <c r="A6590" s="20">
        <v>43830.333333317365</v>
      </c>
      <c r="B6590" s="22">
        <v>1.8913757801055908</v>
      </c>
      <c r="C6590" s="21">
        <v>248205.7561966978</v>
      </c>
      <c r="D6590">
        <f t="shared" si="102"/>
        <v>8</v>
      </c>
    </row>
    <row r="6591" spans="1:4" x14ac:dyDescent="0.25">
      <c r="A6591" s="20">
        <v>43830.374999984029</v>
      </c>
      <c r="B6591" s="22">
        <v>2.0059576034545898</v>
      </c>
      <c r="C6591" s="21">
        <v>263242.35992710351</v>
      </c>
      <c r="D6591">
        <f t="shared" si="102"/>
        <v>9</v>
      </c>
    </row>
    <row r="6592" spans="1:4" x14ac:dyDescent="0.25">
      <c r="A6592" s="20">
        <v>43830.416666650694</v>
      </c>
      <c r="B6592" s="22">
        <v>1.861153244972229</v>
      </c>
      <c r="C6592" s="21">
        <v>244239.64472067024</v>
      </c>
      <c r="D6592">
        <f t="shared" si="102"/>
        <v>10</v>
      </c>
    </row>
    <row r="6593" spans="1:4" x14ac:dyDescent="0.25">
      <c r="A6593" s="20">
        <v>43830.458333317358</v>
      </c>
      <c r="B6593" s="22">
        <v>2.0390987396240234</v>
      </c>
      <c r="C6593" s="21">
        <v>267591.48020805203</v>
      </c>
      <c r="D6593">
        <f t="shared" si="102"/>
        <v>11</v>
      </c>
    </row>
    <row r="6594" spans="1:4" x14ac:dyDescent="0.25">
      <c r="A6594" s="20">
        <v>43830.499999984022</v>
      </c>
      <c r="B6594" s="22">
        <v>2.0489943027496338</v>
      </c>
      <c r="C6594" s="21">
        <v>268890.07763877889</v>
      </c>
      <c r="D6594">
        <f t="shared" si="102"/>
        <v>12</v>
      </c>
    </row>
    <row r="6595" spans="1:4" x14ac:dyDescent="0.25">
      <c r="A6595" s="20">
        <v>43830.541666650686</v>
      </c>
      <c r="B6595" s="22">
        <v>1.9224185943603516</v>
      </c>
      <c r="C6595" s="21">
        <v>252279.51312412677</v>
      </c>
      <c r="D6595">
        <f t="shared" si="102"/>
        <v>13</v>
      </c>
    </row>
    <row r="6596" spans="1:4" x14ac:dyDescent="0.25">
      <c r="A6596" s="20">
        <v>43830.58333331735</v>
      </c>
      <c r="B6596" s="22">
        <v>1.9165422916412354</v>
      </c>
      <c r="C6596" s="21">
        <v>251508.36432578615</v>
      </c>
      <c r="D6596">
        <f t="shared" si="102"/>
        <v>14</v>
      </c>
    </row>
    <row r="6597" spans="1:4" x14ac:dyDescent="0.25">
      <c r="A6597" s="20">
        <v>43830.624999984015</v>
      </c>
      <c r="B6597" s="22">
        <v>2.2511353492736816</v>
      </c>
      <c r="C6597" s="21">
        <v>295417.10195548669</v>
      </c>
      <c r="D6597">
        <f t="shared" si="102"/>
        <v>15</v>
      </c>
    </row>
    <row r="6598" spans="1:4" x14ac:dyDescent="0.25">
      <c r="A6598" s="20">
        <v>43830.666666650679</v>
      </c>
      <c r="B6598" s="22">
        <v>2.1708056926727295</v>
      </c>
      <c r="C6598" s="21">
        <v>284875.41934995644</v>
      </c>
      <c r="D6598">
        <f t="shared" si="102"/>
        <v>16</v>
      </c>
    </row>
    <row r="6599" spans="1:4" x14ac:dyDescent="0.25">
      <c r="A6599" s="20">
        <v>43830.708333317343</v>
      </c>
      <c r="B6599" s="22">
        <v>2.2551050186157227</v>
      </c>
      <c r="C6599" s="21">
        <v>295938.0427390454</v>
      </c>
      <c r="D6599">
        <f t="shared" ref="D6599:D6662" si="103">HOUR(A6599)</f>
        <v>17</v>
      </c>
    </row>
    <row r="6600" spans="1:4" x14ac:dyDescent="0.25">
      <c r="A6600" s="20">
        <v>43830.749999984007</v>
      </c>
      <c r="B6600" s="22">
        <v>2.1745517253875732</v>
      </c>
      <c r="C6600" s="21">
        <v>285367.01223832124</v>
      </c>
      <c r="D6600">
        <f t="shared" si="103"/>
        <v>18</v>
      </c>
    </row>
    <row r="6601" spans="1:4" x14ac:dyDescent="0.25">
      <c r="A6601" s="20">
        <v>43830.791666650672</v>
      </c>
      <c r="B6601" s="22">
        <v>2.0362768173217773</v>
      </c>
      <c r="C6601" s="21">
        <v>267221.15857957146</v>
      </c>
      <c r="D6601">
        <f t="shared" si="103"/>
        <v>19</v>
      </c>
    </row>
    <row r="6602" spans="1:4" x14ac:dyDescent="0.25">
      <c r="A6602" s="20">
        <v>43830.833333317336</v>
      </c>
      <c r="B6602" s="22">
        <v>2.0845572948455811</v>
      </c>
      <c r="C6602" s="21">
        <v>273557.01872930035</v>
      </c>
      <c r="D6602">
        <f t="shared" si="103"/>
        <v>20</v>
      </c>
    </row>
    <row r="6603" spans="1:4" x14ac:dyDescent="0.25">
      <c r="A6603" s="20">
        <v>43830.874999984</v>
      </c>
      <c r="B6603" s="22">
        <v>1.8626022338867188</v>
      </c>
      <c r="C6603" s="21">
        <v>244429.79592860283</v>
      </c>
      <c r="D6603">
        <f t="shared" si="103"/>
        <v>21</v>
      </c>
    </row>
    <row r="6604" spans="1:4" x14ac:dyDescent="0.25">
      <c r="A6604" s="20">
        <v>43830.916666650664</v>
      </c>
      <c r="B6604" s="22">
        <v>1.7526386976242065</v>
      </c>
      <c r="C6604" s="21">
        <v>229999.25126413853</v>
      </c>
      <c r="D6604">
        <f t="shared" si="103"/>
        <v>22</v>
      </c>
    </row>
    <row r="6605" spans="1:4" x14ac:dyDescent="0.25">
      <c r="A6605" s="20">
        <v>43830.958333317329</v>
      </c>
      <c r="B6605" s="22">
        <v>1.688570499420166</v>
      </c>
      <c r="C6605" s="21">
        <v>221591.56425098132</v>
      </c>
      <c r="D6605">
        <f t="shared" si="103"/>
        <v>23</v>
      </c>
    </row>
    <row r="6606" spans="1:4" x14ac:dyDescent="0.25">
      <c r="A6606" s="20">
        <v>43830.999999983993</v>
      </c>
      <c r="B6606" s="22">
        <v>1.9216418266296387</v>
      </c>
      <c r="C6606" s="21">
        <v>330030.30244376406</v>
      </c>
      <c r="D6606">
        <f t="shared" si="103"/>
        <v>0</v>
      </c>
    </row>
    <row r="6607" spans="1:4" x14ac:dyDescent="0.25">
      <c r="A6607" s="20">
        <v>43831.041666650657</v>
      </c>
      <c r="B6607" s="22">
        <v>1.891818642616272</v>
      </c>
      <c r="C6607" s="21">
        <v>324908.35187869426</v>
      </c>
      <c r="D6607">
        <f t="shared" si="103"/>
        <v>1</v>
      </c>
    </row>
    <row r="6608" spans="1:4" x14ac:dyDescent="0.25">
      <c r="A6608" s="20">
        <v>43831.083333317321</v>
      </c>
      <c r="B6608" s="22">
        <v>1.7665841579437256</v>
      </c>
      <c r="C6608" s="21">
        <v>303400.09041180054</v>
      </c>
      <c r="D6608">
        <f t="shared" si="103"/>
        <v>2</v>
      </c>
    </row>
    <row r="6609" spans="1:4" x14ac:dyDescent="0.25">
      <c r="A6609" s="20">
        <v>43831.124999983986</v>
      </c>
      <c r="B6609" s="22">
        <v>1.8520046472549438</v>
      </c>
      <c r="C6609" s="21">
        <v>318070.54019677447</v>
      </c>
      <c r="D6609">
        <f t="shared" si="103"/>
        <v>3</v>
      </c>
    </row>
    <row r="6610" spans="1:4" x14ac:dyDescent="0.25">
      <c r="A6610" s="20">
        <v>43831.16666665065</v>
      </c>
      <c r="B6610" s="22">
        <v>1.7559221982955933</v>
      </c>
      <c r="C6610" s="21">
        <v>301568.96365417383</v>
      </c>
      <c r="D6610">
        <f t="shared" si="103"/>
        <v>4</v>
      </c>
    </row>
    <row r="6611" spans="1:4" x14ac:dyDescent="0.25">
      <c r="A6611" s="20">
        <v>43831.208333317314</v>
      </c>
      <c r="B6611" s="22">
        <v>1.8158600330352783</v>
      </c>
      <c r="C6611" s="21">
        <v>311862.92242049449</v>
      </c>
      <c r="D6611">
        <f t="shared" si="103"/>
        <v>5</v>
      </c>
    </row>
    <row r="6612" spans="1:4" x14ac:dyDescent="0.25">
      <c r="A6612" s="20">
        <v>43831.249999983978</v>
      </c>
      <c r="B6612" s="22">
        <v>1.8024228811264038</v>
      </c>
      <c r="C6612" s="21">
        <v>309555.17326192901</v>
      </c>
      <c r="D6612">
        <f t="shared" si="103"/>
        <v>6</v>
      </c>
    </row>
    <row r="6613" spans="1:4" x14ac:dyDescent="0.25">
      <c r="A6613" s="20">
        <v>43831.291666650643</v>
      </c>
      <c r="B6613" s="22">
        <v>1.869478702545166</v>
      </c>
      <c r="C6613" s="21">
        <v>321071.60297155066</v>
      </c>
      <c r="D6613">
        <f t="shared" si="103"/>
        <v>7</v>
      </c>
    </row>
    <row r="6614" spans="1:4" x14ac:dyDescent="0.25">
      <c r="A6614" s="20">
        <v>43831.333333317307</v>
      </c>
      <c r="B6614" s="22">
        <v>1.9716192483901978</v>
      </c>
      <c r="C6614" s="21">
        <v>338613.62082829658</v>
      </c>
      <c r="D6614">
        <f t="shared" si="103"/>
        <v>8</v>
      </c>
    </row>
    <row r="6615" spans="1:4" x14ac:dyDescent="0.25">
      <c r="A6615" s="20">
        <v>43831.374999983971</v>
      </c>
      <c r="B6615" s="22">
        <v>2.0033082962036133</v>
      </c>
      <c r="C6615" s="21">
        <v>344056.02215880842</v>
      </c>
      <c r="D6615">
        <f t="shared" si="103"/>
        <v>9</v>
      </c>
    </row>
    <row r="6616" spans="1:4" x14ac:dyDescent="0.25">
      <c r="A6616" s="20">
        <v>43831.416666650635</v>
      </c>
      <c r="B6616" s="22">
        <v>1.7522627115249634</v>
      </c>
      <c r="C6616" s="21">
        <v>300940.46904661303</v>
      </c>
      <c r="D6616">
        <f t="shared" si="103"/>
        <v>10</v>
      </c>
    </row>
    <row r="6617" spans="1:4" x14ac:dyDescent="0.25">
      <c r="A6617" s="20">
        <v>43831.4583333173</v>
      </c>
      <c r="B6617" s="22">
        <v>1.8132307529449463</v>
      </c>
      <c r="C6617" s="21">
        <v>311411.3595478526</v>
      </c>
      <c r="D6617">
        <f t="shared" si="103"/>
        <v>11</v>
      </c>
    </row>
    <row r="6618" spans="1:4" x14ac:dyDescent="0.25">
      <c r="A6618" s="20">
        <v>43831.499999983964</v>
      </c>
      <c r="B6618" s="22">
        <v>1.7556527853012085</v>
      </c>
      <c r="C6618" s="21">
        <v>301522.69361009641</v>
      </c>
      <c r="D6618">
        <f t="shared" si="103"/>
        <v>12</v>
      </c>
    </row>
    <row r="6619" spans="1:4" x14ac:dyDescent="0.25">
      <c r="A6619" s="20">
        <v>43831.541666650628</v>
      </c>
      <c r="B6619" s="22">
        <v>1.5952160358428955</v>
      </c>
      <c r="C6619" s="21">
        <v>273968.65715383936</v>
      </c>
      <c r="D6619">
        <f t="shared" si="103"/>
        <v>13</v>
      </c>
    </row>
    <row r="6620" spans="1:4" x14ac:dyDescent="0.25">
      <c r="A6620" s="20">
        <v>43831.583333317292</v>
      </c>
      <c r="B6620" s="22">
        <v>1.5739707946777344</v>
      </c>
      <c r="C6620" s="21">
        <v>270319.91612933413</v>
      </c>
      <c r="D6620">
        <f t="shared" si="103"/>
        <v>14</v>
      </c>
    </row>
    <row r="6621" spans="1:4" x14ac:dyDescent="0.25">
      <c r="A6621" s="20">
        <v>43831.624999983957</v>
      </c>
      <c r="B6621" s="22">
        <v>1.6499361991882324</v>
      </c>
      <c r="C6621" s="21">
        <v>283366.51257537119</v>
      </c>
      <c r="D6621">
        <f t="shared" si="103"/>
        <v>15</v>
      </c>
    </row>
    <row r="6622" spans="1:4" x14ac:dyDescent="0.25">
      <c r="A6622" s="20">
        <v>43831.666666650621</v>
      </c>
      <c r="B6622" s="22">
        <v>1.8501533269882202</v>
      </c>
      <c r="C6622" s="21">
        <v>317752.58719477372</v>
      </c>
      <c r="D6622">
        <f t="shared" si="103"/>
        <v>16</v>
      </c>
    </row>
    <row r="6623" spans="1:4" x14ac:dyDescent="0.25">
      <c r="A6623" s="20">
        <v>43831.708333317285</v>
      </c>
      <c r="B6623" s="22">
        <v>2.24383544921875</v>
      </c>
      <c r="C6623" s="21">
        <v>385365.09857225727</v>
      </c>
      <c r="D6623">
        <f t="shared" si="103"/>
        <v>17</v>
      </c>
    </row>
    <row r="6624" spans="1:4" x14ac:dyDescent="0.25">
      <c r="A6624" s="20">
        <v>43831.749999983949</v>
      </c>
      <c r="B6624" s="22">
        <v>2.1663517951965332</v>
      </c>
      <c r="C6624" s="21">
        <v>372057.75200172036</v>
      </c>
      <c r="D6624">
        <f t="shared" si="103"/>
        <v>18</v>
      </c>
    </row>
    <row r="6625" spans="1:4" x14ac:dyDescent="0.25">
      <c r="A6625" s="20">
        <v>43831.791666650613</v>
      </c>
      <c r="B6625" s="22">
        <v>2.2107644081115723</v>
      </c>
      <c r="C6625" s="21">
        <v>379685.34829440509</v>
      </c>
      <c r="D6625">
        <f t="shared" si="103"/>
        <v>19</v>
      </c>
    </row>
    <row r="6626" spans="1:4" x14ac:dyDescent="0.25">
      <c r="A6626" s="20">
        <v>43831.833333317278</v>
      </c>
      <c r="B6626" s="22">
        <v>2.3418512344360352</v>
      </c>
      <c r="C6626" s="21">
        <v>402198.71386479022</v>
      </c>
      <c r="D6626">
        <f t="shared" si="103"/>
        <v>20</v>
      </c>
    </row>
    <row r="6627" spans="1:4" x14ac:dyDescent="0.25">
      <c r="A6627" s="20">
        <v>43831.874999983942</v>
      </c>
      <c r="B6627" s="22">
        <v>2.3677129745483398</v>
      </c>
      <c r="C6627" s="21">
        <v>406640.31052068505</v>
      </c>
      <c r="D6627">
        <f t="shared" si="103"/>
        <v>21</v>
      </c>
    </row>
    <row r="6628" spans="1:4" x14ac:dyDescent="0.25">
      <c r="A6628" s="20">
        <v>43831.916666650606</v>
      </c>
      <c r="B6628" s="22">
        <v>2.2237339019775391</v>
      </c>
      <c r="C6628" s="21">
        <v>381912.78002690169</v>
      </c>
      <c r="D6628">
        <f t="shared" si="103"/>
        <v>22</v>
      </c>
    </row>
    <row r="6629" spans="1:4" x14ac:dyDescent="0.25">
      <c r="A6629" s="20">
        <v>43831.95833331727</v>
      </c>
      <c r="B6629" s="22">
        <v>2.0534288883209229</v>
      </c>
      <c r="C6629" s="21">
        <v>352663.92918180866</v>
      </c>
      <c r="D6629">
        <f t="shared" si="103"/>
        <v>23</v>
      </c>
    </row>
    <row r="6630" spans="1:4" x14ac:dyDescent="0.25">
      <c r="A6630" s="20">
        <v>43831.999999983935</v>
      </c>
      <c r="B6630" s="22">
        <v>2.1442990303039551</v>
      </c>
      <c r="C6630" s="21">
        <v>368270.32368580793</v>
      </c>
      <c r="D6630">
        <f t="shared" si="103"/>
        <v>0</v>
      </c>
    </row>
    <row r="6631" spans="1:4" x14ac:dyDescent="0.25">
      <c r="A6631" s="20">
        <v>43832.041666650599</v>
      </c>
      <c r="B6631" s="22">
        <v>2.1435582637786865</v>
      </c>
      <c r="C6631" s="21">
        <v>368143.101538066</v>
      </c>
      <c r="D6631">
        <f t="shared" si="103"/>
        <v>1</v>
      </c>
    </row>
    <row r="6632" spans="1:4" x14ac:dyDescent="0.25">
      <c r="A6632" s="20">
        <v>43832.083333317263</v>
      </c>
      <c r="B6632" s="22">
        <v>2.2160098552703857</v>
      </c>
      <c r="C6632" s="21">
        <v>380586.22195789748</v>
      </c>
      <c r="D6632">
        <f t="shared" si="103"/>
        <v>2</v>
      </c>
    </row>
    <row r="6633" spans="1:4" x14ac:dyDescent="0.25">
      <c r="A6633" s="20">
        <v>43832.124999983927</v>
      </c>
      <c r="B6633" s="22">
        <v>2.1751606464385986</v>
      </c>
      <c r="C6633" s="21">
        <v>373570.61865528394</v>
      </c>
      <c r="D6633">
        <f t="shared" si="103"/>
        <v>3</v>
      </c>
    </row>
    <row r="6634" spans="1:4" x14ac:dyDescent="0.25">
      <c r="A6634" s="20">
        <v>43832.166666650592</v>
      </c>
      <c r="B6634" s="22">
        <v>2.4119777679443359</v>
      </c>
      <c r="C6634" s="21">
        <v>414242.51970953977</v>
      </c>
      <c r="D6634">
        <f t="shared" si="103"/>
        <v>4</v>
      </c>
    </row>
    <row r="6635" spans="1:4" x14ac:dyDescent="0.25">
      <c r="A6635" s="20">
        <v>43832.208333317256</v>
      </c>
      <c r="B6635" s="22">
        <v>2.4956092834472656</v>
      </c>
      <c r="C6635" s="21">
        <v>428605.7241177574</v>
      </c>
      <c r="D6635">
        <f t="shared" si="103"/>
        <v>5</v>
      </c>
    </row>
    <row r="6636" spans="1:4" x14ac:dyDescent="0.25">
      <c r="A6636" s="20">
        <v>43832.24999998392</v>
      </c>
      <c r="B6636" s="22">
        <v>2.6941859722137451</v>
      </c>
      <c r="C6636" s="21">
        <v>462710.06330505869</v>
      </c>
      <c r="D6636">
        <f t="shared" si="103"/>
        <v>6</v>
      </c>
    </row>
    <row r="6637" spans="1:4" x14ac:dyDescent="0.25">
      <c r="A6637" s="20">
        <v>43832.291666650584</v>
      </c>
      <c r="B6637" s="22">
        <v>2.5317525863647461</v>
      </c>
      <c r="C6637" s="21">
        <v>434813.11668585829</v>
      </c>
      <c r="D6637">
        <f t="shared" si="103"/>
        <v>7</v>
      </c>
    </row>
    <row r="6638" spans="1:4" x14ac:dyDescent="0.25">
      <c r="A6638" s="20">
        <v>43832.333333317249</v>
      </c>
      <c r="B6638" s="22">
        <v>2.3353381156921387</v>
      </c>
      <c r="C6638" s="21">
        <v>401080.12531248416</v>
      </c>
      <c r="D6638">
        <f t="shared" si="103"/>
        <v>8</v>
      </c>
    </row>
    <row r="6639" spans="1:4" x14ac:dyDescent="0.25">
      <c r="A6639" s="20">
        <v>43832.374999983913</v>
      </c>
      <c r="B6639" s="22">
        <v>2.1985714435577393</v>
      </c>
      <c r="C6639" s="21">
        <v>377591.28075089963</v>
      </c>
      <c r="D6639">
        <f t="shared" si="103"/>
        <v>9</v>
      </c>
    </row>
    <row r="6640" spans="1:4" x14ac:dyDescent="0.25">
      <c r="A6640" s="20">
        <v>43832.416666650577</v>
      </c>
      <c r="B6640" s="22">
        <v>2.1114833354949951</v>
      </c>
      <c r="C6640" s="21">
        <v>362634.42758247512</v>
      </c>
      <c r="D6640">
        <f t="shared" si="103"/>
        <v>10</v>
      </c>
    </row>
    <row r="6641" spans="1:4" x14ac:dyDescent="0.25">
      <c r="A6641" s="20">
        <v>43832.458333317241</v>
      </c>
      <c r="B6641" s="22">
        <v>1.9200769662857056</v>
      </c>
      <c r="C6641" s="21">
        <v>329761.54719216947</v>
      </c>
      <c r="D6641">
        <f t="shared" si="103"/>
        <v>11</v>
      </c>
    </row>
    <row r="6642" spans="1:4" x14ac:dyDescent="0.25">
      <c r="A6642" s="20">
        <v>43832.499999983906</v>
      </c>
      <c r="B6642" s="22">
        <v>1.7883492708206177</v>
      </c>
      <c r="C6642" s="21">
        <v>307138.11624259851</v>
      </c>
      <c r="D6642">
        <f t="shared" si="103"/>
        <v>12</v>
      </c>
    </row>
    <row r="6643" spans="1:4" x14ac:dyDescent="0.25">
      <c r="A6643" s="20">
        <v>43832.54166665057</v>
      </c>
      <c r="B6643" s="22">
        <v>1.6478478908538818</v>
      </c>
      <c r="C6643" s="21">
        <v>283007.85831335903</v>
      </c>
      <c r="D6643">
        <f t="shared" si="103"/>
        <v>13</v>
      </c>
    </row>
    <row r="6644" spans="1:4" x14ac:dyDescent="0.25">
      <c r="A6644" s="20">
        <v>43832.583333317234</v>
      </c>
      <c r="B6644" s="22">
        <v>1.4931033849716187</v>
      </c>
      <c r="C6644" s="21">
        <v>256431.43008926781</v>
      </c>
      <c r="D6644">
        <f t="shared" si="103"/>
        <v>14</v>
      </c>
    </row>
    <row r="6645" spans="1:4" x14ac:dyDescent="0.25">
      <c r="A6645" s="20">
        <v>43832.624999983898</v>
      </c>
      <c r="B6645" s="22">
        <v>1.4836690425872803</v>
      </c>
      <c r="C6645" s="21">
        <v>254811.13913425559</v>
      </c>
      <c r="D6645">
        <f t="shared" si="103"/>
        <v>15</v>
      </c>
    </row>
    <row r="6646" spans="1:4" x14ac:dyDescent="0.25">
      <c r="A6646" s="20">
        <v>43832.666666650563</v>
      </c>
      <c r="B6646" s="22">
        <v>1.5105565786361694</v>
      </c>
      <c r="C6646" s="21">
        <v>259428.91000664863</v>
      </c>
      <c r="D6646">
        <f t="shared" si="103"/>
        <v>16</v>
      </c>
    </row>
    <row r="6647" spans="1:4" x14ac:dyDescent="0.25">
      <c r="A6647" s="20">
        <v>43832.708333317227</v>
      </c>
      <c r="B6647" s="22">
        <v>1.6127924919128418</v>
      </c>
      <c r="C6647" s="21">
        <v>276987.30664005911</v>
      </c>
      <c r="D6647">
        <f t="shared" si="103"/>
        <v>17</v>
      </c>
    </row>
    <row r="6648" spans="1:4" x14ac:dyDescent="0.25">
      <c r="A6648" s="20">
        <v>43832.749999983891</v>
      </c>
      <c r="B6648" s="22">
        <v>1.6590150594711304</v>
      </c>
      <c r="C6648" s="21">
        <v>284925.75164036633</v>
      </c>
      <c r="D6648">
        <f t="shared" si="103"/>
        <v>18</v>
      </c>
    </row>
    <row r="6649" spans="1:4" x14ac:dyDescent="0.25">
      <c r="A6649" s="20">
        <v>43832.791666650555</v>
      </c>
      <c r="B6649" s="22">
        <v>1.6521056890487671</v>
      </c>
      <c r="C6649" s="21">
        <v>283739.10927101906</v>
      </c>
      <c r="D6649">
        <f t="shared" si="103"/>
        <v>19</v>
      </c>
    </row>
    <row r="6650" spans="1:4" x14ac:dyDescent="0.25">
      <c r="A6650" s="20">
        <v>43832.83333331722</v>
      </c>
      <c r="B6650" s="22">
        <v>1.7948887348175049</v>
      </c>
      <c r="C6650" s="21">
        <v>308261.22943195805</v>
      </c>
      <c r="D6650">
        <f t="shared" si="103"/>
        <v>20</v>
      </c>
    </row>
    <row r="6651" spans="1:4" x14ac:dyDescent="0.25">
      <c r="A6651" s="20">
        <v>43832.874999983884</v>
      </c>
      <c r="B6651" s="22">
        <v>1.7314563989639282</v>
      </c>
      <c r="C6651" s="21">
        <v>297367.11134170636</v>
      </c>
      <c r="D6651">
        <f t="shared" si="103"/>
        <v>21</v>
      </c>
    </row>
    <row r="6652" spans="1:4" x14ac:dyDescent="0.25">
      <c r="A6652" s="20">
        <v>43832.916666650548</v>
      </c>
      <c r="B6652" s="22">
        <v>1.6489225625991821</v>
      </c>
      <c r="C6652" s="21">
        <v>283192.42665289779</v>
      </c>
      <c r="D6652">
        <f t="shared" si="103"/>
        <v>22</v>
      </c>
    </row>
    <row r="6653" spans="1:4" x14ac:dyDescent="0.25">
      <c r="A6653" s="20">
        <v>43832.958333317212</v>
      </c>
      <c r="B6653" s="22">
        <v>1.4209107160568237</v>
      </c>
      <c r="C6653" s="21">
        <v>244032.77804808063</v>
      </c>
      <c r="D6653">
        <f t="shared" si="103"/>
        <v>23</v>
      </c>
    </row>
    <row r="6654" spans="1:4" x14ac:dyDescent="0.25">
      <c r="A6654" s="20">
        <v>43832.999999983876</v>
      </c>
      <c r="B6654" s="22">
        <v>1.2618256807327271</v>
      </c>
      <c r="C6654" s="21">
        <v>216710.89027757288</v>
      </c>
      <c r="D6654">
        <f t="shared" si="103"/>
        <v>0</v>
      </c>
    </row>
    <row r="6655" spans="1:4" x14ac:dyDescent="0.25">
      <c r="A6655" s="20">
        <v>43833.041666650541</v>
      </c>
      <c r="B6655" s="22">
        <v>1.1713123321533203</v>
      </c>
      <c r="C6655" s="21">
        <v>201165.77287176988</v>
      </c>
      <c r="D6655">
        <f t="shared" si="103"/>
        <v>1</v>
      </c>
    </row>
    <row r="6656" spans="1:4" x14ac:dyDescent="0.25">
      <c r="A6656" s="20">
        <v>43833.083333317205</v>
      </c>
      <c r="B6656" s="22">
        <v>1.1894350051879883</v>
      </c>
      <c r="C6656" s="21">
        <v>204278.23180133587</v>
      </c>
      <c r="D6656">
        <f t="shared" si="103"/>
        <v>2</v>
      </c>
    </row>
    <row r="6657" spans="1:4" x14ac:dyDescent="0.25">
      <c r="A6657" s="20">
        <v>43833.124999983869</v>
      </c>
      <c r="B6657" s="22">
        <v>1.1678081750869751</v>
      </c>
      <c r="C6657" s="21">
        <v>200563.95519670151</v>
      </c>
      <c r="D6657">
        <f t="shared" si="103"/>
        <v>3</v>
      </c>
    </row>
    <row r="6658" spans="1:4" x14ac:dyDescent="0.25">
      <c r="A6658" s="20">
        <v>43833.166666650533</v>
      </c>
      <c r="B6658" s="22">
        <v>1.1851602792739868</v>
      </c>
      <c r="C6658" s="21">
        <v>203544.0736108179</v>
      </c>
      <c r="D6658">
        <f t="shared" si="103"/>
        <v>4</v>
      </c>
    </row>
    <row r="6659" spans="1:4" x14ac:dyDescent="0.25">
      <c r="A6659" s="20">
        <v>43833.208333317198</v>
      </c>
      <c r="B6659" s="22">
        <v>1.4510085582733154</v>
      </c>
      <c r="C6659" s="21">
        <v>249201.89948994436</v>
      </c>
      <c r="D6659">
        <f t="shared" si="103"/>
        <v>5</v>
      </c>
    </row>
    <row r="6660" spans="1:4" x14ac:dyDescent="0.25">
      <c r="A6660" s="20">
        <v>43833.249999983862</v>
      </c>
      <c r="B6660" s="22">
        <v>1.4633909463882446</v>
      </c>
      <c r="C6660" s="21">
        <v>251328.49937859975</v>
      </c>
      <c r="D6660">
        <f t="shared" si="103"/>
        <v>6</v>
      </c>
    </row>
    <row r="6661" spans="1:4" x14ac:dyDescent="0.25">
      <c r="A6661" s="20">
        <v>43833.291666650526</v>
      </c>
      <c r="B6661" s="22">
        <v>1.2774323225021362</v>
      </c>
      <c r="C6661" s="21">
        <v>219391.23613178617</v>
      </c>
      <c r="D6661">
        <f t="shared" si="103"/>
        <v>7</v>
      </c>
    </row>
    <row r="6662" spans="1:4" x14ac:dyDescent="0.25">
      <c r="A6662" s="20">
        <v>43833.33333331719</v>
      </c>
      <c r="B6662" s="22">
        <v>1.2971575260162354</v>
      </c>
      <c r="C6662" s="21">
        <v>222778.91992972919</v>
      </c>
      <c r="D6662">
        <f t="shared" si="103"/>
        <v>8</v>
      </c>
    </row>
    <row r="6663" spans="1:4" x14ac:dyDescent="0.25">
      <c r="A6663" s="20">
        <v>43833.374999983855</v>
      </c>
      <c r="B6663" s="22">
        <v>1.4706641435623169</v>
      </c>
      <c r="C6663" s="21">
        <v>252577.62678092229</v>
      </c>
      <c r="D6663">
        <f t="shared" ref="D6663:D6726" si="104">HOUR(A6663)</f>
        <v>9</v>
      </c>
    </row>
    <row r="6664" spans="1:4" x14ac:dyDescent="0.25">
      <c r="A6664" s="20">
        <v>43833.416666650519</v>
      </c>
      <c r="B6664" s="22">
        <v>1.4292092323303223</v>
      </c>
      <c r="C6664" s="21">
        <v>245457.99777301797</v>
      </c>
      <c r="D6664">
        <f t="shared" si="104"/>
        <v>10</v>
      </c>
    </row>
    <row r="6665" spans="1:4" x14ac:dyDescent="0.25">
      <c r="A6665" s="20">
        <v>43833.458333317183</v>
      </c>
      <c r="B6665" s="22">
        <v>1.4473227262496948</v>
      </c>
      <c r="C6665" s="21">
        <v>248568.88024533002</v>
      </c>
      <c r="D6665">
        <f t="shared" si="104"/>
        <v>11</v>
      </c>
    </row>
    <row r="6666" spans="1:4" x14ac:dyDescent="0.25">
      <c r="A6666" s="20">
        <v>43833.499999983847</v>
      </c>
      <c r="B6666" s="22">
        <v>1.1897126436233521</v>
      </c>
      <c r="C6666" s="21">
        <v>204325.91451490056</v>
      </c>
      <c r="D6666">
        <f t="shared" si="104"/>
        <v>12</v>
      </c>
    </row>
    <row r="6667" spans="1:4" x14ac:dyDescent="0.25">
      <c r="A6667" s="20">
        <v>43833.541666650512</v>
      </c>
      <c r="B6667" s="22">
        <v>1.1935583353042603</v>
      </c>
      <c r="C6667" s="21">
        <v>204986.3886838989</v>
      </c>
      <c r="D6667">
        <f t="shared" si="104"/>
        <v>13</v>
      </c>
    </row>
    <row r="6668" spans="1:4" x14ac:dyDescent="0.25">
      <c r="A6668" s="20">
        <v>43833.583333317176</v>
      </c>
      <c r="B6668" s="22">
        <v>1.3258292675018311</v>
      </c>
      <c r="C6668" s="21">
        <v>227703.11724004531</v>
      </c>
      <c r="D6668">
        <f t="shared" si="104"/>
        <v>14</v>
      </c>
    </row>
    <row r="6669" spans="1:4" x14ac:dyDescent="0.25">
      <c r="A6669" s="20">
        <v>43833.62499998384</v>
      </c>
      <c r="B6669" s="22">
        <v>1.5330963134765625</v>
      </c>
      <c r="C6669" s="21">
        <v>263299.97245090443</v>
      </c>
      <c r="D6669">
        <f t="shared" si="104"/>
        <v>15</v>
      </c>
    </row>
    <row r="6670" spans="1:4" x14ac:dyDescent="0.25">
      <c r="A6670" s="20">
        <v>43833.666666650504</v>
      </c>
      <c r="B6670" s="22">
        <v>1.6107736825942993</v>
      </c>
      <c r="C6670" s="21">
        <v>276640.58841154125</v>
      </c>
      <c r="D6670">
        <f t="shared" si="104"/>
        <v>16</v>
      </c>
    </row>
    <row r="6671" spans="1:4" x14ac:dyDescent="0.25">
      <c r="A6671" s="20">
        <v>43833.708333317169</v>
      </c>
      <c r="B6671" s="22">
        <v>1.4950859546661377</v>
      </c>
      <c r="C6671" s="21">
        <v>256771.92438265317</v>
      </c>
      <c r="D6671">
        <f t="shared" si="104"/>
        <v>17</v>
      </c>
    </row>
    <row r="6672" spans="1:4" x14ac:dyDescent="0.25">
      <c r="A6672" s="20">
        <v>43833.749999983833</v>
      </c>
      <c r="B6672" s="22">
        <v>1.5726704597473145</v>
      </c>
      <c r="C6672" s="21">
        <v>270096.5915095128</v>
      </c>
      <c r="D6672">
        <f t="shared" si="104"/>
        <v>18</v>
      </c>
    </row>
    <row r="6673" spans="1:4" x14ac:dyDescent="0.25">
      <c r="A6673" s="20">
        <v>43833.791666650497</v>
      </c>
      <c r="B6673" s="22">
        <v>1.5687710046768188</v>
      </c>
      <c r="C6673" s="21">
        <v>269426.8838051699</v>
      </c>
      <c r="D6673">
        <f t="shared" si="104"/>
        <v>19</v>
      </c>
    </row>
    <row r="6674" spans="1:4" x14ac:dyDescent="0.25">
      <c r="A6674" s="20">
        <v>43833.833333317161</v>
      </c>
      <c r="B6674" s="22">
        <v>1.5553064346313477</v>
      </c>
      <c r="C6674" s="21">
        <v>267114.42574831337</v>
      </c>
      <c r="D6674">
        <f t="shared" si="104"/>
        <v>20</v>
      </c>
    </row>
    <row r="6675" spans="1:4" x14ac:dyDescent="0.25">
      <c r="A6675" s="20">
        <v>43833.874999983826</v>
      </c>
      <c r="B6675" s="22">
        <v>1.4700740575790405</v>
      </c>
      <c r="C6675" s="21">
        <v>252476.28310031033</v>
      </c>
      <c r="D6675">
        <f t="shared" si="104"/>
        <v>21</v>
      </c>
    </row>
    <row r="6676" spans="1:4" x14ac:dyDescent="0.25">
      <c r="A6676" s="20">
        <v>43833.91666665049</v>
      </c>
      <c r="B6676" s="22">
        <v>1.2834588289260864</v>
      </c>
      <c r="C6676" s="21">
        <v>220426.25197616126</v>
      </c>
      <c r="D6676">
        <f t="shared" si="104"/>
        <v>22</v>
      </c>
    </row>
    <row r="6677" spans="1:4" x14ac:dyDescent="0.25">
      <c r="A6677" s="20">
        <v>43833.958333317154</v>
      </c>
      <c r="B6677" s="22">
        <v>1.2181547880172729</v>
      </c>
      <c r="C6677" s="21">
        <v>209210.67992039674</v>
      </c>
      <c r="D6677">
        <f t="shared" si="104"/>
        <v>23</v>
      </c>
    </row>
    <row r="6678" spans="1:4" x14ac:dyDescent="0.25">
      <c r="A6678" s="20">
        <v>43833.999999983818</v>
      </c>
      <c r="B6678" s="22">
        <v>1.1085331439971924</v>
      </c>
      <c r="C6678" s="21">
        <v>190383.82892819957</v>
      </c>
      <c r="D6678">
        <f t="shared" si="104"/>
        <v>0</v>
      </c>
    </row>
    <row r="6679" spans="1:4" x14ac:dyDescent="0.25">
      <c r="A6679" s="20">
        <v>43834.041666650483</v>
      </c>
      <c r="B6679" s="22">
        <v>1.1101690530776978</v>
      </c>
      <c r="C6679" s="21">
        <v>190664.7863684092</v>
      </c>
      <c r="D6679">
        <f t="shared" si="104"/>
        <v>1</v>
      </c>
    </row>
    <row r="6680" spans="1:4" x14ac:dyDescent="0.25">
      <c r="A6680" s="20">
        <v>43834.083333317147</v>
      </c>
      <c r="B6680" s="22">
        <v>1.1260991096496582</v>
      </c>
      <c r="C6680" s="21">
        <v>193400.67674898618</v>
      </c>
      <c r="D6680">
        <f t="shared" si="104"/>
        <v>2</v>
      </c>
    </row>
    <row r="6681" spans="1:4" x14ac:dyDescent="0.25">
      <c r="A6681" s="20">
        <v>43834.124999983811</v>
      </c>
      <c r="B6681" s="22">
        <v>1.0421744585037231</v>
      </c>
      <c r="C6681" s="21">
        <v>178987.12807599586</v>
      </c>
      <c r="D6681">
        <f t="shared" si="104"/>
        <v>3</v>
      </c>
    </row>
    <row r="6682" spans="1:4" x14ac:dyDescent="0.25">
      <c r="A6682" s="20">
        <v>43834.166666650475</v>
      </c>
      <c r="B6682" s="22">
        <v>1.0679758787155151</v>
      </c>
      <c r="C6682" s="21">
        <v>183418.36515565042</v>
      </c>
      <c r="D6682">
        <f t="shared" si="104"/>
        <v>4</v>
      </c>
    </row>
    <row r="6683" spans="1:4" x14ac:dyDescent="0.25">
      <c r="A6683" s="20">
        <v>43834.208333317139</v>
      </c>
      <c r="B6683" s="22">
        <v>1.2040205001831055</v>
      </c>
      <c r="C6683" s="21">
        <v>206783.20190441341</v>
      </c>
      <c r="D6683">
        <f t="shared" si="104"/>
        <v>5</v>
      </c>
    </row>
    <row r="6684" spans="1:4" x14ac:dyDescent="0.25">
      <c r="A6684" s="20">
        <v>43834.249999983804</v>
      </c>
      <c r="B6684" s="22">
        <v>1.0993930101394653</v>
      </c>
      <c r="C6684" s="21">
        <v>188814.06649919745</v>
      </c>
      <c r="D6684">
        <f t="shared" si="104"/>
        <v>6</v>
      </c>
    </row>
    <row r="6685" spans="1:4" x14ac:dyDescent="0.25">
      <c r="A6685" s="20">
        <v>43834.291666650468</v>
      </c>
      <c r="B6685" s="22">
        <v>1.3214459419250488</v>
      </c>
      <c r="C6685" s="21">
        <v>226950.30771760055</v>
      </c>
      <c r="D6685">
        <f t="shared" si="104"/>
        <v>7</v>
      </c>
    </row>
    <row r="6686" spans="1:4" x14ac:dyDescent="0.25">
      <c r="A6686" s="20">
        <v>43834.333333317132</v>
      </c>
      <c r="B6686" s="22">
        <v>1.4708232879638672</v>
      </c>
      <c r="C6686" s="21">
        <v>252604.95886448128</v>
      </c>
      <c r="D6686">
        <f t="shared" si="104"/>
        <v>8</v>
      </c>
    </row>
    <row r="6687" spans="1:4" x14ac:dyDescent="0.25">
      <c r="A6687" s="20">
        <v>43834.374999983796</v>
      </c>
      <c r="B6687" s="22">
        <v>1.5924043655395508</v>
      </c>
      <c r="C6687" s="21">
        <v>273485.76987082651</v>
      </c>
      <c r="D6687">
        <f t="shared" si="104"/>
        <v>9</v>
      </c>
    </row>
    <row r="6688" spans="1:4" x14ac:dyDescent="0.25">
      <c r="A6688" s="20">
        <v>43834.416666650461</v>
      </c>
      <c r="B6688" s="22">
        <v>1.7121908664703369</v>
      </c>
      <c r="C6688" s="21">
        <v>294058.37324728648</v>
      </c>
      <c r="D6688">
        <f t="shared" si="104"/>
        <v>10</v>
      </c>
    </row>
    <row r="6689" spans="1:4" x14ac:dyDescent="0.25">
      <c r="A6689" s="20">
        <v>43834.458333317125</v>
      </c>
      <c r="B6689" s="22">
        <v>1.727607250213623</v>
      </c>
      <c r="C6689" s="21">
        <v>296706.04344205395</v>
      </c>
      <c r="D6689">
        <f t="shared" si="104"/>
        <v>11</v>
      </c>
    </row>
    <row r="6690" spans="1:4" x14ac:dyDescent="0.25">
      <c r="A6690" s="20">
        <v>43834.499999983789</v>
      </c>
      <c r="B6690" s="22">
        <v>1.6862293481826782</v>
      </c>
      <c r="C6690" s="21">
        <v>289599.64029630629</v>
      </c>
      <c r="D6690">
        <f t="shared" si="104"/>
        <v>12</v>
      </c>
    </row>
    <row r="6691" spans="1:4" x14ac:dyDescent="0.25">
      <c r="A6691" s="20">
        <v>43834.541666650453</v>
      </c>
      <c r="B6691" s="22">
        <v>1.6979025602340698</v>
      </c>
      <c r="C6691" s="21">
        <v>291604.44350698986</v>
      </c>
      <c r="D6691">
        <f t="shared" si="104"/>
        <v>13</v>
      </c>
    </row>
    <row r="6692" spans="1:4" x14ac:dyDescent="0.25">
      <c r="A6692" s="20">
        <v>43834.583333317118</v>
      </c>
      <c r="B6692" s="22">
        <v>1.8446253538131714</v>
      </c>
      <c r="C6692" s="21">
        <v>316803.19140541262</v>
      </c>
      <c r="D6692">
        <f t="shared" si="104"/>
        <v>14</v>
      </c>
    </row>
    <row r="6693" spans="1:4" x14ac:dyDescent="0.25">
      <c r="A6693" s="20">
        <v>43834.624999983782</v>
      </c>
      <c r="B6693" s="22">
        <v>2.1100900173187256</v>
      </c>
      <c r="C6693" s="21">
        <v>362395.13365540589</v>
      </c>
      <c r="D6693">
        <f t="shared" si="104"/>
        <v>15</v>
      </c>
    </row>
    <row r="6694" spans="1:4" x14ac:dyDescent="0.25">
      <c r="A6694" s="20">
        <v>43834.666666650446</v>
      </c>
      <c r="B6694" s="22">
        <v>2.2702343463897705</v>
      </c>
      <c r="C6694" s="21">
        <v>389898.94868771522</v>
      </c>
      <c r="D6694">
        <f t="shared" si="104"/>
        <v>16</v>
      </c>
    </row>
    <row r="6695" spans="1:4" x14ac:dyDescent="0.25">
      <c r="A6695" s="20">
        <v>43834.70833331711</v>
      </c>
      <c r="B6695" s="22">
        <v>2.2804381847381592</v>
      </c>
      <c r="C6695" s="21">
        <v>391651.39589693962</v>
      </c>
      <c r="D6695">
        <f t="shared" si="104"/>
        <v>17</v>
      </c>
    </row>
    <row r="6696" spans="1:4" x14ac:dyDescent="0.25">
      <c r="A6696" s="20">
        <v>43834.749999983775</v>
      </c>
      <c r="B6696" s="22">
        <v>2.2405955791473389</v>
      </c>
      <c r="C6696" s="21">
        <v>384808.67058202054</v>
      </c>
      <c r="D6696">
        <f t="shared" si="104"/>
        <v>18</v>
      </c>
    </row>
    <row r="6697" spans="1:4" x14ac:dyDescent="0.25">
      <c r="A6697" s="20">
        <v>43834.791666650439</v>
      </c>
      <c r="B6697" s="22">
        <v>2.3043026924133301</v>
      </c>
      <c r="C6697" s="21">
        <v>395749.98002253706</v>
      </c>
      <c r="D6697">
        <f t="shared" si="104"/>
        <v>19</v>
      </c>
    </row>
    <row r="6698" spans="1:4" x14ac:dyDescent="0.25">
      <c r="A6698" s="20">
        <v>43834.833333317103</v>
      </c>
      <c r="B6698" s="22">
        <v>2.2484779357910156</v>
      </c>
      <c r="C6698" s="21">
        <v>386162.41742028791</v>
      </c>
      <c r="D6698">
        <f t="shared" si="104"/>
        <v>20</v>
      </c>
    </row>
    <row r="6699" spans="1:4" x14ac:dyDescent="0.25">
      <c r="A6699" s="20">
        <v>43834.874999983767</v>
      </c>
      <c r="B6699" s="22">
        <v>2.2735025882720947</v>
      </c>
      <c r="C6699" s="21">
        <v>390460.24936400965</v>
      </c>
      <c r="D6699">
        <f t="shared" si="104"/>
        <v>21</v>
      </c>
    </row>
    <row r="6700" spans="1:4" x14ac:dyDescent="0.25">
      <c r="A6700" s="20">
        <v>43834.916666650432</v>
      </c>
      <c r="B6700" s="22">
        <v>2.2342021465301514</v>
      </c>
      <c r="C6700" s="21">
        <v>383710.6373944286</v>
      </c>
      <c r="D6700">
        <f t="shared" si="104"/>
        <v>22</v>
      </c>
    </row>
    <row r="6701" spans="1:4" x14ac:dyDescent="0.25">
      <c r="A6701" s="20">
        <v>43834.958333317096</v>
      </c>
      <c r="B6701" s="22">
        <v>2.0961556434631348</v>
      </c>
      <c r="C6701" s="21">
        <v>360001.98965000571</v>
      </c>
      <c r="D6701">
        <f t="shared" si="104"/>
        <v>23</v>
      </c>
    </row>
    <row r="6702" spans="1:4" x14ac:dyDescent="0.25">
      <c r="A6702" s="20">
        <v>43834.99999998376</v>
      </c>
      <c r="B6702" s="22">
        <v>2.0961778163909912</v>
      </c>
      <c r="C6702" s="21">
        <v>360005.79771558015</v>
      </c>
      <c r="D6702">
        <f t="shared" si="104"/>
        <v>0</v>
      </c>
    </row>
    <row r="6703" spans="1:4" x14ac:dyDescent="0.25">
      <c r="A6703" s="20">
        <v>43835.041666650424</v>
      </c>
      <c r="B6703" s="22">
        <v>2.0317261219024658</v>
      </c>
      <c r="C6703" s="21">
        <v>348936.61097625515</v>
      </c>
      <c r="D6703">
        <f t="shared" si="104"/>
        <v>1</v>
      </c>
    </row>
    <row r="6704" spans="1:4" x14ac:dyDescent="0.25">
      <c r="A6704" s="20">
        <v>43835.083333317089</v>
      </c>
      <c r="B6704" s="22">
        <v>1.9737520217895508</v>
      </c>
      <c r="C6704" s="21">
        <v>338979.91169492854</v>
      </c>
      <c r="D6704">
        <f t="shared" si="104"/>
        <v>2</v>
      </c>
    </row>
    <row r="6705" spans="1:4" x14ac:dyDescent="0.25">
      <c r="A6705" s="20">
        <v>43835.124999983753</v>
      </c>
      <c r="B6705" s="22">
        <v>1.9877761602401733</v>
      </c>
      <c r="C6705" s="21">
        <v>341388.47222386434</v>
      </c>
      <c r="D6705">
        <f t="shared" si="104"/>
        <v>3</v>
      </c>
    </row>
    <row r="6706" spans="1:4" x14ac:dyDescent="0.25">
      <c r="A6706" s="20">
        <v>43835.166666650417</v>
      </c>
      <c r="B6706" s="22">
        <v>2.0657253265380859</v>
      </c>
      <c r="C6706" s="21">
        <v>354775.76769799512</v>
      </c>
      <c r="D6706">
        <f t="shared" si="104"/>
        <v>4</v>
      </c>
    </row>
    <row r="6707" spans="1:4" x14ac:dyDescent="0.25">
      <c r="A6707" s="20">
        <v>43835.208333317081</v>
      </c>
      <c r="B6707" s="22">
        <v>2.0724625587463379</v>
      </c>
      <c r="C6707" s="21">
        <v>355932.84637546283</v>
      </c>
      <c r="D6707">
        <f t="shared" si="104"/>
        <v>5</v>
      </c>
    </row>
    <row r="6708" spans="1:4" x14ac:dyDescent="0.25">
      <c r="A6708" s="20">
        <v>43835.249999983746</v>
      </c>
      <c r="B6708" s="22">
        <v>2.0275955200195313</v>
      </c>
      <c r="C6708" s="21">
        <v>348227.20521197148</v>
      </c>
      <c r="D6708">
        <f t="shared" si="104"/>
        <v>6</v>
      </c>
    </row>
    <row r="6709" spans="1:4" x14ac:dyDescent="0.25">
      <c r="A6709" s="20">
        <v>43835.29166665041</v>
      </c>
      <c r="B6709" s="22">
        <v>2.1761569976806641</v>
      </c>
      <c r="C6709" s="21">
        <v>373741.73592448689</v>
      </c>
      <c r="D6709">
        <f t="shared" si="104"/>
        <v>7</v>
      </c>
    </row>
    <row r="6710" spans="1:4" x14ac:dyDescent="0.25">
      <c r="A6710" s="20">
        <v>43835.333333317074</v>
      </c>
      <c r="B6710" s="22">
        <v>2.2025103569030762</v>
      </c>
      <c r="C6710" s="21">
        <v>378267.76517408754</v>
      </c>
      <c r="D6710">
        <f t="shared" si="104"/>
        <v>8</v>
      </c>
    </row>
    <row r="6711" spans="1:4" x14ac:dyDescent="0.25">
      <c r="A6711" s="20">
        <v>43835.374999983738</v>
      </c>
      <c r="B6711" s="22">
        <v>2.2996358871459961</v>
      </c>
      <c r="C6711" s="21">
        <v>394948.48458645685</v>
      </c>
      <c r="D6711">
        <f t="shared" si="104"/>
        <v>9</v>
      </c>
    </row>
    <row r="6712" spans="1:4" x14ac:dyDescent="0.25">
      <c r="A6712" s="20">
        <v>43835.416666650402</v>
      </c>
      <c r="B6712" s="22">
        <v>2.2291486263275146</v>
      </c>
      <c r="C6712" s="21">
        <v>382842.72601897363</v>
      </c>
      <c r="D6712">
        <f t="shared" si="104"/>
        <v>10</v>
      </c>
    </row>
    <row r="6713" spans="1:4" x14ac:dyDescent="0.25">
      <c r="A6713" s="20">
        <v>43835.458333317067</v>
      </c>
      <c r="B6713" s="22">
        <v>2.2815468311309814</v>
      </c>
      <c r="C6713" s="21">
        <v>391841.79917566513</v>
      </c>
      <c r="D6713">
        <f t="shared" si="104"/>
        <v>11</v>
      </c>
    </row>
    <row r="6714" spans="1:4" x14ac:dyDescent="0.25">
      <c r="A6714" s="20">
        <v>43835.499999983731</v>
      </c>
      <c r="B6714" s="22">
        <v>2.225776195526123</v>
      </c>
      <c r="C6714" s="21">
        <v>382263.5315291732</v>
      </c>
      <c r="D6714">
        <f t="shared" si="104"/>
        <v>12</v>
      </c>
    </row>
    <row r="6715" spans="1:4" x14ac:dyDescent="0.25">
      <c r="A6715" s="20">
        <v>43835.541666650395</v>
      </c>
      <c r="B6715" s="22">
        <v>1.9505060911178589</v>
      </c>
      <c r="C6715" s="21">
        <v>334987.5644094717</v>
      </c>
      <c r="D6715">
        <f t="shared" si="104"/>
        <v>13</v>
      </c>
    </row>
    <row r="6716" spans="1:4" x14ac:dyDescent="0.25">
      <c r="A6716" s="20">
        <v>43835.583333317059</v>
      </c>
      <c r="B6716" s="22">
        <v>1.9056863784790039</v>
      </c>
      <c r="C6716" s="21">
        <v>327290.05121390009</v>
      </c>
      <c r="D6716">
        <f t="shared" si="104"/>
        <v>14</v>
      </c>
    </row>
    <row r="6717" spans="1:4" x14ac:dyDescent="0.25">
      <c r="A6717" s="20">
        <v>43835.624999983724</v>
      </c>
      <c r="B6717" s="22">
        <v>1.9718371629714966</v>
      </c>
      <c r="C6717" s="21">
        <v>338651.04633297509</v>
      </c>
      <c r="D6717">
        <f t="shared" si="104"/>
        <v>15</v>
      </c>
    </row>
    <row r="6718" spans="1:4" x14ac:dyDescent="0.25">
      <c r="A6718" s="20">
        <v>43835.666666650388</v>
      </c>
      <c r="B6718" s="22">
        <v>1.8628859519958496</v>
      </c>
      <c r="C6718" s="21">
        <v>319939.3381407297</v>
      </c>
      <c r="D6718">
        <f t="shared" si="104"/>
        <v>16</v>
      </c>
    </row>
    <row r="6719" spans="1:4" x14ac:dyDescent="0.25">
      <c r="A6719" s="20">
        <v>43835.708333317052</v>
      </c>
      <c r="B6719" s="22">
        <v>2.0909974575042725</v>
      </c>
      <c r="C6719" s="21">
        <v>359116.10256716138</v>
      </c>
      <c r="D6719">
        <f t="shared" si="104"/>
        <v>17</v>
      </c>
    </row>
    <row r="6720" spans="1:4" x14ac:dyDescent="0.25">
      <c r="A6720" s="20">
        <v>43835.749999983716</v>
      </c>
      <c r="B6720" s="22">
        <v>2.2986166477203369</v>
      </c>
      <c r="C6720" s="21">
        <v>394773.4364108544</v>
      </c>
      <c r="D6720">
        <f t="shared" si="104"/>
        <v>18</v>
      </c>
    </row>
    <row r="6721" spans="1:4" x14ac:dyDescent="0.25">
      <c r="A6721" s="20">
        <v>43835.791666650381</v>
      </c>
      <c r="B6721" s="22">
        <v>2.2566471099853516</v>
      </c>
      <c r="C6721" s="21">
        <v>387565.42342937394</v>
      </c>
      <c r="D6721">
        <f t="shared" si="104"/>
        <v>19</v>
      </c>
    </row>
    <row r="6722" spans="1:4" x14ac:dyDescent="0.25">
      <c r="A6722" s="20">
        <v>43835.833333317045</v>
      </c>
      <c r="B6722" s="22">
        <v>2.4550142288208008</v>
      </c>
      <c r="C6722" s="21">
        <v>421633.77025495493</v>
      </c>
      <c r="D6722">
        <f t="shared" si="104"/>
        <v>20</v>
      </c>
    </row>
    <row r="6723" spans="1:4" x14ac:dyDescent="0.25">
      <c r="A6723" s="20">
        <v>43835.874999983709</v>
      </c>
      <c r="B6723" s="22">
        <v>2.5828661918640137</v>
      </c>
      <c r="C6723" s="21">
        <v>443591.56772087823</v>
      </c>
      <c r="D6723">
        <f t="shared" si="104"/>
        <v>21</v>
      </c>
    </row>
    <row r="6724" spans="1:4" x14ac:dyDescent="0.25">
      <c r="A6724" s="20">
        <v>43835.916666650373</v>
      </c>
      <c r="B6724" s="22">
        <v>2.5030097961425781</v>
      </c>
      <c r="C6724" s="21">
        <v>429876.7171869271</v>
      </c>
      <c r="D6724">
        <f t="shared" si="104"/>
        <v>22</v>
      </c>
    </row>
    <row r="6725" spans="1:4" x14ac:dyDescent="0.25">
      <c r="A6725" s="20">
        <v>43835.958333317038</v>
      </c>
      <c r="B6725" s="22">
        <v>2.2193796634674072</v>
      </c>
      <c r="C6725" s="21">
        <v>381164.9660313396</v>
      </c>
      <c r="D6725">
        <f t="shared" si="104"/>
        <v>23</v>
      </c>
    </row>
    <row r="6726" spans="1:4" x14ac:dyDescent="0.25">
      <c r="A6726" s="20">
        <v>43835.999999983702</v>
      </c>
      <c r="B6726" s="22">
        <v>2.0101757049560547</v>
      </c>
      <c r="C6726" s="21">
        <v>345235.4578664233</v>
      </c>
      <c r="D6726">
        <f t="shared" si="104"/>
        <v>0</v>
      </c>
    </row>
    <row r="6727" spans="1:4" x14ac:dyDescent="0.25">
      <c r="A6727" s="20">
        <v>43836.041666650366</v>
      </c>
      <c r="B6727" s="22">
        <v>2.0107243061065674</v>
      </c>
      <c r="C6727" s="21">
        <v>345329.67677918612</v>
      </c>
      <c r="D6727">
        <f t="shared" ref="D6727:D6790" si="105">HOUR(A6727)</f>
        <v>1</v>
      </c>
    </row>
    <row r="6728" spans="1:4" x14ac:dyDescent="0.25">
      <c r="A6728" s="20">
        <v>43836.08333331703</v>
      </c>
      <c r="B6728" s="22">
        <v>2.0636670589447021</v>
      </c>
      <c r="C6728" s="21">
        <v>354422.27275063226</v>
      </c>
      <c r="D6728">
        <f t="shared" si="105"/>
        <v>2</v>
      </c>
    </row>
    <row r="6729" spans="1:4" x14ac:dyDescent="0.25">
      <c r="A6729" s="20">
        <v>43836.124999983695</v>
      </c>
      <c r="B6729" s="22">
        <v>2.2463140487670898</v>
      </c>
      <c r="C6729" s="21">
        <v>385790.78297776909</v>
      </c>
      <c r="D6729">
        <f t="shared" si="105"/>
        <v>3</v>
      </c>
    </row>
    <row r="6730" spans="1:4" x14ac:dyDescent="0.25">
      <c r="A6730" s="20">
        <v>43836.166666650359</v>
      </c>
      <c r="B6730" s="22">
        <v>2.1416137218475342</v>
      </c>
      <c r="C6730" s="21">
        <v>367809.13828187564</v>
      </c>
      <c r="D6730">
        <f t="shared" si="105"/>
        <v>4</v>
      </c>
    </row>
    <row r="6731" spans="1:4" x14ac:dyDescent="0.25">
      <c r="A6731" s="20">
        <v>43836.208333317023</v>
      </c>
      <c r="B6731" s="22">
        <v>2.392683744430542</v>
      </c>
      <c r="C6731" s="21">
        <v>410928.88845559134</v>
      </c>
      <c r="D6731">
        <f t="shared" si="105"/>
        <v>5</v>
      </c>
    </row>
    <row r="6732" spans="1:4" x14ac:dyDescent="0.25">
      <c r="A6732" s="20">
        <v>43836.249999983687</v>
      </c>
      <c r="B6732" s="22">
        <v>2.7197318077087402</v>
      </c>
      <c r="C6732" s="21">
        <v>467097.40526325221</v>
      </c>
      <c r="D6732">
        <f t="shared" si="105"/>
        <v>6</v>
      </c>
    </row>
    <row r="6733" spans="1:4" x14ac:dyDescent="0.25">
      <c r="A6733" s="20">
        <v>43836.291666650352</v>
      </c>
      <c r="B6733" s="22">
        <v>2.5749728679656982</v>
      </c>
      <c r="C6733" s="21">
        <v>442235.93732329441</v>
      </c>
      <c r="D6733">
        <f t="shared" si="105"/>
        <v>7</v>
      </c>
    </row>
    <row r="6734" spans="1:4" x14ac:dyDescent="0.25">
      <c r="A6734" s="20">
        <v>43836.333333317016</v>
      </c>
      <c r="B6734" s="22">
        <v>2.5892176628112793</v>
      </c>
      <c r="C6734" s="21">
        <v>444682.39424673776</v>
      </c>
      <c r="D6734">
        <f t="shared" si="105"/>
        <v>8</v>
      </c>
    </row>
    <row r="6735" spans="1:4" x14ac:dyDescent="0.25">
      <c r="A6735" s="20">
        <v>43836.37499998368</v>
      </c>
      <c r="B6735" s="22">
        <v>2.438169002532959</v>
      </c>
      <c r="C6735" s="21">
        <v>418740.70503881067</v>
      </c>
      <c r="D6735">
        <f t="shared" si="105"/>
        <v>9</v>
      </c>
    </row>
    <row r="6736" spans="1:4" x14ac:dyDescent="0.25">
      <c r="A6736" s="20">
        <v>43836.416666650344</v>
      </c>
      <c r="B6736" s="22">
        <v>2.1210150718688965</v>
      </c>
      <c r="C6736" s="21">
        <v>364271.44536315603</v>
      </c>
      <c r="D6736">
        <f t="shared" si="105"/>
        <v>10</v>
      </c>
    </row>
    <row r="6737" spans="1:4" x14ac:dyDescent="0.25">
      <c r="A6737" s="20">
        <v>43836.458333317009</v>
      </c>
      <c r="B6737" s="22">
        <v>1.9597777128219604</v>
      </c>
      <c r="C6737" s="21">
        <v>336579.90907680005</v>
      </c>
      <c r="D6737">
        <f t="shared" si="105"/>
        <v>11</v>
      </c>
    </row>
    <row r="6738" spans="1:4" x14ac:dyDescent="0.25">
      <c r="A6738" s="20">
        <v>43836.499999983673</v>
      </c>
      <c r="B6738" s="22">
        <v>1.7712216377258301</v>
      </c>
      <c r="C6738" s="21">
        <v>304196.54937405634</v>
      </c>
      <c r="D6738">
        <f t="shared" si="105"/>
        <v>12</v>
      </c>
    </row>
    <row r="6739" spans="1:4" x14ac:dyDescent="0.25">
      <c r="A6739" s="20">
        <v>43836.541666650337</v>
      </c>
      <c r="B6739" s="22">
        <v>1.4371215105056763</v>
      </c>
      <c r="C6739" s="21">
        <v>246816.88345246387</v>
      </c>
      <c r="D6739">
        <f t="shared" si="105"/>
        <v>13</v>
      </c>
    </row>
    <row r="6740" spans="1:4" x14ac:dyDescent="0.25">
      <c r="A6740" s="20">
        <v>43836.583333317001</v>
      </c>
      <c r="B6740" s="22">
        <v>1.6172207593917847</v>
      </c>
      <c r="C6740" s="21">
        <v>277747.83466100704</v>
      </c>
      <c r="D6740">
        <f t="shared" si="105"/>
        <v>14</v>
      </c>
    </row>
    <row r="6741" spans="1:4" x14ac:dyDescent="0.25">
      <c r="A6741" s="20">
        <v>43836.624999983665</v>
      </c>
      <c r="B6741" s="22">
        <v>1.7716629505157471</v>
      </c>
      <c r="C6741" s="21">
        <v>304272.34216307162</v>
      </c>
      <c r="D6741">
        <f t="shared" si="105"/>
        <v>15</v>
      </c>
    </row>
    <row r="6742" spans="1:4" x14ac:dyDescent="0.25">
      <c r="A6742" s="20">
        <v>43836.66666665033</v>
      </c>
      <c r="B6742" s="22">
        <v>1.7874215841293335</v>
      </c>
      <c r="C6742" s="21">
        <v>306978.79169259401</v>
      </c>
      <c r="D6742">
        <f t="shared" si="105"/>
        <v>16</v>
      </c>
    </row>
    <row r="6743" spans="1:4" x14ac:dyDescent="0.25">
      <c r="A6743" s="20">
        <v>43836.708333316994</v>
      </c>
      <c r="B6743" s="22">
        <v>2.0424416065216064</v>
      </c>
      <c r="C6743" s="21">
        <v>350776.93032228493</v>
      </c>
      <c r="D6743">
        <f t="shared" si="105"/>
        <v>17</v>
      </c>
    </row>
    <row r="6744" spans="1:4" x14ac:dyDescent="0.25">
      <c r="A6744" s="20">
        <v>43836.749999983658</v>
      </c>
      <c r="B6744" s="22">
        <v>2.3970861434936523</v>
      </c>
      <c r="C6744" s="21">
        <v>411684.97373336903</v>
      </c>
      <c r="D6744">
        <f t="shared" si="105"/>
        <v>18</v>
      </c>
    </row>
    <row r="6745" spans="1:4" x14ac:dyDescent="0.25">
      <c r="A6745" s="20">
        <v>43836.791666650322</v>
      </c>
      <c r="B6745" s="22">
        <v>2.4727852344512939</v>
      </c>
      <c r="C6745" s="21">
        <v>424685.83244557033</v>
      </c>
      <c r="D6745">
        <f t="shared" si="105"/>
        <v>19</v>
      </c>
    </row>
    <row r="6746" spans="1:4" x14ac:dyDescent="0.25">
      <c r="A6746" s="20">
        <v>43836.833333316987</v>
      </c>
      <c r="B6746" s="22">
        <v>2.6032805442810059</v>
      </c>
      <c r="C6746" s="21">
        <v>447097.60865369352</v>
      </c>
      <c r="D6746">
        <f t="shared" si="105"/>
        <v>20</v>
      </c>
    </row>
    <row r="6747" spans="1:4" x14ac:dyDescent="0.25">
      <c r="A6747" s="20">
        <v>43836.874999983651</v>
      </c>
      <c r="B6747" s="22">
        <v>2.6017823219299316</v>
      </c>
      <c r="C6747" s="21">
        <v>446840.29807229334</v>
      </c>
      <c r="D6747">
        <f t="shared" si="105"/>
        <v>21</v>
      </c>
    </row>
    <row r="6748" spans="1:4" x14ac:dyDescent="0.25">
      <c r="A6748" s="20">
        <v>43836.916666650315</v>
      </c>
      <c r="B6748" s="22">
        <v>2.6302118301391602</v>
      </c>
      <c r="C6748" s="21">
        <v>451722.89328988141</v>
      </c>
      <c r="D6748">
        <f t="shared" si="105"/>
        <v>22</v>
      </c>
    </row>
    <row r="6749" spans="1:4" x14ac:dyDescent="0.25">
      <c r="A6749" s="20">
        <v>43836.958333316979</v>
      </c>
      <c r="B6749" s="22">
        <v>2.4699089527130127</v>
      </c>
      <c r="C6749" s="21">
        <v>424191.84854136728</v>
      </c>
      <c r="D6749">
        <f t="shared" si="105"/>
        <v>23</v>
      </c>
    </row>
    <row r="6750" spans="1:4" x14ac:dyDescent="0.25">
      <c r="A6750" s="20">
        <v>43836.999999983644</v>
      </c>
      <c r="B6750" s="22">
        <v>2.5849208831787109</v>
      </c>
      <c r="C6750" s="21">
        <v>443944.44846411608</v>
      </c>
      <c r="D6750">
        <f t="shared" si="105"/>
        <v>0</v>
      </c>
    </row>
    <row r="6751" spans="1:4" x14ac:dyDescent="0.25">
      <c r="A6751" s="20">
        <v>43837.041666650308</v>
      </c>
      <c r="B6751" s="22">
        <v>2.6119635105133057</v>
      </c>
      <c r="C6751" s="21">
        <v>448588.85532205994</v>
      </c>
      <c r="D6751">
        <f t="shared" si="105"/>
        <v>1</v>
      </c>
    </row>
    <row r="6752" spans="1:4" x14ac:dyDescent="0.25">
      <c r="A6752" s="20">
        <v>43837.083333316972</v>
      </c>
      <c r="B6752" s="22">
        <v>2.4094276428222656</v>
      </c>
      <c r="C6752" s="21">
        <v>413804.55122152949</v>
      </c>
      <c r="D6752">
        <f t="shared" si="105"/>
        <v>2</v>
      </c>
    </row>
    <row r="6753" spans="1:4" x14ac:dyDescent="0.25">
      <c r="A6753" s="20">
        <v>43837.124999983636</v>
      </c>
      <c r="B6753" s="22">
        <v>2.3588693141937256</v>
      </c>
      <c r="C6753" s="21">
        <v>405121.46561363898</v>
      </c>
      <c r="D6753">
        <f t="shared" si="105"/>
        <v>3</v>
      </c>
    </row>
    <row r="6754" spans="1:4" x14ac:dyDescent="0.25">
      <c r="A6754" s="20">
        <v>43837.166666650301</v>
      </c>
      <c r="B6754" s="22">
        <v>2.4483180046081543</v>
      </c>
      <c r="C6754" s="21">
        <v>420483.73445145297</v>
      </c>
      <c r="D6754">
        <f t="shared" si="105"/>
        <v>4</v>
      </c>
    </row>
    <row r="6755" spans="1:4" x14ac:dyDescent="0.25">
      <c r="A6755" s="20">
        <v>43837.208333316965</v>
      </c>
      <c r="B6755" s="22">
        <v>2.4567945003509521</v>
      </c>
      <c r="C6755" s="21">
        <v>421939.52106834057</v>
      </c>
      <c r="D6755">
        <f t="shared" si="105"/>
        <v>5</v>
      </c>
    </row>
    <row r="6756" spans="1:4" x14ac:dyDescent="0.25">
      <c r="A6756" s="20">
        <v>43837.249999983629</v>
      </c>
      <c r="B6756" s="22">
        <v>2.6640779972076416</v>
      </c>
      <c r="C6756" s="21">
        <v>457539.20161817438</v>
      </c>
      <c r="D6756">
        <f t="shared" si="105"/>
        <v>6</v>
      </c>
    </row>
    <row r="6757" spans="1:4" x14ac:dyDescent="0.25">
      <c r="A6757" s="20">
        <v>43837.291666650293</v>
      </c>
      <c r="B6757" s="22">
        <v>2.6596581935882568</v>
      </c>
      <c r="C6757" s="21">
        <v>456780.12721365539</v>
      </c>
      <c r="D6757">
        <f t="shared" si="105"/>
        <v>7</v>
      </c>
    </row>
    <row r="6758" spans="1:4" x14ac:dyDescent="0.25">
      <c r="A6758" s="20">
        <v>43837.333333316958</v>
      </c>
      <c r="B6758" s="22">
        <v>2.5370512008666992</v>
      </c>
      <c r="C6758" s="21">
        <v>435723.12151734112</v>
      </c>
      <c r="D6758">
        <f t="shared" si="105"/>
        <v>8</v>
      </c>
    </row>
    <row r="6759" spans="1:4" x14ac:dyDescent="0.25">
      <c r="A6759" s="20">
        <v>43837.374999983622</v>
      </c>
      <c r="B6759" s="22">
        <v>2.4391260147094727</v>
      </c>
      <c r="C6759" s="21">
        <v>418905.06606263953</v>
      </c>
      <c r="D6759">
        <f t="shared" si="105"/>
        <v>9</v>
      </c>
    </row>
    <row r="6760" spans="1:4" x14ac:dyDescent="0.25">
      <c r="A6760" s="20">
        <v>43837.416666650286</v>
      </c>
      <c r="B6760" s="22">
        <v>2.4075698852539063</v>
      </c>
      <c r="C6760" s="21">
        <v>413485.49265210389</v>
      </c>
      <c r="D6760">
        <f t="shared" si="105"/>
        <v>10</v>
      </c>
    </row>
    <row r="6761" spans="1:4" x14ac:dyDescent="0.25">
      <c r="A6761" s="20">
        <v>43837.45833331695</v>
      </c>
      <c r="B6761" s="22">
        <v>2.211923360824585</v>
      </c>
      <c r="C6761" s="21">
        <v>379884.39137782116</v>
      </c>
      <c r="D6761">
        <f t="shared" si="105"/>
        <v>11</v>
      </c>
    </row>
    <row r="6762" spans="1:4" x14ac:dyDescent="0.25">
      <c r="A6762" s="20">
        <v>43837.499999983615</v>
      </c>
      <c r="B6762" s="22">
        <v>2.0628917217254639</v>
      </c>
      <c r="C6762" s="21">
        <v>354289.11329634942</v>
      </c>
      <c r="D6762">
        <f t="shared" si="105"/>
        <v>12</v>
      </c>
    </row>
    <row r="6763" spans="1:4" x14ac:dyDescent="0.25">
      <c r="A6763" s="20">
        <v>43837.541666650279</v>
      </c>
      <c r="B6763" s="22">
        <v>1.8058693408966064</v>
      </c>
      <c r="C6763" s="21">
        <v>310147.08177711535</v>
      </c>
      <c r="D6763">
        <f t="shared" si="105"/>
        <v>13</v>
      </c>
    </row>
    <row r="6764" spans="1:4" x14ac:dyDescent="0.25">
      <c r="A6764" s="20">
        <v>43837.583333316943</v>
      </c>
      <c r="B6764" s="22">
        <v>1.8228496313095093</v>
      </c>
      <c r="C6764" s="21">
        <v>313063.3434357107</v>
      </c>
      <c r="D6764">
        <f t="shared" si="105"/>
        <v>14</v>
      </c>
    </row>
    <row r="6765" spans="1:4" x14ac:dyDescent="0.25">
      <c r="A6765" s="20">
        <v>43837.624999983607</v>
      </c>
      <c r="B6765" s="22">
        <v>2.0528264045715332</v>
      </c>
      <c r="C6765" s="21">
        <v>352560.45626023033</v>
      </c>
      <c r="D6765">
        <f t="shared" si="105"/>
        <v>15</v>
      </c>
    </row>
    <row r="6766" spans="1:4" x14ac:dyDescent="0.25">
      <c r="A6766" s="20">
        <v>43837.666666650272</v>
      </c>
      <c r="B6766" s="22">
        <v>2.0106697082519531</v>
      </c>
      <c r="C6766" s="21">
        <v>345320.29992954567</v>
      </c>
      <c r="D6766">
        <f t="shared" si="105"/>
        <v>16</v>
      </c>
    </row>
    <row r="6767" spans="1:4" x14ac:dyDescent="0.25">
      <c r="A6767" s="20">
        <v>43837.708333316936</v>
      </c>
      <c r="B6767" s="22">
        <v>2.3053696155548096</v>
      </c>
      <c r="C6767" s="21">
        <v>395933.21758647182</v>
      </c>
      <c r="D6767">
        <f t="shared" si="105"/>
        <v>17</v>
      </c>
    </row>
    <row r="6768" spans="1:4" x14ac:dyDescent="0.25">
      <c r="A6768" s="20">
        <v>43837.7499999836</v>
      </c>
      <c r="B6768" s="22">
        <v>2.2926154136657715</v>
      </c>
      <c r="C6768" s="21">
        <v>393742.76094229543</v>
      </c>
      <c r="D6768">
        <f t="shared" si="105"/>
        <v>18</v>
      </c>
    </row>
    <row r="6769" spans="1:4" x14ac:dyDescent="0.25">
      <c r="A6769" s="20">
        <v>43837.791666650264</v>
      </c>
      <c r="B6769" s="22">
        <v>2.3303325176239014</v>
      </c>
      <c r="C6769" s="21">
        <v>400220.4442723032</v>
      </c>
      <c r="D6769">
        <f t="shared" si="105"/>
        <v>19</v>
      </c>
    </row>
    <row r="6770" spans="1:4" x14ac:dyDescent="0.25">
      <c r="A6770" s="20">
        <v>43837.833333316928</v>
      </c>
      <c r="B6770" s="22">
        <v>2.5015623569488525</v>
      </c>
      <c r="C6770" s="21">
        <v>429628.12830410077</v>
      </c>
      <c r="D6770">
        <f t="shared" si="105"/>
        <v>20</v>
      </c>
    </row>
    <row r="6771" spans="1:4" x14ac:dyDescent="0.25">
      <c r="A6771" s="20">
        <v>43837.874999983593</v>
      </c>
      <c r="B6771" s="22">
        <v>2.7182435989379883</v>
      </c>
      <c r="C6771" s="21">
        <v>466841.81445340178</v>
      </c>
      <c r="D6771">
        <f t="shared" si="105"/>
        <v>21</v>
      </c>
    </row>
    <row r="6772" spans="1:4" x14ac:dyDescent="0.25">
      <c r="A6772" s="20">
        <v>43837.916666650257</v>
      </c>
      <c r="B6772" s="22">
        <v>2.4081234931945801</v>
      </c>
      <c r="C6772" s="21">
        <v>413580.57145064161</v>
      </c>
      <c r="D6772">
        <f t="shared" si="105"/>
        <v>22</v>
      </c>
    </row>
    <row r="6773" spans="1:4" x14ac:dyDescent="0.25">
      <c r="A6773" s="20">
        <v>43837.958333316921</v>
      </c>
      <c r="B6773" s="22">
        <v>2.3729674816131592</v>
      </c>
      <c r="C6773" s="21">
        <v>407542.74016796058</v>
      </c>
      <c r="D6773">
        <f t="shared" si="105"/>
        <v>23</v>
      </c>
    </row>
    <row r="6774" spans="1:4" x14ac:dyDescent="0.25">
      <c r="A6774" s="20">
        <v>43837.999999983585</v>
      </c>
      <c r="B6774" s="22">
        <v>2.3003792762756348</v>
      </c>
      <c r="C6774" s="21">
        <v>395076.15715055709</v>
      </c>
      <c r="D6774">
        <f t="shared" si="105"/>
        <v>0</v>
      </c>
    </row>
    <row r="6775" spans="1:4" x14ac:dyDescent="0.25">
      <c r="A6775" s="20">
        <v>43838.04166665025</v>
      </c>
      <c r="B6775" s="22">
        <v>2.3767635822296143</v>
      </c>
      <c r="C6775" s="21">
        <v>408194.69737309334</v>
      </c>
      <c r="D6775">
        <f t="shared" si="105"/>
        <v>1</v>
      </c>
    </row>
    <row r="6776" spans="1:4" x14ac:dyDescent="0.25">
      <c r="A6776" s="20">
        <v>43838.083333316914</v>
      </c>
      <c r="B6776" s="22">
        <v>2.2180242538452148</v>
      </c>
      <c r="C6776" s="21">
        <v>380932.18266799458</v>
      </c>
      <c r="D6776">
        <f t="shared" si="105"/>
        <v>2</v>
      </c>
    </row>
    <row r="6777" spans="1:4" x14ac:dyDescent="0.25">
      <c r="A6777" s="20">
        <v>43838.124999983578</v>
      </c>
      <c r="B6777" s="22">
        <v>2.2355635166168213</v>
      </c>
      <c r="C6777" s="21">
        <v>383944.44443131518</v>
      </c>
      <c r="D6777">
        <f t="shared" si="105"/>
        <v>3</v>
      </c>
    </row>
    <row r="6778" spans="1:4" x14ac:dyDescent="0.25">
      <c r="A6778" s="20">
        <v>43838.166666650242</v>
      </c>
      <c r="B6778" s="22">
        <v>2.2907102108001709</v>
      </c>
      <c r="C6778" s="21">
        <v>393415.55393147923</v>
      </c>
      <c r="D6778">
        <f t="shared" si="105"/>
        <v>4</v>
      </c>
    </row>
    <row r="6779" spans="1:4" x14ac:dyDescent="0.25">
      <c r="A6779" s="20">
        <v>43838.208333316907</v>
      </c>
      <c r="B6779" s="22">
        <v>2.5549788475036621</v>
      </c>
      <c r="C6779" s="21">
        <v>438802.08584862808</v>
      </c>
      <c r="D6779">
        <f t="shared" si="105"/>
        <v>5</v>
      </c>
    </row>
    <row r="6780" spans="1:4" x14ac:dyDescent="0.25">
      <c r="A6780" s="20">
        <v>43838.249999983571</v>
      </c>
      <c r="B6780" s="22">
        <v>2.7240548133850098</v>
      </c>
      <c r="C6780" s="21">
        <v>467839.85520945664</v>
      </c>
      <c r="D6780">
        <f t="shared" si="105"/>
        <v>6</v>
      </c>
    </row>
    <row r="6781" spans="1:4" x14ac:dyDescent="0.25">
      <c r="A6781" s="20">
        <v>43838.291666650235</v>
      </c>
      <c r="B6781" s="22">
        <v>2.5659139156341553</v>
      </c>
      <c r="C6781" s="21">
        <v>440680.11732792802</v>
      </c>
      <c r="D6781">
        <f t="shared" si="105"/>
        <v>7</v>
      </c>
    </row>
    <row r="6782" spans="1:4" x14ac:dyDescent="0.25">
      <c r="A6782" s="20">
        <v>43838.333333316899</v>
      </c>
      <c r="B6782" s="22">
        <v>2.3814833164215088</v>
      </c>
      <c r="C6782" s="21">
        <v>409005.28303022229</v>
      </c>
      <c r="D6782">
        <f t="shared" si="105"/>
        <v>8</v>
      </c>
    </row>
    <row r="6783" spans="1:4" x14ac:dyDescent="0.25">
      <c r="A6783" s="20">
        <v>43838.374999983564</v>
      </c>
      <c r="B6783" s="22">
        <v>2.4835777282714844</v>
      </c>
      <c r="C6783" s="21">
        <v>426539.3776537567</v>
      </c>
      <c r="D6783">
        <f t="shared" si="105"/>
        <v>9</v>
      </c>
    </row>
    <row r="6784" spans="1:4" x14ac:dyDescent="0.25">
      <c r="A6784" s="20">
        <v>43838.416666650228</v>
      </c>
      <c r="B6784" s="22">
        <v>2.0812051296234131</v>
      </c>
      <c r="C6784" s="21">
        <v>357434.32977924455</v>
      </c>
      <c r="D6784">
        <f t="shared" si="105"/>
        <v>10</v>
      </c>
    </row>
    <row r="6785" spans="1:4" x14ac:dyDescent="0.25">
      <c r="A6785" s="20">
        <v>43838.458333316892</v>
      </c>
      <c r="B6785" s="22">
        <v>1.8467694520950317</v>
      </c>
      <c r="C6785" s="21">
        <v>317171.42725177354</v>
      </c>
      <c r="D6785">
        <f t="shared" si="105"/>
        <v>11</v>
      </c>
    </row>
    <row r="6786" spans="1:4" x14ac:dyDescent="0.25">
      <c r="A6786" s="20">
        <v>43838.499999983556</v>
      </c>
      <c r="B6786" s="22">
        <v>1.8841125965118408</v>
      </c>
      <c r="C6786" s="21">
        <v>323584.88530378544</v>
      </c>
      <c r="D6786">
        <f t="shared" si="105"/>
        <v>12</v>
      </c>
    </row>
    <row r="6787" spans="1:4" x14ac:dyDescent="0.25">
      <c r="A6787" s="20">
        <v>43838.541666650221</v>
      </c>
      <c r="B6787" s="22">
        <v>1.7905809879302979</v>
      </c>
      <c r="C6787" s="21">
        <v>307521.40009002003</v>
      </c>
      <c r="D6787">
        <f t="shared" si="105"/>
        <v>13</v>
      </c>
    </row>
    <row r="6788" spans="1:4" x14ac:dyDescent="0.25">
      <c r="A6788" s="20">
        <v>43838.583333316885</v>
      </c>
      <c r="B6788" s="22">
        <v>1.7455785274505615</v>
      </c>
      <c r="C6788" s="21">
        <v>299792.50106366497</v>
      </c>
      <c r="D6788">
        <f t="shared" si="105"/>
        <v>14</v>
      </c>
    </row>
    <row r="6789" spans="1:4" x14ac:dyDescent="0.25">
      <c r="A6789" s="20">
        <v>43838.624999983549</v>
      </c>
      <c r="B6789" s="22">
        <v>1.9230633974075317</v>
      </c>
      <c r="C6789" s="21">
        <v>330274.44858342013</v>
      </c>
      <c r="D6789">
        <f t="shared" si="105"/>
        <v>15</v>
      </c>
    </row>
    <row r="6790" spans="1:4" x14ac:dyDescent="0.25">
      <c r="A6790" s="20">
        <v>43838.666666650213</v>
      </c>
      <c r="B6790" s="22">
        <v>2.1234822273254395</v>
      </c>
      <c r="C6790" s="21">
        <v>364695.16431546817</v>
      </c>
      <c r="D6790">
        <f t="shared" si="105"/>
        <v>16</v>
      </c>
    </row>
    <row r="6791" spans="1:4" x14ac:dyDescent="0.25">
      <c r="A6791" s="20">
        <v>43838.708333316878</v>
      </c>
      <c r="B6791" s="22">
        <v>2.1154012680053711</v>
      </c>
      <c r="C6791" s="21">
        <v>363307.30867479683</v>
      </c>
      <c r="D6791">
        <f t="shared" ref="D6791:D6854" si="106">HOUR(A6791)</f>
        <v>17</v>
      </c>
    </row>
    <row r="6792" spans="1:4" x14ac:dyDescent="0.25">
      <c r="A6792" s="20">
        <v>43838.749999983542</v>
      </c>
      <c r="B6792" s="22">
        <v>2.3520331382751465</v>
      </c>
      <c r="C6792" s="21">
        <v>403947.3939553817</v>
      </c>
      <c r="D6792">
        <f t="shared" si="106"/>
        <v>18</v>
      </c>
    </row>
    <row r="6793" spans="1:4" x14ac:dyDescent="0.25">
      <c r="A6793" s="20">
        <v>43838.791666650206</v>
      </c>
      <c r="B6793" s="22">
        <v>2.4943654537200928</v>
      </c>
      <c r="C6793" s="21">
        <v>428392.10392310988</v>
      </c>
      <c r="D6793">
        <f t="shared" si="106"/>
        <v>19</v>
      </c>
    </row>
    <row r="6794" spans="1:4" x14ac:dyDescent="0.25">
      <c r="A6794" s="20">
        <v>43838.83333331687</v>
      </c>
      <c r="B6794" s="22">
        <v>2.5982835292816162</v>
      </c>
      <c r="C6794" s="21">
        <v>446239.40170341235</v>
      </c>
      <c r="D6794">
        <f t="shared" si="106"/>
        <v>20</v>
      </c>
    </row>
    <row r="6795" spans="1:4" x14ac:dyDescent="0.25">
      <c r="A6795" s="20">
        <v>43838.874999983535</v>
      </c>
      <c r="B6795" s="22">
        <v>2.6148614883422852</v>
      </c>
      <c r="C6795" s="21">
        <v>449086.56539795414</v>
      </c>
      <c r="D6795">
        <f t="shared" si="106"/>
        <v>21</v>
      </c>
    </row>
    <row r="6796" spans="1:4" x14ac:dyDescent="0.25">
      <c r="A6796" s="20">
        <v>43838.916666650199</v>
      </c>
      <c r="B6796" s="22">
        <v>2.4741358757019043</v>
      </c>
      <c r="C6796" s="21">
        <v>424917.79687008215</v>
      </c>
      <c r="D6796">
        <f t="shared" si="106"/>
        <v>22</v>
      </c>
    </row>
    <row r="6797" spans="1:4" x14ac:dyDescent="0.25">
      <c r="A6797" s="20">
        <v>43838.958333316863</v>
      </c>
      <c r="B6797" s="22">
        <v>2.3077707290649414</v>
      </c>
      <c r="C6797" s="21">
        <v>396345.59423594369</v>
      </c>
      <c r="D6797">
        <f t="shared" si="106"/>
        <v>23</v>
      </c>
    </row>
    <row r="6798" spans="1:4" x14ac:dyDescent="0.25">
      <c r="A6798" s="20">
        <v>43838.999999983527</v>
      </c>
      <c r="B6798" s="22">
        <v>2.4698882102966309</v>
      </c>
      <c r="C6798" s="21">
        <v>424188.28615744272</v>
      </c>
      <c r="D6798">
        <f t="shared" si="106"/>
        <v>0</v>
      </c>
    </row>
    <row r="6799" spans="1:4" x14ac:dyDescent="0.25">
      <c r="A6799" s="20">
        <v>43839.041666650191</v>
      </c>
      <c r="B6799" s="22">
        <v>2.5822618007659912</v>
      </c>
      <c r="C6799" s="21">
        <v>443487.7672237666</v>
      </c>
      <c r="D6799">
        <f t="shared" si="106"/>
        <v>1</v>
      </c>
    </row>
    <row r="6800" spans="1:4" x14ac:dyDescent="0.25">
      <c r="A6800" s="20">
        <v>43839.083333316856</v>
      </c>
      <c r="B6800" s="22">
        <v>2.4836030006408691</v>
      </c>
      <c r="C6800" s="21">
        <v>426543.71802957286</v>
      </c>
      <c r="D6800">
        <f t="shared" si="106"/>
        <v>2</v>
      </c>
    </row>
    <row r="6801" spans="1:4" x14ac:dyDescent="0.25">
      <c r="A6801" s="20">
        <v>43839.12499998352</v>
      </c>
      <c r="B6801" s="22">
        <v>2.664297342300415</v>
      </c>
      <c r="C6801" s="21">
        <v>457576.87280450284</v>
      </c>
      <c r="D6801">
        <f t="shared" si="106"/>
        <v>3</v>
      </c>
    </row>
    <row r="6802" spans="1:4" x14ac:dyDescent="0.25">
      <c r="A6802" s="20">
        <v>43839.166666650184</v>
      </c>
      <c r="B6802" s="22">
        <v>2.6195321083068848</v>
      </c>
      <c r="C6802" s="21">
        <v>449888.71598510089</v>
      </c>
      <c r="D6802">
        <f t="shared" si="106"/>
        <v>4</v>
      </c>
    </row>
    <row r="6803" spans="1:4" x14ac:dyDescent="0.25">
      <c r="A6803" s="20">
        <v>43839.208333316848</v>
      </c>
      <c r="B6803" s="22">
        <v>3.0718798637390137</v>
      </c>
      <c r="C6803" s="21">
        <v>527576.69324819988</v>
      </c>
      <c r="D6803">
        <f t="shared" si="106"/>
        <v>5</v>
      </c>
    </row>
    <row r="6804" spans="1:4" x14ac:dyDescent="0.25">
      <c r="A6804" s="20">
        <v>43839.249999983513</v>
      </c>
      <c r="B6804" s="22">
        <v>3.2724447250366211</v>
      </c>
      <c r="C6804" s="21">
        <v>562022.48898201552</v>
      </c>
      <c r="D6804">
        <f t="shared" si="106"/>
        <v>6</v>
      </c>
    </row>
    <row r="6805" spans="1:4" x14ac:dyDescent="0.25">
      <c r="A6805" s="20">
        <v>43839.291666650177</v>
      </c>
      <c r="B6805" s="22">
        <v>2.9542648792266846</v>
      </c>
      <c r="C6805" s="21">
        <v>507377.03461639187</v>
      </c>
      <c r="D6805">
        <f t="shared" si="106"/>
        <v>7</v>
      </c>
    </row>
    <row r="6806" spans="1:4" x14ac:dyDescent="0.25">
      <c r="A6806" s="20">
        <v>43839.333333316841</v>
      </c>
      <c r="B6806" s="22">
        <v>2.9075639247894287</v>
      </c>
      <c r="C6806" s="21">
        <v>499356.42957764107</v>
      </c>
      <c r="D6806">
        <f t="shared" si="106"/>
        <v>8</v>
      </c>
    </row>
    <row r="6807" spans="1:4" x14ac:dyDescent="0.25">
      <c r="A6807" s="20">
        <v>43839.374999983505</v>
      </c>
      <c r="B6807" s="22">
        <v>2.7518589496612549</v>
      </c>
      <c r="C6807" s="21">
        <v>472615.04659906693</v>
      </c>
      <c r="D6807">
        <f t="shared" si="106"/>
        <v>9</v>
      </c>
    </row>
    <row r="6808" spans="1:4" x14ac:dyDescent="0.25">
      <c r="A6808" s="20">
        <v>43839.41666665017</v>
      </c>
      <c r="B6808" s="22">
        <v>2.2658979892730713</v>
      </c>
      <c r="C6808" s="21">
        <v>389154.2057127778</v>
      </c>
      <c r="D6808">
        <f t="shared" si="106"/>
        <v>10</v>
      </c>
    </row>
    <row r="6809" spans="1:4" x14ac:dyDescent="0.25">
      <c r="A6809" s="20">
        <v>43839.458333316834</v>
      </c>
      <c r="B6809" s="22">
        <v>2.0008535385131836</v>
      </c>
      <c r="C6809" s="21">
        <v>343634.43244746269</v>
      </c>
      <c r="D6809">
        <f t="shared" si="106"/>
        <v>11</v>
      </c>
    </row>
    <row r="6810" spans="1:4" x14ac:dyDescent="0.25">
      <c r="A6810" s="20">
        <v>43839.499999983498</v>
      </c>
      <c r="B6810" s="22">
        <v>1.6660897731781006</v>
      </c>
      <c r="C6810" s="21">
        <v>286140.79071375576</v>
      </c>
      <c r="D6810">
        <f t="shared" si="106"/>
        <v>12</v>
      </c>
    </row>
    <row r="6811" spans="1:4" x14ac:dyDescent="0.25">
      <c r="A6811" s="20">
        <v>43839.541666650162</v>
      </c>
      <c r="B6811" s="22">
        <v>1.4146982431411743</v>
      </c>
      <c r="C6811" s="21">
        <v>242965.82358920964</v>
      </c>
      <c r="D6811">
        <f t="shared" si="106"/>
        <v>13</v>
      </c>
    </row>
    <row r="6812" spans="1:4" x14ac:dyDescent="0.25">
      <c r="A6812" s="20">
        <v>43839.583333316827</v>
      </c>
      <c r="B6812" s="22">
        <v>1.2133853435516357</v>
      </c>
      <c r="C6812" s="21">
        <v>208391.55682593133</v>
      </c>
      <c r="D6812">
        <f t="shared" si="106"/>
        <v>14</v>
      </c>
    </row>
    <row r="6813" spans="1:4" x14ac:dyDescent="0.25">
      <c r="A6813" s="20">
        <v>43839.624999983491</v>
      </c>
      <c r="B6813" s="22">
        <v>1.4308500289916992</v>
      </c>
      <c r="C6813" s="21">
        <v>245739.79462553171</v>
      </c>
      <c r="D6813">
        <f t="shared" si="106"/>
        <v>15</v>
      </c>
    </row>
    <row r="6814" spans="1:4" x14ac:dyDescent="0.25">
      <c r="A6814" s="20">
        <v>43839.666666650155</v>
      </c>
      <c r="B6814" s="22">
        <v>1.7254048585891724</v>
      </c>
      <c r="C6814" s="21">
        <v>296327.79606845684</v>
      </c>
      <c r="D6814">
        <f t="shared" si="106"/>
        <v>16</v>
      </c>
    </row>
    <row r="6815" spans="1:4" x14ac:dyDescent="0.25">
      <c r="A6815" s="20">
        <v>43839.708333316819</v>
      </c>
      <c r="B6815" s="22">
        <v>1.8698803186416626</v>
      </c>
      <c r="C6815" s="21">
        <v>321140.57809477928</v>
      </c>
      <c r="D6815">
        <f t="shared" si="106"/>
        <v>17</v>
      </c>
    </row>
    <row r="6816" spans="1:4" x14ac:dyDescent="0.25">
      <c r="A6816" s="20">
        <v>43839.749999983484</v>
      </c>
      <c r="B6816" s="22">
        <v>1.9166692495346069</v>
      </c>
      <c r="C6816" s="21">
        <v>329176.29255500314</v>
      </c>
      <c r="D6816">
        <f t="shared" si="106"/>
        <v>18</v>
      </c>
    </row>
    <row r="6817" spans="1:4" x14ac:dyDescent="0.25">
      <c r="A6817" s="20">
        <v>43839.791666650148</v>
      </c>
      <c r="B6817" s="22">
        <v>1.9207973480224609</v>
      </c>
      <c r="C6817" s="21">
        <v>329885.26837639936</v>
      </c>
      <c r="D6817">
        <f t="shared" si="106"/>
        <v>19</v>
      </c>
    </row>
    <row r="6818" spans="1:4" x14ac:dyDescent="0.25">
      <c r="A6818" s="20">
        <v>43839.833333316812</v>
      </c>
      <c r="B6818" s="22">
        <v>1.9065091609954834</v>
      </c>
      <c r="C6818" s="21">
        <v>327431.35910957359</v>
      </c>
      <c r="D6818">
        <f t="shared" si="106"/>
        <v>20</v>
      </c>
    </row>
    <row r="6819" spans="1:4" x14ac:dyDescent="0.25">
      <c r="A6819" s="20">
        <v>43839.874999983476</v>
      </c>
      <c r="B6819" s="22">
        <v>2.0657308101654053</v>
      </c>
      <c r="C6819" s="21">
        <v>354776.70947765332</v>
      </c>
      <c r="D6819">
        <f t="shared" si="106"/>
        <v>21</v>
      </c>
    </row>
    <row r="6820" spans="1:4" x14ac:dyDescent="0.25">
      <c r="A6820" s="20">
        <v>43839.916666650141</v>
      </c>
      <c r="B6820" s="22">
        <v>1.9562414884567261</v>
      </c>
      <c r="C6820" s="21">
        <v>335972.58403807826</v>
      </c>
      <c r="D6820">
        <f t="shared" si="106"/>
        <v>22</v>
      </c>
    </row>
    <row r="6821" spans="1:4" x14ac:dyDescent="0.25">
      <c r="A6821" s="20">
        <v>43839.958333316805</v>
      </c>
      <c r="B6821" s="22">
        <v>1.6289373636245728</v>
      </c>
      <c r="C6821" s="21">
        <v>279760.09021507297</v>
      </c>
      <c r="D6821">
        <f t="shared" si="106"/>
        <v>23</v>
      </c>
    </row>
    <row r="6822" spans="1:4" x14ac:dyDescent="0.25">
      <c r="A6822" s="20">
        <v>43839.999999983469</v>
      </c>
      <c r="B6822" s="22">
        <v>1.5306423902511597</v>
      </c>
      <c r="C6822" s="21">
        <v>262878.52605385456</v>
      </c>
      <c r="D6822">
        <f t="shared" si="106"/>
        <v>0</v>
      </c>
    </row>
    <row r="6823" spans="1:4" x14ac:dyDescent="0.25">
      <c r="A6823" s="20">
        <v>43840.041666650133</v>
      </c>
      <c r="B6823" s="22">
        <v>1.5301804542541504</v>
      </c>
      <c r="C6823" s="21">
        <v>262799.19135438558</v>
      </c>
      <c r="D6823">
        <f t="shared" si="106"/>
        <v>1</v>
      </c>
    </row>
    <row r="6824" spans="1:4" x14ac:dyDescent="0.25">
      <c r="A6824" s="20">
        <v>43840.083333316798</v>
      </c>
      <c r="B6824" s="22">
        <v>1.4578990936279297</v>
      </c>
      <c r="C6824" s="21">
        <v>250385.30705090033</v>
      </c>
      <c r="D6824">
        <f t="shared" si="106"/>
        <v>2</v>
      </c>
    </row>
    <row r="6825" spans="1:4" x14ac:dyDescent="0.25">
      <c r="A6825" s="20">
        <v>43840.124999983462</v>
      </c>
      <c r="B6825" s="22">
        <v>1.5282765626907349</v>
      </c>
      <c r="C6825" s="21">
        <v>262472.20955174853</v>
      </c>
      <c r="D6825">
        <f t="shared" si="106"/>
        <v>3</v>
      </c>
    </row>
    <row r="6826" spans="1:4" x14ac:dyDescent="0.25">
      <c r="A6826" s="20">
        <v>43840.166666650126</v>
      </c>
      <c r="B6826" s="22">
        <v>1.6286544799804688</v>
      </c>
      <c r="C6826" s="21">
        <v>279711.50666879176</v>
      </c>
      <c r="D6826">
        <f t="shared" si="106"/>
        <v>4</v>
      </c>
    </row>
    <row r="6827" spans="1:4" x14ac:dyDescent="0.25">
      <c r="A6827" s="20">
        <v>43840.20833331679</v>
      </c>
      <c r="B6827" s="22">
        <v>1.6848325729370117</v>
      </c>
      <c r="C6827" s="21">
        <v>289359.75263858301</v>
      </c>
      <c r="D6827">
        <f t="shared" si="106"/>
        <v>5</v>
      </c>
    </row>
    <row r="6828" spans="1:4" x14ac:dyDescent="0.25">
      <c r="A6828" s="20">
        <v>43840.249999983454</v>
      </c>
      <c r="B6828" s="22">
        <v>1.9689780473709106</v>
      </c>
      <c r="C6828" s="21">
        <v>338160.01060857164</v>
      </c>
      <c r="D6828">
        <f t="shared" si="106"/>
        <v>6</v>
      </c>
    </row>
    <row r="6829" spans="1:4" x14ac:dyDescent="0.25">
      <c r="A6829" s="20">
        <v>43840.291666650119</v>
      </c>
      <c r="B6829" s="22">
        <v>1.8807971477508545</v>
      </c>
      <c r="C6829" s="21">
        <v>323015.47713304206</v>
      </c>
      <c r="D6829">
        <f t="shared" si="106"/>
        <v>7</v>
      </c>
    </row>
    <row r="6830" spans="1:4" x14ac:dyDescent="0.25">
      <c r="A6830" s="20">
        <v>43840.333333316783</v>
      </c>
      <c r="B6830" s="22">
        <v>1.6438887119293213</v>
      </c>
      <c r="C6830" s="21">
        <v>282327.89340012992</v>
      </c>
      <c r="D6830">
        <f t="shared" si="106"/>
        <v>8</v>
      </c>
    </row>
    <row r="6831" spans="1:4" x14ac:dyDescent="0.25">
      <c r="A6831" s="20">
        <v>43840.374999983447</v>
      </c>
      <c r="B6831" s="22">
        <v>1.5803577899932861</v>
      </c>
      <c r="C6831" s="21">
        <v>271416.84374950122</v>
      </c>
      <c r="D6831">
        <f t="shared" si="106"/>
        <v>9</v>
      </c>
    </row>
    <row r="6832" spans="1:4" x14ac:dyDescent="0.25">
      <c r="A6832" s="20">
        <v>43840.416666650111</v>
      </c>
      <c r="B6832" s="22">
        <v>1.5161983966827393</v>
      </c>
      <c r="C6832" s="21">
        <v>260397.85796065305</v>
      </c>
      <c r="D6832">
        <f t="shared" si="106"/>
        <v>10</v>
      </c>
    </row>
    <row r="6833" spans="1:4" x14ac:dyDescent="0.25">
      <c r="A6833" s="20">
        <v>43840.458333316776</v>
      </c>
      <c r="B6833" s="22">
        <v>1.3556263446807861</v>
      </c>
      <c r="C6833" s="21">
        <v>232820.58411500318</v>
      </c>
      <c r="D6833">
        <f t="shared" si="106"/>
        <v>11</v>
      </c>
    </row>
    <row r="6834" spans="1:4" x14ac:dyDescent="0.25">
      <c r="A6834" s="20">
        <v>43840.49999998344</v>
      </c>
      <c r="B6834" s="22">
        <v>1.340162992477417</v>
      </c>
      <c r="C6834" s="21">
        <v>230164.84737272837</v>
      </c>
      <c r="D6834">
        <f t="shared" si="106"/>
        <v>12</v>
      </c>
    </row>
    <row r="6835" spans="1:4" x14ac:dyDescent="0.25">
      <c r="A6835" s="20">
        <v>43840.541666650104</v>
      </c>
      <c r="B6835" s="22">
        <v>1.0492669343948364</v>
      </c>
      <c r="C6835" s="21">
        <v>180205.21769653904</v>
      </c>
      <c r="D6835">
        <f t="shared" si="106"/>
        <v>13</v>
      </c>
    </row>
    <row r="6836" spans="1:4" x14ac:dyDescent="0.25">
      <c r="A6836" s="20">
        <v>43840.583333316768</v>
      </c>
      <c r="B6836" s="22">
        <v>1.1651445627212524</v>
      </c>
      <c r="C6836" s="21">
        <v>200106.49596446042</v>
      </c>
      <c r="D6836">
        <f t="shared" si="106"/>
        <v>14</v>
      </c>
    </row>
    <row r="6837" spans="1:4" x14ac:dyDescent="0.25">
      <c r="A6837" s="20">
        <v>43840.624999983433</v>
      </c>
      <c r="B6837" s="22">
        <v>1.3861124515533447</v>
      </c>
      <c r="C6837" s="21">
        <v>238056.38765136249</v>
      </c>
      <c r="D6837">
        <f t="shared" si="106"/>
        <v>15</v>
      </c>
    </row>
    <row r="6838" spans="1:4" x14ac:dyDescent="0.25">
      <c r="A6838" s="20">
        <v>43840.666666650097</v>
      </c>
      <c r="B6838" s="22">
        <v>1.3471372127532959</v>
      </c>
      <c r="C6838" s="21">
        <v>231362.62731020755</v>
      </c>
      <c r="D6838">
        <f t="shared" si="106"/>
        <v>16</v>
      </c>
    </row>
    <row r="6839" spans="1:4" x14ac:dyDescent="0.25">
      <c r="A6839" s="20">
        <v>43840.708333316761</v>
      </c>
      <c r="B6839" s="22">
        <v>1.4024040699005127</v>
      </c>
      <c r="C6839" s="21">
        <v>240854.37406896896</v>
      </c>
      <c r="D6839">
        <f t="shared" si="106"/>
        <v>17</v>
      </c>
    </row>
    <row r="6840" spans="1:4" x14ac:dyDescent="0.25">
      <c r="A6840" s="20">
        <v>43840.749999983425</v>
      </c>
      <c r="B6840" s="22">
        <v>1.5464316606521606</v>
      </c>
      <c r="C6840" s="21">
        <v>265590.23726538051</v>
      </c>
      <c r="D6840">
        <f t="shared" si="106"/>
        <v>18</v>
      </c>
    </row>
    <row r="6841" spans="1:4" x14ac:dyDescent="0.25">
      <c r="A6841" s="20">
        <v>43840.79166665009</v>
      </c>
      <c r="B6841" s="22">
        <v>1.3086578845977783</v>
      </c>
      <c r="C6841" s="21">
        <v>224754.03660770829</v>
      </c>
      <c r="D6841">
        <f t="shared" si="106"/>
        <v>19</v>
      </c>
    </row>
    <row r="6842" spans="1:4" x14ac:dyDescent="0.25">
      <c r="A6842" s="20">
        <v>43840.833333316754</v>
      </c>
      <c r="B6842" s="22">
        <v>1.4009156227111816</v>
      </c>
      <c r="C6842" s="21">
        <v>240598.74231217688</v>
      </c>
      <c r="D6842">
        <f t="shared" si="106"/>
        <v>20</v>
      </c>
    </row>
    <row r="6843" spans="1:4" x14ac:dyDescent="0.25">
      <c r="A6843" s="20">
        <v>43840.874999983418</v>
      </c>
      <c r="B6843" s="22">
        <v>1.3447891473770142</v>
      </c>
      <c r="C6843" s="21">
        <v>230959.3613552553</v>
      </c>
      <c r="D6843">
        <f t="shared" si="106"/>
        <v>21</v>
      </c>
    </row>
    <row r="6844" spans="1:4" x14ac:dyDescent="0.25">
      <c r="A6844" s="20">
        <v>43840.916666650082</v>
      </c>
      <c r="B6844" s="22">
        <v>1.1624641418457031</v>
      </c>
      <c r="C6844" s="21">
        <v>199646.14997283218</v>
      </c>
      <c r="D6844">
        <f t="shared" si="106"/>
        <v>22</v>
      </c>
    </row>
    <row r="6845" spans="1:4" x14ac:dyDescent="0.25">
      <c r="A6845" s="20">
        <v>43840.958333316747</v>
      </c>
      <c r="B6845" s="22">
        <v>1.1178679466247559</v>
      </c>
      <c r="C6845" s="21">
        <v>191987.02453506817</v>
      </c>
      <c r="D6845">
        <f t="shared" si="106"/>
        <v>23</v>
      </c>
    </row>
    <row r="6846" spans="1:4" x14ac:dyDescent="0.25">
      <c r="A6846" s="20">
        <v>43840.999999983411</v>
      </c>
      <c r="B6846" s="22">
        <v>0.9291577935218811</v>
      </c>
      <c r="C6846" s="21">
        <v>159577.2028712758</v>
      </c>
      <c r="D6846">
        <f t="shared" si="106"/>
        <v>0</v>
      </c>
    </row>
    <row r="6847" spans="1:4" x14ac:dyDescent="0.25">
      <c r="A6847" s="20">
        <v>43841.041666650075</v>
      </c>
      <c r="B6847" s="22">
        <v>0.96003776788711548</v>
      </c>
      <c r="C6847" s="21">
        <v>164880.65075525973</v>
      </c>
      <c r="D6847">
        <f t="shared" si="106"/>
        <v>1</v>
      </c>
    </row>
    <row r="6848" spans="1:4" x14ac:dyDescent="0.25">
      <c r="A6848" s="20">
        <v>43841.083333316739</v>
      </c>
      <c r="B6848" s="22">
        <v>0.87544071674346924</v>
      </c>
      <c r="C6848" s="21">
        <v>150351.62147004885</v>
      </c>
      <c r="D6848">
        <f t="shared" si="106"/>
        <v>2</v>
      </c>
    </row>
    <row r="6849" spans="1:4" x14ac:dyDescent="0.25">
      <c r="A6849" s="20">
        <v>43841.124999983404</v>
      </c>
      <c r="B6849" s="22">
        <v>0.89838862419128418</v>
      </c>
      <c r="C6849" s="21">
        <v>154292.78507842901</v>
      </c>
      <c r="D6849">
        <f t="shared" si="106"/>
        <v>3</v>
      </c>
    </row>
    <row r="6850" spans="1:4" x14ac:dyDescent="0.25">
      <c r="A6850" s="20">
        <v>43841.166666650068</v>
      </c>
      <c r="B6850" s="22">
        <v>0.93336433172225952</v>
      </c>
      <c r="C6850" s="21">
        <v>160299.65023647863</v>
      </c>
      <c r="D6850">
        <f t="shared" si="106"/>
        <v>4</v>
      </c>
    </row>
    <row r="6851" spans="1:4" x14ac:dyDescent="0.25">
      <c r="A6851" s="20">
        <v>43841.208333316732</v>
      </c>
      <c r="B6851" s="22">
        <v>0.94891899824142456</v>
      </c>
      <c r="C6851" s="21">
        <v>162971.06965740974</v>
      </c>
      <c r="D6851">
        <f t="shared" si="106"/>
        <v>5</v>
      </c>
    </row>
    <row r="6852" spans="1:4" x14ac:dyDescent="0.25">
      <c r="A6852" s="20">
        <v>43841.249999983396</v>
      </c>
      <c r="B6852" s="22">
        <v>0.92544752359390259</v>
      </c>
      <c r="C6852" s="21">
        <v>158939.98656514118</v>
      </c>
      <c r="D6852">
        <f t="shared" si="106"/>
        <v>6</v>
      </c>
    </row>
    <row r="6853" spans="1:4" x14ac:dyDescent="0.25">
      <c r="A6853" s="20">
        <v>43841.291666650061</v>
      </c>
      <c r="B6853" s="22">
        <v>0.99706846475601196</v>
      </c>
      <c r="C6853" s="21">
        <v>171240.44784022434</v>
      </c>
      <c r="D6853">
        <f t="shared" si="106"/>
        <v>7</v>
      </c>
    </row>
    <row r="6854" spans="1:4" x14ac:dyDescent="0.25">
      <c r="A6854" s="20">
        <v>43841.333333316725</v>
      </c>
      <c r="B6854" s="22">
        <v>1.1565437316894531</v>
      </c>
      <c r="C6854" s="21">
        <v>198629.35551749641</v>
      </c>
      <c r="D6854">
        <f t="shared" si="106"/>
        <v>8</v>
      </c>
    </row>
    <row r="6855" spans="1:4" x14ac:dyDescent="0.25">
      <c r="A6855" s="20">
        <v>43841.374999983389</v>
      </c>
      <c r="B6855" s="22">
        <v>1.1119121313095093</v>
      </c>
      <c r="C6855" s="21">
        <v>190964.14945889567</v>
      </c>
      <c r="D6855">
        <f t="shared" ref="D6855:D6918" si="107">HOUR(A6855)</f>
        <v>9</v>
      </c>
    </row>
    <row r="6856" spans="1:4" x14ac:dyDescent="0.25">
      <c r="A6856" s="20">
        <v>43841.416666650053</v>
      </c>
      <c r="B6856" s="22">
        <v>1.0411520004272461</v>
      </c>
      <c r="C6856" s="21">
        <v>178811.52711668095</v>
      </c>
      <c r="D6856">
        <f t="shared" si="107"/>
        <v>10</v>
      </c>
    </row>
    <row r="6857" spans="1:4" x14ac:dyDescent="0.25">
      <c r="A6857" s="20">
        <v>43841.458333316717</v>
      </c>
      <c r="B6857" s="22">
        <v>1.1342588663101196</v>
      </c>
      <c r="C6857" s="21">
        <v>194802.06535387659</v>
      </c>
      <c r="D6857">
        <f t="shared" si="107"/>
        <v>11</v>
      </c>
    </row>
    <row r="6858" spans="1:4" x14ac:dyDescent="0.25">
      <c r="A6858" s="20">
        <v>43841.499999983382</v>
      </c>
      <c r="B6858" s="22">
        <v>1.0587103366851807</v>
      </c>
      <c r="C6858" s="21">
        <v>181827.06463533442</v>
      </c>
      <c r="D6858">
        <f t="shared" si="107"/>
        <v>12</v>
      </c>
    </row>
    <row r="6859" spans="1:4" x14ac:dyDescent="0.25">
      <c r="A6859" s="20">
        <v>43841.541666650046</v>
      </c>
      <c r="B6859" s="22">
        <v>0.92968511581420898</v>
      </c>
      <c r="C6859" s="21">
        <v>159667.76726949541</v>
      </c>
      <c r="D6859">
        <f t="shared" si="107"/>
        <v>13</v>
      </c>
    </row>
    <row r="6860" spans="1:4" x14ac:dyDescent="0.25">
      <c r="A6860" s="20">
        <v>43841.58333331671</v>
      </c>
      <c r="B6860" s="22">
        <v>1.0777871608734131</v>
      </c>
      <c r="C6860" s="21">
        <v>185103.39322542932</v>
      </c>
      <c r="D6860">
        <f t="shared" si="107"/>
        <v>14</v>
      </c>
    </row>
    <row r="6861" spans="1:4" x14ac:dyDescent="0.25">
      <c r="A6861" s="20">
        <v>43841.624999983374</v>
      </c>
      <c r="B6861" s="22">
        <v>1.1302319765090942</v>
      </c>
      <c r="C6861" s="21">
        <v>194110.47150921563</v>
      </c>
      <c r="D6861">
        <f t="shared" si="107"/>
        <v>15</v>
      </c>
    </row>
    <row r="6862" spans="1:4" x14ac:dyDescent="0.25">
      <c r="A6862" s="20">
        <v>43841.666666650039</v>
      </c>
      <c r="B6862" s="22">
        <v>1.0693789720535278</v>
      </c>
      <c r="C6862" s="21">
        <v>183659.33790732772</v>
      </c>
      <c r="D6862">
        <f t="shared" si="107"/>
        <v>16</v>
      </c>
    </row>
    <row r="6863" spans="1:4" x14ac:dyDescent="0.25">
      <c r="A6863" s="20">
        <v>43841.708333316703</v>
      </c>
      <c r="B6863" s="22">
        <v>1.0863112211227417</v>
      </c>
      <c r="C6863" s="21">
        <v>186567.34875717835</v>
      </c>
      <c r="D6863">
        <f t="shared" si="107"/>
        <v>17</v>
      </c>
    </row>
    <row r="6864" spans="1:4" x14ac:dyDescent="0.25">
      <c r="A6864" s="20">
        <v>43841.749999983367</v>
      </c>
      <c r="B6864" s="22">
        <v>1.28508460521698</v>
      </c>
      <c r="C6864" s="21">
        <v>220705.4691713503</v>
      </c>
      <c r="D6864">
        <f t="shared" si="107"/>
        <v>18</v>
      </c>
    </row>
    <row r="6865" spans="1:4" x14ac:dyDescent="0.25">
      <c r="A6865" s="20">
        <v>43841.791666650031</v>
      </c>
      <c r="B6865" s="22">
        <v>1.3752243518829346</v>
      </c>
      <c r="C6865" s="21">
        <v>236186.42271956988</v>
      </c>
      <c r="D6865">
        <f t="shared" si="107"/>
        <v>19</v>
      </c>
    </row>
    <row r="6866" spans="1:4" x14ac:dyDescent="0.25">
      <c r="A6866" s="20">
        <v>43841.833333316696</v>
      </c>
      <c r="B6866" s="22">
        <v>1.3556761741638184</v>
      </c>
      <c r="C6866" s="21">
        <v>232829.1420258104</v>
      </c>
      <c r="D6866">
        <f t="shared" si="107"/>
        <v>20</v>
      </c>
    </row>
    <row r="6867" spans="1:4" x14ac:dyDescent="0.25">
      <c r="A6867" s="20">
        <v>43841.87499998336</v>
      </c>
      <c r="B6867" s="22">
        <v>1.0633394718170166</v>
      </c>
      <c r="C6867" s="21">
        <v>182622.09045463207</v>
      </c>
      <c r="D6867">
        <f t="shared" si="107"/>
        <v>21</v>
      </c>
    </row>
    <row r="6868" spans="1:4" x14ac:dyDescent="0.25">
      <c r="A6868" s="20">
        <v>43841.916666650024</v>
      </c>
      <c r="B6868" s="22">
        <v>1.0386676788330078</v>
      </c>
      <c r="C6868" s="21">
        <v>178384.85998456922</v>
      </c>
      <c r="D6868">
        <f t="shared" si="107"/>
        <v>22</v>
      </c>
    </row>
    <row r="6869" spans="1:4" x14ac:dyDescent="0.25">
      <c r="A6869" s="20">
        <v>43841.958333316688</v>
      </c>
      <c r="B6869" s="22">
        <v>0.81607425212860107</v>
      </c>
      <c r="C6869" s="21">
        <v>140155.79204941975</v>
      </c>
      <c r="D6869">
        <f t="shared" si="107"/>
        <v>23</v>
      </c>
    </row>
    <row r="6870" spans="1:4" x14ac:dyDescent="0.25">
      <c r="A6870" s="20">
        <v>43841.999999983353</v>
      </c>
      <c r="B6870" s="22">
        <v>0.76287597417831421</v>
      </c>
      <c r="C6870" s="21">
        <v>131019.31119324801</v>
      </c>
      <c r="D6870">
        <f t="shared" si="107"/>
        <v>0</v>
      </c>
    </row>
    <row r="6871" spans="1:4" x14ac:dyDescent="0.25">
      <c r="A6871" s="20">
        <v>43842.041666650017</v>
      </c>
      <c r="B6871" s="22">
        <v>0.83358687162399292</v>
      </c>
      <c r="C6871" s="21">
        <v>143163.47799200963</v>
      </c>
      <c r="D6871">
        <f t="shared" si="107"/>
        <v>1</v>
      </c>
    </row>
    <row r="6872" spans="1:4" x14ac:dyDescent="0.25">
      <c r="A6872" s="20">
        <v>43842.083333316681</v>
      </c>
      <c r="B6872" s="22">
        <v>0.88461178541183472</v>
      </c>
      <c r="C6872" s="21">
        <v>151926.69676473152</v>
      </c>
      <c r="D6872">
        <f t="shared" si="107"/>
        <v>2</v>
      </c>
    </row>
    <row r="6873" spans="1:4" x14ac:dyDescent="0.25">
      <c r="A6873" s="20">
        <v>43842.124999983345</v>
      </c>
      <c r="B6873" s="22">
        <v>0.83817040920257568</v>
      </c>
      <c r="C6873" s="21">
        <v>143950.67270871456</v>
      </c>
      <c r="D6873">
        <f t="shared" si="107"/>
        <v>3</v>
      </c>
    </row>
    <row r="6874" spans="1:4" x14ac:dyDescent="0.25">
      <c r="A6874" s="20">
        <v>43842.16666665001</v>
      </c>
      <c r="B6874" s="22">
        <v>0.94243234395980835</v>
      </c>
      <c r="C6874" s="21">
        <v>161857.02621562814</v>
      </c>
      <c r="D6874">
        <f t="shared" si="107"/>
        <v>4</v>
      </c>
    </row>
    <row r="6875" spans="1:4" x14ac:dyDescent="0.25">
      <c r="A6875" s="20">
        <v>43842.208333316674</v>
      </c>
      <c r="B6875" s="22">
        <v>1.1164383888244629</v>
      </c>
      <c r="C6875" s="21">
        <v>191741.50667286644</v>
      </c>
      <c r="D6875">
        <f t="shared" si="107"/>
        <v>5</v>
      </c>
    </row>
    <row r="6876" spans="1:4" x14ac:dyDescent="0.25">
      <c r="A6876" s="20">
        <v>43842.249999983338</v>
      </c>
      <c r="B6876" s="22">
        <v>1.1866793632507324</v>
      </c>
      <c r="C6876" s="21">
        <v>203804.96704961345</v>
      </c>
      <c r="D6876">
        <f t="shared" si="107"/>
        <v>6</v>
      </c>
    </row>
    <row r="6877" spans="1:4" x14ac:dyDescent="0.25">
      <c r="A6877" s="20">
        <v>43842.291666650002</v>
      </c>
      <c r="B6877" s="22">
        <v>1.1333656311035156</v>
      </c>
      <c r="C6877" s="21">
        <v>194648.65763694217</v>
      </c>
      <c r="D6877">
        <f t="shared" si="107"/>
        <v>7</v>
      </c>
    </row>
    <row r="6878" spans="1:4" x14ac:dyDescent="0.25">
      <c r="A6878" s="20">
        <v>43842.333333316667</v>
      </c>
      <c r="B6878" s="22">
        <v>1.5663913488388062</v>
      </c>
      <c r="C6878" s="21">
        <v>269018.19238044752</v>
      </c>
      <c r="D6878">
        <f t="shared" si="107"/>
        <v>8</v>
      </c>
    </row>
    <row r="6879" spans="1:4" x14ac:dyDescent="0.25">
      <c r="A6879" s="20">
        <v>43842.374999983331</v>
      </c>
      <c r="B6879" s="22">
        <v>1.6393370628356934</v>
      </c>
      <c r="C6879" s="21">
        <v>281546.17533687223</v>
      </c>
      <c r="D6879">
        <f t="shared" si="107"/>
        <v>9</v>
      </c>
    </row>
    <row r="6880" spans="1:4" x14ac:dyDescent="0.25">
      <c r="A6880" s="20">
        <v>43842.416666649995</v>
      </c>
      <c r="B6880" s="22">
        <v>1.4297369718551636</v>
      </c>
      <c r="C6880" s="21">
        <v>245548.63382838547</v>
      </c>
      <c r="D6880">
        <f t="shared" si="107"/>
        <v>10</v>
      </c>
    </row>
    <row r="6881" spans="1:4" x14ac:dyDescent="0.25">
      <c r="A6881" s="20">
        <v>43842.458333316659</v>
      </c>
      <c r="B6881" s="22">
        <v>1.3913427591323853</v>
      </c>
      <c r="C6881" s="21">
        <v>238954.66118405934</v>
      </c>
      <c r="D6881">
        <f t="shared" si="107"/>
        <v>11</v>
      </c>
    </row>
    <row r="6882" spans="1:4" x14ac:dyDescent="0.25">
      <c r="A6882" s="20">
        <v>43842.499999983324</v>
      </c>
      <c r="B6882" s="22">
        <v>1.2709149122238159</v>
      </c>
      <c r="C6882" s="21">
        <v>218271.91053453027</v>
      </c>
      <c r="D6882">
        <f t="shared" si="107"/>
        <v>12</v>
      </c>
    </row>
    <row r="6883" spans="1:4" x14ac:dyDescent="0.25">
      <c r="A6883" s="20">
        <v>43842.541666649988</v>
      </c>
      <c r="B6883" s="22">
        <v>1.4140915870666504</v>
      </c>
      <c r="C6883" s="21">
        <v>242861.63409615221</v>
      </c>
      <c r="D6883">
        <f t="shared" si="107"/>
        <v>13</v>
      </c>
    </row>
    <row r="6884" spans="1:4" x14ac:dyDescent="0.25">
      <c r="A6884" s="20">
        <v>43842.583333316652</v>
      </c>
      <c r="B6884" s="22">
        <v>1.3113189935684204</v>
      </c>
      <c r="C6884" s="21">
        <v>225211.06589706196</v>
      </c>
      <c r="D6884">
        <f t="shared" si="107"/>
        <v>14</v>
      </c>
    </row>
    <row r="6885" spans="1:4" x14ac:dyDescent="0.25">
      <c r="A6885" s="20">
        <v>43842.624999983316</v>
      </c>
      <c r="B6885" s="22">
        <v>1.3144410848617554</v>
      </c>
      <c r="C6885" s="21">
        <v>225747.26609811792</v>
      </c>
      <c r="D6885">
        <f t="shared" si="107"/>
        <v>15</v>
      </c>
    </row>
    <row r="6886" spans="1:4" x14ac:dyDescent="0.25">
      <c r="A6886" s="20">
        <v>43842.66666664998</v>
      </c>
      <c r="B6886" s="22">
        <v>1.3367908000946045</v>
      </c>
      <c r="C6886" s="21">
        <v>229585.69382986962</v>
      </c>
      <c r="D6886">
        <f t="shared" si="107"/>
        <v>16</v>
      </c>
    </row>
    <row r="6887" spans="1:4" x14ac:dyDescent="0.25">
      <c r="A6887" s="20">
        <v>43842.708333316645</v>
      </c>
      <c r="B6887" s="22">
        <v>1.5461890697479248</v>
      </c>
      <c r="C6887" s="21">
        <v>265548.57375223999</v>
      </c>
      <c r="D6887">
        <f t="shared" si="107"/>
        <v>17</v>
      </c>
    </row>
    <row r="6888" spans="1:4" x14ac:dyDescent="0.25">
      <c r="A6888" s="20">
        <v>43842.749999983309</v>
      </c>
      <c r="B6888" s="22">
        <v>1.8573073148727417</v>
      </c>
      <c r="C6888" s="21">
        <v>318981.24112626555</v>
      </c>
      <c r="D6888">
        <f t="shared" si="107"/>
        <v>18</v>
      </c>
    </row>
    <row r="6889" spans="1:4" x14ac:dyDescent="0.25">
      <c r="A6889" s="20">
        <v>43842.791666649973</v>
      </c>
      <c r="B6889" s="22">
        <v>1.8878716230392456</v>
      </c>
      <c r="C6889" s="21">
        <v>324230.47525948985</v>
      </c>
      <c r="D6889">
        <f t="shared" si="107"/>
        <v>19</v>
      </c>
    </row>
    <row r="6890" spans="1:4" x14ac:dyDescent="0.25">
      <c r="A6890" s="20">
        <v>43842.833333316637</v>
      </c>
      <c r="B6890" s="22">
        <v>1.9922651052474976</v>
      </c>
      <c r="C6890" s="21">
        <v>342159.42124146508</v>
      </c>
      <c r="D6890">
        <f t="shared" si="107"/>
        <v>20</v>
      </c>
    </row>
    <row r="6891" spans="1:4" x14ac:dyDescent="0.25">
      <c r="A6891" s="20">
        <v>43842.874999983302</v>
      </c>
      <c r="B6891" s="22">
        <v>2.0848045349121094</v>
      </c>
      <c r="C6891" s="21">
        <v>358052.50575750659</v>
      </c>
      <c r="D6891">
        <f t="shared" si="107"/>
        <v>21</v>
      </c>
    </row>
    <row r="6892" spans="1:4" x14ac:dyDescent="0.25">
      <c r="A6892" s="20">
        <v>43842.916666649966</v>
      </c>
      <c r="B6892" s="22">
        <v>1.8067662715911865</v>
      </c>
      <c r="C6892" s="21">
        <v>310301.1241716455</v>
      </c>
      <c r="D6892">
        <f t="shared" si="107"/>
        <v>22</v>
      </c>
    </row>
    <row r="6893" spans="1:4" x14ac:dyDescent="0.25">
      <c r="A6893" s="20">
        <v>43842.95833331663</v>
      </c>
      <c r="B6893" s="22">
        <v>1.6373869180679321</v>
      </c>
      <c r="C6893" s="21">
        <v>281211.24982755288</v>
      </c>
      <c r="D6893">
        <f t="shared" si="107"/>
        <v>23</v>
      </c>
    </row>
    <row r="6894" spans="1:4" x14ac:dyDescent="0.25">
      <c r="A6894" s="20">
        <v>43842.999999983294</v>
      </c>
      <c r="B6894" s="22">
        <v>1.7196409702301025</v>
      </c>
      <c r="C6894" s="21">
        <v>295337.88328032178</v>
      </c>
      <c r="D6894">
        <f t="shared" si="107"/>
        <v>0</v>
      </c>
    </row>
    <row r="6895" spans="1:4" x14ac:dyDescent="0.25">
      <c r="A6895" s="20">
        <v>43843.041666649959</v>
      </c>
      <c r="B6895" s="22">
        <v>1.609544038772583</v>
      </c>
      <c r="C6895" s="21">
        <v>276429.40455992264</v>
      </c>
      <c r="D6895">
        <f t="shared" si="107"/>
        <v>1</v>
      </c>
    </row>
    <row r="6896" spans="1:4" x14ac:dyDescent="0.25">
      <c r="A6896" s="20">
        <v>43843.083333316623</v>
      </c>
      <c r="B6896" s="22">
        <v>1.7844823598861694</v>
      </c>
      <c r="C6896" s="21">
        <v>306473.99779579235</v>
      </c>
      <c r="D6896">
        <f t="shared" si="107"/>
        <v>2</v>
      </c>
    </row>
    <row r="6897" spans="1:4" x14ac:dyDescent="0.25">
      <c r="A6897" s="20">
        <v>43843.124999983287</v>
      </c>
      <c r="B6897" s="22">
        <v>1.8508257865905762</v>
      </c>
      <c r="C6897" s="21">
        <v>317868.07804372971</v>
      </c>
      <c r="D6897">
        <f t="shared" si="107"/>
        <v>3</v>
      </c>
    </row>
    <row r="6898" spans="1:4" x14ac:dyDescent="0.25">
      <c r="A6898" s="20">
        <v>43843.166666649951</v>
      </c>
      <c r="B6898" s="22">
        <v>1.8758693933486938</v>
      </c>
      <c r="C6898" s="21">
        <v>322169.1652693135</v>
      </c>
      <c r="D6898">
        <f t="shared" si="107"/>
        <v>4</v>
      </c>
    </row>
    <row r="6899" spans="1:4" x14ac:dyDescent="0.25">
      <c r="A6899" s="20">
        <v>43843.208333316616</v>
      </c>
      <c r="B6899" s="22">
        <v>2.1007864475250244</v>
      </c>
      <c r="C6899" s="21">
        <v>360797.30209789495</v>
      </c>
      <c r="D6899">
        <f t="shared" si="107"/>
        <v>5</v>
      </c>
    </row>
    <row r="6900" spans="1:4" x14ac:dyDescent="0.25">
      <c r="A6900" s="20">
        <v>43843.24999998328</v>
      </c>
      <c r="B6900" s="22">
        <v>2.4281573295593262</v>
      </c>
      <c r="C6900" s="21">
        <v>417021.26106456539</v>
      </c>
      <c r="D6900">
        <f t="shared" si="107"/>
        <v>6</v>
      </c>
    </row>
    <row r="6901" spans="1:4" x14ac:dyDescent="0.25">
      <c r="A6901" s="20">
        <v>43843.291666649944</v>
      </c>
      <c r="B6901" s="22">
        <v>2.2003853321075439</v>
      </c>
      <c r="C6901" s="21">
        <v>377902.80508305953</v>
      </c>
      <c r="D6901">
        <f t="shared" si="107"/>
        <v>7</v>
      </c>
    </row>
    <row r="6902" spans="1:4" x14ac:dyDescent="0.25">
      <c r="A6902" s="20">
        <v>43843.333333316608</v>
      </c>
      <c r="B6902" s="22">
        <v>2.0378458499908447</v>
      </c>
      <c r="C6902" s="21">
        <v>349987.63707481988</v>
      </c>
      <c r="D6902">
        <f t="shared" si="107"/>
        <v>8</v>
      </c>
    </row>
    <row r="6903" spans="1:4" x14ac:dyDescent="0.25">
      <c r="A6903" s="20">
        <v>43843.374999983273</v>
      </c>
      <c r="B6903" s="22">
        <v>2.0059635639190674</v>
      </c>
      <c r="C6903" s="21">
        <v>344512.04824809142</v>
      </c>
      <c r="D6903">
        <f t="shared" si="107"/>
        <v>9</v>
      </c>
    </row>
    <row r="6904" spans="1:4" x14ac:dyDescent="0.25">
      <c r="A6904" s="20">
        <v>43843.416666649937</v>
      </c>
      <c r="B6904" s="22">
        <v>1.8178701400756836</v>
      </c>
      <c r="C6904" s="21">
        <v>312208.1460856417</v>
      </c>
      <c r="D6904">
        <f t="shared" si="107"/>
        <v>10</v>
      </c>
    </row>
    <row r="6905" spans="1:4" x14ac:dyDescent="0.25">
      <c r="A6905" s="20">
        <v>43843.458333316601</v>
      </c>
      <c r="B6905" s="22">
        <v>1.9010636806488037</v>
      </c>
      <c r="C6905" s="21">
        <v>326496.13096202735</v>
      </c>
      <c r="D6905">
        <f t="shared" si="107"/>
        <v>11</v>
      </c>
    </row>
    <row r="6906" spans="1:4" x14ac:dyDescent="0.25">
      <c r="A6906" s="20">
        <v>43843.499999983265</v>
      </c>
      <c r="B6906" s="22">
        <v>1.6185840368270874</v>
      </c>
      <c r="C6906" s="21">
        <v>277981.96927342692</v>
      </c>
      <c r="D6906">
        <f t="shared" si="107"/>
        <v>12</v>
      </c>
    </row>
    <row r="6907" spans="1:4" x14ac:dyDescent="0.25">
      <c r="A6907" s="20">
        <v>43843.54166664993</v>
      </c>
      <c r="B6907" s="22">
        <v>1.3983074426651001</v>
      </c>
      <c r="C6907" s="21">
        <v>240150.80324387201</v>
      </c>
      <c r="D6907">
        <f t="shared" si="107"/>
        <v>13</v>
      </c>
    </row>
    <row r="6908" spans="1:4" x14ac:dyDescent="0.25">
      <c r="A6908" s="20">
        <v>43843.583333316594</v>
      </c>
      <c r="B6908" s="22">
        <v>1.2936619520187378</v>
      </c>
      <c r="C6908" s="21">
        <v>222178.57634456066</v>
      </c>
      <c r="D6908">
        <f t="shared" si="107"/>
        <v>14</v>
      </c>
    </row>
    <row r="6909" spans="1:4" x14ac:dyDescent="0.25">
      <c r="A6909" s="20">
        <v>43843.624999983258</v>
      </c>
      <c r="B6909" s="22">
        <v>1.2907074689865112</v>
      </c>
      <c r="C6909" s="21">
        <v>221671.16184349265</v>
      </c>
      <c r="D6909">
        <f t="shared" si="107"/>
        <v>15</v>
      </c>
    </row>
    <row r="6910" spans="1:4" x14ac:dyDescent="0.25">
      <c r="A6910" s="20">
        <v>43843.666666649922</v>
      </c>
      <c r="B6910" s="22">
        <v>1.5510948896408081</v>
      </c>
      <c r="C6910" s="21">
        <v>266391.11849733564</v>
      </c>
      <c r="D6910">
        <f t="shared" si="107"/>
        <v>16</v>
      </c>
    </row>
    <row r="6911" spans="1:4" x14ac:dyDescent="0.25">
      <c r="A6911" s="20">
        <v>43843.708333316587</v>
      </c>
      <c r="B6911" s="22">
        <v>1.6286379098892212</v>
      </c>
      <c r="C6911" s="21">
        <v>279708.66085634631</v>
      </c>
      <c r="D6911">
        <f t="shared" si="107"/>
        <v>17</v>
      </c>
    </row>
    <row r="6912" spans="1:4" x14ac:dyDescent="0.25">
      <c r="A6912" s="20">
        <v>43843.749999983251</v>
      </c>
      <c r="B6912" s="22">
        <v>1.7398858070373535</v>
      </c>
      <c r="C6912" s="21">
        <v>298814.81093761587</v>
      </c>
      <c r="D6912">
        <f t="shared" si="107"/>
        <v>18</v>
      </c>
    </row>
    <row r="6913" spans="1:4" x14ac:dyDescent="0.25">
      <c r="A6913" s="20">
        <v>43843.791666649915</v>
      </c>
      <c r="B6913" s="22">
        <v>2.0099794864654541</v>
      </c>
      <c r="C6913" s="21">
        <v>345201.75853343593</v>
      </c>
      <c r="D6913">
        <f t="shared" si="107"/>
        <v>19</v>
      </c>
    </row>
    <row r="6914" spans="1:4" x14ac:dyDescent="0.25">
      <c r="A6914" s="20">
        <v>43843.833333316579</v>
      </c>
      <c r="B6914" s="22">
        <v>1.8110840320587158</v>
      </c>
      <c r="C6914" s="21">
        <v>311042.67328513338</v>
      </c>
      <c r="D6914">
        <f t="shared" si="107"/>
        <v>20</v>
      </c>
    </row>
    <row r="6915" spans="1:4" x14ac:dyDescent="0.25">
      <c r="A6915" s="20">
        <v>43843.874999983243</v>
      </c>
      <c r="B6915" s="22">
        <v>1.7109637260437012</v>
      </c>
      <c r="C6915" s="21">
        <v>293847.61933855532</v>
      </c>
      <c r="D6915">
        <f t="shared" si="107"/>
        <v>21</v>
      </c>
    </row>
    <row r="6916" spans="1:4" x14ac:dyDescent="0.25">
      <c r="A6916" s="20">
        <v>43843.916666649908</v>
      </c>
      <c r="B6916" s="22">
        <v>1.6894468069076538</v>
      </c>
      <c r="C6916" s="21">
        <v>290152.21927402687</v>
      </c>
      <c r="D6916">
        <f t="shared" si="107"/>
        <v>22</v>
      </c>
    </row>
    <row r="6917" spans="1:4" x14ac:dyDescent="0.25">
      <c r="A6917" s="20">
        <v>43843.958333316572</v>
      </c>
      <c r="B6917" s="22">
        <v>1.5924210548400879</v>
      </c>
      <c r="C6917" s="21">
        <v>273488.63615674281</v>
      </c>
      <c r="D6917">
        <f t="shared" si="107"/>
        <v>23</v>
      </c>
    </row>
    <row r="6918" spans="1:4" x14ac:dyDescent="0.25">
      <c r="A6918" s="20">
        <v>43843.999999983236</v>
      </c>
      <c r="B6918" s="22">
        <v>1.471880316734314</v>
      </c>
      <c r="C6918" s="21">
        <v>252786.49713033705</v>
      </c>
      <c r="D6918">
        <f t="shared" si="107"/>
        <v>0</v>
      </c>
    </row>
    <row r="6919" spans="1:4" x14ac:dyDescent="0.25">
      <c r="A6919" s="20">
        <v>43844.0416666499</v>
      </c>
      <c r="B6919" s="22">
        <v>1.410768985748291</v>
      </c>
      <c r="C6919" s="21">
        <v>242290.997517159</v>
      </c>
      <c r="D6919">
        <f t="shared" ref="D6919:D6982" si="108">HOUR(A6919)</f>
        <v>1</v>
      </c>
    </row>
    <row r="6920" spans="1:4" x14ac:dyDescent="0.25">
      <c r="A6920" s="20">
        <v>43844.083333316565</v>
      </c>
      <c r="B6920" s="22">
        <v>1.3460973501205444</v>
      </c>
      <c r="C6920" s="21">
        <v>231184.03722415137</v>
      </c>
      <c r="D6920">
        <f t="shared" si="108"/>
        <v>2</v>
      </c>
    </row>
    <row r="6921" spans="1:4" x14ac:dyDescent="0.25">
      <c r="A6921" s="20">
        <v>43844.124999983229</v>
      </c>
      <c r="B6921" s="22">
        <v>1.3491705656051636</v>
      </c>
      <c r="C6921" s="21">
        <v>231711.84330216673</v>
      </c>
      <c r="D6921">
        <f t="shared" si="108"/>
        <v>3</v>
      </c>
    </row>
    <row r="6922" spans="1:4" x14ac:dyDescent="0.25">
      <c r="A6922" s="20">
        <v>43844.166666649893</v>
      </c>
      <c r="B6922" s="22">
        <v>1.3290776014328003</v>
      </c>
      <c r="C6922" s="21">
        <v>228260.99884671098</v>
      </c>
      <c r="D6922">
        <f t="shared" si="108"/>
        <v>4</v>
      </c>
    </row>
    <row r="6923" spans="1:4" x14ac:dyDescent="0.25">
      <c r="A6923" s="20">
        <v>43844.208333316557</v>
      </c>
      <c r="B6923" s="22">
        <v>1.4484941959381104</v>
      </c>
      <c r="C6923" s="21">
        <v>248770.07304318328</v>
      </c>
      <c r="D6923">
        <f t="shared" si="108"/>
        <v>5</v>
      </c>
    </row>
    <row r="6924" spans="1:4" x14ac:dyDescent="0.25">
      <c r="A6924" s="20">
        <v>43844.249999983222</v>
      </c>
      <c r="B6924" s="22">
        <v>1.656974196434021</v>
      </c>
      <c r="C6924" s="21">
        <v>284575.24581974477</v>
      </c>
      <c r="D6924">
        <f t="shared" si="108"/>
        <v>6</v>
      </c>
    </row>
    <row r="6925" spans="1:4" x14ac:dyDescent="0.25">
      <c r="A6925" s="20">
        <v>43844.291666649886</v>
      </c>
      <c r="B6925" s="22">
        <v>1.4608911275863647</v>
      </c>
      <c r="C6925" s="21">
        <v>250899.17069528002</v>
      </c>
      <c r="D6925">
        <f t="shared" si="108"/>
        <v>7</v>
      </c>
    </row>
    <row r="6926" spans="1:4" x14ac:dyDescent="0.25">
      <c r="A6926" s="20">
        <v>43844.33333331655</v>
      </c>
      <c r="B6926" s="22">
        <v>1.3419337272644043</v>
      </c>
      <c r="C6926" s="21">
        <v>230468.9603084476</v>
      </c>
      <c r="D6926">
        <f t="shared" si="108"/>
        <v>8</v>
      </c>
    </row>
    <row r="6927" spans="1:4" x14ac:dyDescent="0.25">
      <c r="A6927" s="20">
        <v>43844.374999983214</v>
      </c>
      <c r="B6927" s="22">
        <v>1.3113455772399902</v>
      </c>
      <c r="C6927" s="21">
        <v>225215.63148105718</v>
      </c>
      <c r="D6927">
        <f t="shared" si="108"/>
        <v>9</v>
      </c>
    </row>
    <row r="6928" spans="1:4" x14ac:dyDescent="0.25">
      <c r="A6928" s="20">
        <v>43844.416666649879</v>
      </c>
      <c r="B6928" s="22">
        <v>1.2903604507446289</v>
      </c>
      <c r="C6928" s="21">
        <v>221611.56356990448</v>
      </c>
      <c r="D6928">
        <f t="shared" si="108"/>
        <v>10</v>
      </c>
    </row>
    <row r="6929" spans="1:4" x14ac:dyDescent="0.25">
      <c r="A6929" s="20">
        <v>43844.458333316543</v>
      </c>
      <c r="B6929" s="22">
        <v>1.2804443836212158</v>
      </c>
      <c r="C6929" s="21">
        <v>219908.53931926537</v>
      </c>
      <c r="D6929">
        <f t="shared" si="108"/>
        <v>11</v>
      </c>
    </row>
    <row r="6930" spans="1:4" x14ac:dyDescent="0.25">
      <c r="A6930" s="20">
        <v>43844.499999983207</v>
      </c>
      <c r="B6930" s="22">
        <v>1.2133874893188477</v>
      </c>
      <c r="C6930" s="21">
        <v>208391.92534840631</v>
      </c>
      <c r="D6930">
        <f t="shared" si="108"/>
        <v>12</v>
      </c>
    </row>
    <row r="6931" spans="1:4" x14ac:dyDescent="0.25">
      <c r="A6931" s="20">
        <v>43844.541666649871</v>
      </c>
      <c r="B6931" s="22">
        <v>1.1588102579116821</v>
      </c>
      <c r="C6931" s="21">
        <v>199018.61761840046</v>
      </c>
      <c r="D6931">
        <f t="shared" si="108"/>
        <v>13</v>
      </c>
    </row>
    <row r="6932" spans="1:4" x14ac:dyDescent="0.25">
      <c r="A6932" s="20">
        <v>43844.583333316536</v>
      </c>
      <c r="B6932" s="22">
        <v>1.2876373529434204</v>
      </c>
      <c r="C6932" s="21">
        <v>221143.88807571886</v>
      </c>
      <c r="D6932">
        <f t="shared" si="108"/>
        <v>14</v>
      </c>
    </row>
    <row r="6933" spans="1:4" x14ac:dyDescent="0.25">
      <c r="A6933" s="20">
        <v>43844.6249999832</v>
      </c>
      <c r="B6933" s="22">
        <v>1.1127419471740723</v>
      </c>
      <c r="C6933" s="21">
        <v>191106.66528934817</v>
      </c>
      <c r="D6933">
        <f t="shared" si="108"/>
        <v>15</v>
      </c>
    </row>
    <row r="6934" spans="1:4" x14ac:dyDescent="0.25">
      <c r="A6934" s="20">
        <v>43844.666666649864</v>
      </c>
      <c r="B6934" s="22">
        <v>1.3921207189559937</v>
      </c>
      <c r="C6934" s="21">
        <v>239088.27105470048</v>
      </c>
      <c r="D6934">
        <f t="shared" si="108"/>
        <v>16</v>
      </c>
    </row>
    <row r="6935" spans="1:4" x14ac:dyDescent="0.25">
      <c r="A6935" s="20">
        <v>43844.708333316528</v>
      </c>
      <c r="B6935" s="22">
        <v>1.4100134372711182</v>
      </c>
      <c r="C6935" s="21">
        <v>242161.23665903407</v>
      </c>
      <c r="D6935">
        <f t="shared" si="108"/>
        <v>17</v>
      </c>
    </row>
    <row r="6936" spans="1:4" x14ac:dyDescent="0.25">
      <c r="A6936" s="20">
        <v>43844.749999983193</v>
      </c>
      <c r="B6936" s="22">
        <v>1.4405018091201782</v>
      </c>
      <c r="C6936" s="21">
        <v>247397.42919133915</v>
      </c>
      <c r="D6936">
        <f t="shared" si="108"/>
        <v>18</v>
      </c>
    </row>
    <row r="6937" spans="1:4" x14ac:dyDescent="0.25">
      <c r="A6937" s="20">
        <v>43844.791666649857</v>
      </c>
      <c r="B6937" s="22">
        <v>1.5038424730300903</v>
      </c>
      <c r="C6937" s="21">
        <v>258275.80318252207</v>
      </c>
      <c r="D6937">
        <f t="shared" si="108"/>
        <v>19</v>
      </c>
    </row>
    <row r="6938" spans="1:4" x14ac:dyDescent="0.25">
      <c r="A6938" s="20">
        <v>43844.833333316521</v>
      </c>
      <c r="B6938" s="22">
        <v>1.5789122581481934</v>
      </c>
      <c r="C6938" s="21">
        <v>271168.58244220814</v>
      </c>
      <c r="D6938">
        <f t="shared" si="108"/>
        <v>20</v>
      </c>
    </row>
    <row r="6939" spans="1:4" x14ac:dyDescent="0.25">
      <c r="A6939" s="20">
        <v>43844.874999983185</v>
      </c>
      <c r="B6939" s="22">
        <v>1.6331188678741455</v>
      </c>
      <c r="C6939" s="21">
        <v>280478.2381514014</v>
      </c>
      <c r="D6939">
        <f t="shared" si="108"/>
        <v>21</v>
      </c>
    </row>
    <row r="6940" spans="1:4" x14ac:dyDescent="0.25">
      <c r="A6940" s="20">
        <v>43844.91666664985</v>
      </c>
      <c r="B6940" s="22">
        <v>1.4204933643341064</v>
      </c>
      <c r="C6940" s="21">
        <v>243961.10042670235</v>
      </c>
      <c r="D6940">
        <f t="shared" si="108"/>
        <v>22</v>
      </c>
    </row>
    <row r="6941" spans="1:4" x14ac:dyDescent="0.25">
      <c r="A6941" s="20">
        <v>43844.958333316514</v>
      </c>
      <c r="B6941" s="22">
        <v>1.3009380102157593</v>
      </c>
      <c r="C6941" s="21">
        <v>223428.19511018312</v>
      </c>
      <c r="D6941">
        <f t="shared" si="108"/>
        <v>23</v>
      </c>
    </row>
    <row r="6942" spans="1:4" x14ac:dyDescent="0.25">
      <c r="A6942" s="20">
        <v>43844.999999983178</v>
      </c>
      <c r="B6942" s="22">
        <v>1.2503317594528198</v>
      </c>
      <c r="C6942" s="21">
        <v>214736.87916701866</v>
      </c>
      <c r="D6942">
        <f t="shared" si="108"/>
        <v>0</v>
      </c>
    </row>
    <row r="6943" spans="1:4" x14ac:dyDescent="0.25">
      <c r="A6943" s="20">
        <v>43845.041666649842</v>
      </c>
      <c r="B6943" s="22">
        <v>1.1688363552093506</v>
      </c>
      <c r="C6943" s="21">
        <v>200740.53888261627</v>
      </c>
      <c r="D6943">
        <f t="shared" si="108"/>
        <v>1</v>
      </c>
    </row>
    <row r="6944" spans="1:4" x14ac:dyDescent="0.25">
      <c r="A6944" s="20">
        <v>43845.083333316506</v>
      </c>
      <c r="B6944" s="22">
        <v>1.2147030830383301</v>
      </c>
      <c r="C6944" s="21">
        <v>208617.87057249388</v>
      </c>
      <c r="D6944">
        <f t="shared" si="108"/>
        <v>2</v>
      </c>
    </row>
    <row r="6945" spans="1:4" x14ac:dyDescent="0.25">
      <c r="A6945" s="20">
        <v>43845.124999983171</v>
      </c>
      <c r="B6945" s="22">
        <v>1.1840758323669434</v>
      </c>
      <c r="C6945" s="21">
        <v>203357.82644667101</v>
      </c>
      <c r="D6945">
        <f t="shared" si="108"/>
        <v>3</v>
      </c>
    </row>
    <row r="6946" spans="1:4" x14ac:dyDescent="0.25">
      <c r="A6946" s="20">
        <v>43845.166666649835</v>
      </c>
      <c r="B6946" s="22">
        <v>1.2479705810546875</v>
      </c>
      <c r="C6946" s="21">
        <v>214331.36113027504</v>
      </c>
      <c r="D6946">
        <f t="shared" si="108"/>
        <v>4</v>
      </c>
    </row>
    <row r="6947" spans="1:4" x14ac:dyDescent="0.25">
      <c r="A6947" s="20">
        <v>43845.208333316499</v>
      </c>
      <c r="B6947" s="22">
        <v>1.5149593353271484</v>
      </c>
      <c r="C6947" s="21">
        <v>260185.05670483876</v>
      </c>
      <c r="D6947">
        <f t="shared" si="108"/>
        <v>5</v>
      </c>
    </row>
    <row r="6948" spans="1:4" x14ac:dyDescent="0.25">
      <c r="A6948" s="20">
        <v>43845.249999983163</v>
      </c>
      <c r="B6948" s="22">
        <v>1.8981873989105225</v>
      </c>
      <c r="C6948" s="21">
        <v>326002.14705782424</v>
      </c>
      <c r="D6948">
        <f t="shared" si="108"/>
        <v>6</v>
      </c>
    </row>
    <row r="6949" spans="1:4" x14ac:dyDescent="0.25">
      <c r="A6949" s="20">
        <v>43845.291666649828</v>
      </c>
      <c r="B6949" s="22">
        <v>1.5586150884628296</v>
      </c>
      <c r="C6949" s="21">
        <v>267682.66693121946</v>
      </c>
      <c r="D6949">
        <f t="shared" si="108"/>
        <v>7</v>
      </c>
    </row>
    <row r="6950" spans="1:4" x14ac:dyDescent="0.25">
      <c r="A6950" s="20">
        <v>43845.333333316492</v>
      </c>
      <c r="B6950" s="22">
        <v>1.396122932434082</v>
      </c>
      <c r="C6950" s="21">
        <v>239775.6268908995</v>
      </c>
      <c r="D6950">
        <f t="shared" si="108"/>
        <v>8</v>
      </c>
    </row>
    <row r="6951" spans="1:4" x14ac:dyDescent="0.25">
      <c r="A6951" s="20">
        <v>43845.374999983156</v>
      </c>
      <c r="B6951" s="22">
        <v>1.4243838787078857</v>
      </c>
      <c r="C6951" s="21">
        <v>244629.27262073301</v>
      </c>
      <c r="D6951">
        <f t="shared" si="108"/>
        <v>9</v>
      </c>
    </row>
    <row r="6952" spans="1:4" x14ac:dyDescent="0.25">
      <c r="A6952" s="20">
        <v>43845.41666664982</v>
      </c>
      <c r="B6952" s="22">
        <v>1.4161167144775391</v>
      </c>
      <c r="C6952" s="21">
        <v>243209.43741862412</v>
      </c>
      <c r="D6952">
        <f t="shared" si="108"/>
        <v>10</v>
      </c>
    </row>
    <row r="6953" spans="1:4" x14ac:dyDescent="0.25">
      <c r="A6953" s="20">
        <v>43845.458333316485</v>
      </c>
      <c r="B6953" s="22">
        <v>1.2730944156646729</v>
      </c>
      <c r="C6953" s="21">
        <v>218646.22700172788</v>
      </c>
      <c r="D6953">
        <f t="shared" si="108"/>
        <v>11</v>
      </c>
    </row>
    <row r="6954" spans="1:4" x14ac:dyDescent="0.25">
      <c r="A6954" s="20">
        <v>43845.499999983149</v>
      </c>
      <c r="B6954" s="22">
        <v>1.179038405418396</v>
      </c>
      <c r="C6954" s="21">
        <v>202492.67898977821</v>
      </c>
      <c r="D6954">
        <f t="shared" si="108"/>
        <v>12</v>
      </c>
    </row>
    <row r="6955" spans="1:4" x14ac:dyDescent="0.25">
      <c r="A6955" s="20">
        <v>43845.541666649813</v>
      </c>
      <c r="B6955" s="22">
        <v>1.0951055288314819</v>
      </c>
      <c r="C6955" s="21">
        <v>188077.7176473006</v>
      </c>
      <c r="D6955">
        <f t="shared" si="108"/>
        <v>13</v>
      </c>
    </row>
    <row r="6956" spans="1:4" x14ac:dyDescent="0.25">
      <c r="A6956" s="20">
        <v>43845.583333316477</v>
      </c>
      <c r="B6956" s="22">
        <v>1.0874751806259155</v>
      </c>
      <c r="C6956" s="21">
        <v>186767.25172636929</v>
      </c>
      <c r="D6956">
        <f t="shared" si="108"/>
        <v>14</v>
      </c>
    </row>
    <row r="6957" spans="1:4" x14ac:dyDescent="0.25">
      <c r="A6957" s="20">
        <v>43845.624999983142</v>
      </c>
      <c r="B6957" s="22">
        <v>1.1692484617233276</v>
      </c>
      <c r="C6957" s="21">
        <v>200811.31567127799</v>
      </c>
      <c r="D6957">
        <f t="shared" si="108"/>
        <v>15</v>
      </c>
    </row>
    <row r="6958" spans="1:4" x14ac:dyDescent="0.25">
      <c r="A6958" s="20">
        <v>43845.666666649806</v>
      </c>
      <c r="B6958" s="22">
        <v>1.155353307723999</v>
      </c>
      <c r="C6958" s="21">
        <v>198424.90743778105</v>
      </c>
      <c r="D6958">
        <f t="shared" si="108"/>
        <v>16</v>
      </c>
    </row>
    <row r="6959" spans="1:4" x14ac:dyDescent="0.25">
      <c r="A6959" s="20">
        <v>43845.70833331647</v>
      </c>
      <c r="B6959" s="22">
        <v>1.178020715713501</v>
      </c>
      <c r="C6959" s="21">
        <v>202317.89696929656</v>
      </c>
      <c r="D6959">
        <f t="shared" si="108"/>
        <v>17</v>
      </c>
    </row>
    <row r="6960" spans="1:4" x14ac:dyDescent="0.25">
      <c r="A6960" s="20">
        <v>43845.749999983134</v>
      </c>
      <c r="B6960" s="22">
        <v>1.3246337175369263</v>
      </c>
      <c r="C6960" s="21">
        <v>227497.78880108424</v>
      </c>
      <c r="D6960">
        <f t="shared" si="108"/>
        <v>18</v>
      </c>
    </row>
    <row r="6961" spans="1:4" x14ac:dyDescent="0.25">
      <c r="A6961" s="20">
        <v>43845.791666649799</v>
      </c>
      <c r="B6961" s="22">
        <v>1.5575699806213379</v>
      </c>
      <c r="C6961" s="21">
        <v>267503.1760124467</v>
      </c>
      <c r="D6961">
        <f t="shared" si="108"/>
        <v>19</v>
      </c>
    </row>
    <row r="6962" spans="1:4" x14ac:dyDescent="0.25">
      <c r="A6962" s="20">
        <v>43845.833333316463</v>
      </c>
      <c r="B6962" s="22">
        <v>1.4321243762969971</v>
      </c>
      <c r="C6962" s="21">
        <v>245958.65602871188</v>
      </c>
      <c r="D6962">
        <f t="shared" si="108"/>
        <v>20</v>
      </c>
    </row>
    <row r="6963" spans="1:4" x14ac:dyDescent="0.25">
      <c r="A6963" s="20">
        <v>43845.874999983127</v>
      </c>
      <c r="B6963" s="22">
        <v>1.3974382877349854</v>
      </c>
      <c r="C6963" s="21">
        <v>240001.53116804542</v>
      </c>
      <c r="D6963">
        <f t="shared" si="108"/>
        <v>21</v>
      </c>
    </row>
    <row r="6964" spans="1:4" x14ac:dyDescent="0.25">
      <c r="A6964" s="20">
        <v>43845.916666649791</v>
      </c>
      <c r="B6964" s="22">
        <v>1.1759407520294189</v>
      </c>
      <c r="C6964" s="21">
        <v>201960.67585024255</v>
      </c>
      <c r="D6964">
        <f t="shared" si="108"/>
        <v>22</v>
      </c>
    </row>
    <row r="6965" spans="1:4" x14ac:dyDescent="0.25">
      <c r="A6965" s="20">
        <v>43845.958333316456</v>
      </c>
      <c r="B6965" s="22">
        <v>1.1415551900863647</v>
      </c>
      <c r="C6965" s="21">
        <v>196055.16460954028</v>
      </c>
      <c r="D6965">
        <f t="shared" si="108"/>
        <v>23</v>
      </c>
    </row>
    <row r="6966" spans="1:4" x14ac:dyDescent="0.25">
      <c r="A6966" s="20">
        <v>43845.99999998312</v>
      </c>
      <c r="B6966" s="22">
        <v>1.0693296194076538</v>
      </c>
      <c r="C6966" s="21">
        <v>183650.86189040382</v>
      </c>
      <c r="D6966">
        <f t="shared" si="108"/>
        <v>0</v>
      </c>
    </row>
    <row r="6967" spans="1:4" x14ac:dyDescent="0.25">
      <c r="A6967" s="20">
        <v>43846.041666649784</v>
      </c>
      <c r="B6967" s="22">
        <v>0.96254909038543701</v>
      </c>
      <c r="C6967" s="21">
        <v>165311.95512851464</v>
      </c>
      <c r="D6967">
        <f t="shared" si="108"/>
        <v>1</v>
      </c>
    </row>
    <row r="6968" spans="1:4" x14ac:dyDescent="0.25">
      <c r="A6968" s="20">
        <v>43846.083333316448</v>
      </c>
      <c r="B6968" s="22">
        <v>0.95058751106262207</v>
      </c>
      <c r="C6968" s="21">
        <v>163257.6265918916</v>
      </c>
      <c r="D6968">
        <f t="shared" si="108"/>
        <v>2</v>
      </c>
    </row>
    <row r="6969" spans="1:4" x14ac:dyDescent="0.25">
      <c r="A6969" s="20">
        <v>43846.124999983113</v>
      </c>
      <c r="B6969" s="22">
        <v>1.0622715950012207</v>
      </c>
      <c r="C6969" s="21">
        <v>182438.68910293069</v>
      </c>
      <c r="D6969">
        <f t="shared" si="108"/>
        <v>3</v>
      </c>
    </row>
    <row r="6970" spans="1:4" x14ac:dyDescent="0.25">
      <c r="A6970" s="20">
        <v>43846.166666649777</v>
      </c>
      <c r="B6970" s="22">
        <v>1.1808732748031616</v>
      </c>
      <c r="C6970" s="21">
        <v>202807.80665280431</v>
      </c>
      <c r="D6970">
        <f t="shared" si="108"/>
        <v>4</v>
      </c>
    </row>
    <row r="6971" spans="1:4" x14ac:dyDescent="0.25">
      <c r="A6971" s="20">
        <v>43846.208333316441</v>
      </c>
      <c r="B6971" s="22">
        <v>1.3725792169570923</v>
      </c>
      <c r="C6971" s="21">
        <v>235732.13687530751</v>
      </c>
      <c r="D6971">
        <f t="shared" si="108"/>
        <v>5</v>
      </c>
    </row>
    <row r="6972" spans="1:4" x14ac:dyDescent="0.25">
      <c r="A6972" s="20">
        <v>43846.249999983105</v>
      </c>
      <c r="B6972" s="22">
        <v>1.7313410043716431</v>
      </c>
      <c r="C6972" s="21">
        <v>297347.29302194226</v>
      </c>
      <c r="D6972">
        <f t="shared" si="108"/>
        <v>6</v>
      </c>
    </row>
    <row r="6973" spans="1:4" x14ac:dyDescent="0.25">
      <c r="A6973" s="20">
        <v>43846.291666649769</v>
      </c>
      <c r="B6973" s="22">
        <v>1.5284640789031982</v>
      </c>
      <c r="C6973" s="21">
        <v>262504.41432136518</v>
      </c>
      <c r="D6973">
        <f t="shared" si="108"/>
        <v>7</v>
      </c>
    </row>
    <row r="6974" spans="1:4" x14ac:dyDescent="0.25">
      <c r="A6974" s="20">
        <v>43846.333333316434</v>
      </c>
      <c r="B6974" s="22">
        <v>1.5018578767776489</v>
      </c>
      <c r="C6974" s="21">
        <v>257934.96084013261</v>
      </c>
      <c r="D6974">
        <f t="shared" si="108"/>
        <v>8</v>
      </c>
    </row>
    <row r="6975" spans="1:4" x14ac:dyDescent="0.25">
      <c r="A6975" s="20">
        <v>43846.374999983098</v>
      </c>
      <c r="B6975" s="22">
        <v>1.4292633533477783</v>
      </c>
      <c r="C6975" s="21">
        <v>245467.29272877512</v>
      </c>
      <c r="D6975">
        <f t="shared" si="108"/>
        <v>9</v>
      </c>
    </row>
    <row r="6976" spans="1:4" x14ac:dyDescent="0.25">
      <c r="A6976" s="20">
        <v>43846.416666649762</v>
      </c>
      <c r="B6976" s="22">
        <v>1.4109314680099487</v>
      </c>
      <c r="C6976" s="21">
        <v>242318.90285790124</v>
      </c>
      <c r="D6976">
        <f t="shared" si="108"/>
        <v>10</v>
      </c>
    </row>
    <row r="6977" spans="1:4" x14ac:dyDescent="0.25">
      <c r="A6977" s="20">
        <v>43846.458333316426</v>
      </c>
      <c r="B6977" s="22">
        <v>1.3810795545578003</v>
      </c>
      <c r="C6977" s="21">
        <v>237192.01818636127</v>
      </c>
      <c r="D6977">
        <f t="shared" si="108"/>
        <v>11</v>
      </c>
    </row>
    <row r="6978" spans="1:4" x14ac:dyDescent="0.25">
      <c r="A6978" s="20">
        <v>43846.499999983091</v>
      </c>
      <c r="B6978" s="22">
        <v>1.4258959293365479</v>
      </c>
      <c r="C6978" s="21">
        <v>244888.95812474957</v>
      </c>
      <c r="D6978">
        <f t="shared" si="108"/>
        <v>12</v>
      </c>
    </row>
    <row r="6979" spans="1:4" x14ac:dyDescent="0.25">
      <c r="A6979" s="20">
        <v>43846.541666649755</v>
      </c>
      <c r="B6979" s="22">
        <v>1.3823164701461792</v>
      </c>
      <c r="C6979" s="21">
        <v>237404.45091970058</v>
      </c>
      <c r="D6979">
        <f t="shared" si="108"/>
        <v>13</v>
      </c>
    </row>
    <row r="6980" spans="1:4" x14ac:dyDescent="0.25">
      <c r="A6980" s="20">
        <v>43846.583333316419</v>
      </c>
      <c r="B6980" s="22">
        <v>1.2707600593566895</v>
      </c>
      <c r="C6980" s="21">
        <v>218245.31549592118</v>
      </c>
      <c r="D6980">
        <f t="shared" si="108"/>
        <v>14</v>
      </c>
    </row>
    <row r="6981" spans="1:4" x14ac:dyDescent="0.25">
      <c r="A6981" s="20">
        <v>43846.624999983083</v>
      </c>
      <c r="B6981" s="22">
        <v>1.5134493112564087</v>
      </c>
      <c r="C6981" s="21">
        <v>259925.71924982636</v>
      </c>
      <c r="D6981">
        <f t="shared" si="108"/>
        <v>15</v>
      </c>
    </row>
    <row r="6982" spans="1:4" x14ac:dyDescent="0.25">
      <c r="A6982" s="20">
        <v>43846.666666649748</v>
      </c>
      <c r="B6982" s="22">
        <v>1.5890430212020874</v>
      </c>
      <c r="C6982" s="21">
        <v>272908.47941381333</v>
      </c>
      <c r="D6982">
        <f t="shared" si="108"/>
        <v>16</v>
      </c>
    </row>
    <row r="6983" spans="1:4" x14ac:dyDescent="0.25">
      <c r="A6983" s="20">
        <v>43846.708333316412</v>
      </c>
      <c r="B6983" s="22">
        <v>1.6921845674514771</v>
      </c>
      <c r="C6983" s="21">
        <v>290622.41300512466</v>
      </c>
      <c r="D6983">
        <f t="shared" ref="D6983:D7046" si="109">HOUR(A6983)</f>
        <v>17</v>
      </c>
    </row>
    <row r="6984" spans="1:4" x14ac:dyDescent="0.25">
      <c r="A6984" s="20">
        <v>43846.749999983076</v>
      </c>
      <c r="B6984" s="22">
        <v>2.0764214992523193</v>
      </c>
      <c r="C6984" s="21">
        <v>356612.77034175029</v>
      </c>
      <c r="D6984">
        <f t="shared" si="109"/>
        <v>18</v>
      </c>
    </row>
    <row r="6985" spans="1:4" x14ac:dyDescent="0.25">
      <c r="A6985" s="20">
        <v>43846.79166664974</v>
      </c>
      <c r="B6985" s="22">
        <v>2.2351620197296143</v>
      </c>
      <c r="C6985" s="21">
        <v>383875.48978155735</v>
      </c>
      <c r="D6985">
        <f t="shared" si="109"/>
        <v>19</v>
      </c>
    </row>
    <row r="6986" spans="1:4" x14ac:dyDescent="0.25">
      <c r="A6986" s="20">
        <v>43846.833333316405</v>
      </c>
      <c r="B6986" s="22">
        <v>2.38081955909729</v>
      </c>
      <c r="C6986" s="21">
        <v>408891.28674463695</v>
      </c>
      <c r="D6986">
        <f t="shared" si="109"/>
        <v>20</v>
      </c>
    </row>
    <row r="6987" spans="1:4" x14ac:dyDescent="0.25">
      <c r="A6987" s="20">
        <v>43846.874999983069</v>
      </c>
      <c r="B6987" s="22">
        <v>2.3832180500030518</v>
      </c>
      <c r="C6987" s="21">
        <v>409303.21297775058</v>
      </c>
      <c r="D6987">
        <f t="shared" si="109"/>
        <v>21</v>
      </c>
    </row>
    <row r="6988" spans="1:4" x14ac:dyDescent="0.25">
      <c r="A6988" s="20">
        <v>43846.916666649733</v>
      </c>
      <c r="B6988" s="22">
        <v>2.3517241477966309</v>
      </c>
      <c r="C6988" s="21">
        <v>403894.32671898854</v>
      </c>
      <c r="D6988">
        <f t="shared" si="109"/>
        <v>22</v>
      </c>
    </row>
    <row r="6989" spans="1:4" x14ac:dyDescent="0.25">
      <c r="A6989" s="20">
        <v>43846.958333316397</v>
      </c>
      <c r="B6989" s="22">
        <v>2.2538871765136719</v>
      </c>
      <c r="C6989" s="21">
        <v>387091.42163270165</v>
      </c>
      <c r="D6989">
        <f t="shared" si="109"/>
        <v>23</v>
      </c>
    </row>
    <row r="6990" spans="1:4" x14ac:dyDescent="0.25">
      <c r="A6990" s="20">
        <v>43846.999999983062</v>
      </c>
      <c r="B6990" s="22">
        <v>2.2311336994171143</v>
      </c>
      <c r="C6990" s="21">
        <v>383183.65025524638</v>
      </c>
      <c r="D6990">
        <f t="shared" si="109"/>
        <v>0</v>
      </c>
    </row>
    <row r="6991" spans="1:4" x14ac:dyDescent="0.25">
      <c r="A6991" s="20">
        <v>43847.041666649726</v>
      </c>
      <c r="B6991" s="22">
        <v>2.2578999996185303</v>
      </c>
      <c r="C6991" s="21">
        <v>387780.59960780462</v>
      </c>
      <c r="D6991">
        <f t="shared" si="109"/>
        <v>1</v>
      </c>
    </row>
    <row r="6992" spans="1:4" x14ac:dyDescent="0.25">
      <c r="A6992" s="20">
        <v>43847.08333331639</v>
      </c>
      <c r="B6992" s="22">
        <v>2.244157075881958</v>
      </c>
      <c r="C6992" s="21">
        <v>385420.33599655848</v>
      </c>
      <c r="D6992">
        <f t="shared" si="109"/>
        <v>2</v>
      </c>
    </row>
    <row r="6993" spans="1:4" x14ac:dyDescent="0.25">
      <c r="A6993" s="20">
        <v>43847.124999983054</v>
      </c>
      <c r="B6993" s="22">
        <v>2.3575963973999023</v>
      </c>
      <c r="C6993" s="21">
        <v>404902.8498921087</v>
      </c>
      <c r="D6993">
        <f t="shared" si="109"/>
        <v>3</v>
      </c>
    </row>
    <row r="6994" spans="1:4" x14ac:dyDescent="0.25">
      <c r="A6994" s="20">
        <v>43847.166666649719</v>
      </c>
      <c r="B6994" s="22">
        <v>2.31915283203125</v>
      </c>
      <c r="C6994" s="21">
        <v>398300.4012308587</v>
      </c>
      <c r="D6994">
        <f t="shared" si="109"/>
        <v>4</v>
      </c>
    </row>
    <row r="6995" spans="1:4" x14ac:dyDescent="0.25">
      <c r="A6995" s="20">
        <v>43847.208333316383</v>
      </c>
      <c r="B6995" s="22">
        <v>2.6401472091674805</v>
      </c>
      <c r="C6995" s="21">
        <v>453429.23424279509</v>
      </c>
      <c r="D6995">
        <f t="shared" si="109"/>
        <v>5</v>
      </c>
    </row>
    <row r="6996" spans="1:4" x14ac:dyDescent="0.25">
      <c r="A6996" s="20">
        <v>43847.249999983047</v>
      </c>
      <c r="B6996" s="22">
        <v>2.7537789344787598</v>
      </c>
      <c r="C6996" s="21">
        <v>472944.79232026613</v>
      </c>
      <c r="D6996">
        <f t="shared" si="109"/>
        <v>6</v>
      </c>
    </row>
    <row r="6997" spans="1:4" x14ac:dyDescent="0.25">
      <c r="A6997" s="20">
        <v>43847.291666649711</v>
      </c>
      <c r="B6997" s="22">
        <v>2.6849203109741211</v>
      </c>
      <c r="C6997" s="21">
        <v>461118.7423112719</v>
      </c>
      <c r="D6997">
        <f t="shared" si="109"/>
        <v>7</v>
      </c>
    </row>
    <row r="6998" spans="1:4" x14ac:dyDescent="0.25">
      <c r="A6998" s="20">
        <v>43847.333333316376</v>
      </c>
      <c r="B6998" s="22">
        <v>2.7922694683074951</v>
      </c>
      <c r="C6998" s="21">
        <v>479555.30752902344</v>
      </c>
      <c r="D6998">
        <f t="shared" si="109"/>
        <v>8</v>
      </c>
    </row>
    <row r="6999" spans="1:4" x14ac:dyDescent="0.25">
      <c r="A6999" s="20">
        <v>43847.37499998304</v>
      </c>
      <c r="B6999" s="22">
        <v>2.6487624645233154</v>
      </c>
      <c r="C6999" s="21">
        <v>454908.8519797296</v>
      </c>
      <c r="D6999">
        <f t="shared" si="109"/>
        <v>9</v>
      </c>
    </row>
    <row r="7000" spans="1:4" x14ac:dyDescent="0.25">
      <c r="A7000" s="20">
        <v>43847.416666649704</v>
      </c>
      <c r="B7000" s="22">
        <v>2.6345312595367432</v>
      </c>
      <c r="C7000" s="21">
        <v>452464.72903196095</v>
      </c>
      <c r="D7000">
        <f t="shared" si="109"/>
        <v>10</v>
      </c>
    </row>
    <row r="7001" spans="1:4" x14ac:dyDescent="0.25">
      <c r="A7001" s="20">
        <v>43847.458333316368</v>
      </c>
      <c r="B7001" s="22">
        <v>2.3655846118927002</v>
      </c>
      <c r="C7001" s="21">
        <v>406274.77717247378</v>
      </c>
      <c r="D7001">
        <f t="shared" si="109"/>
        <v>11</v>
      </c>
    </row>
    <row r="7002" spans="1:4" x14ac:dyDescent="0.25">
      <c r="A7002" s="20">
        <v>43847.499999983032</v>
      </c>
      <c r="B7002" s="22">
        <v>2.1374218463897705</v>
      </c>
      <c r="C7002" s="21">
        <v>367089.20915358496</v>
      </c>
      <c r="D7002">
        <f t="shared" si="109"/>
        <v>12</v>
      </c>
    </row>
    <row r="7003" spans="1:4" x14ac:dyDescent="0.25">
      <c r="A7003" s="20">
        <v>43847.541666649697</v>
      </c>
      <c r="B7003" s="22">
        <v>2.2102315425872803</v>
      </c>
      <c r="C7003" s="21">
        <v>379593.83187979186</v>
      </c>
      <c r="D7003">
        <f t="shared" si="109"/>
        <v>13</v>
      </c>
    </row>
    <row r="7004" spans="1:4" x14ac:dyDescent="0.25">
      <c r="A7004" s="20">
        <v>43847.583333316361</v>
      </c>
      <c r="B7004" s="22">
        <v>2.2136142253875732</v>
      </c>
      <c r="C7004" s="21">
        <v>380174.78708808374</v>
      </c>
      <c r="D7004">
        <f t="shared" si="109"/>
        <v>14</v>
      </c>
    </row>
    <row r="7005" spans="1:4" x14ac:dyDescent="0.25">
      <c r="A7005" s="20">
        <v>43847.624999983025</v>
      </c>
      <c r="B7005" s="22">
        <v>2.1518816947937012</v>
      </c>
      <c r="C7005" s="21">
        <v>369572.60021840694</v>
      </c>
      <c r="D7005">
        <f t="shared" si="109"/>
        <v>15</v>
      </c>
    </row>
    <row r="7006" spans="1:4" x14ac:dyDescent="0.25">
      <c r="A7006" s="20">
        <v>43847.666666649689</v>
      </c>
      <c r="B7006" s="22">
        <v>2.3681707382202148</v>
      </c>
      <c r="C7006" s="21">
        <v>406718.92864867498</v>
      </c>
      <c r="D7006">
        <f t="shared" si="109"/>
        <v>16</v>
      </c>
    </row>
    <row r="7007" spans="1:4" x14ac:dyDescent="0.25">
      <c r="A7007" s="20">
        <v>43847.708333316354</v>
      </c>
      <c r="B7007" s="22">
        <v>2.3045156002044678</v>
      </c>
      <c r="C7007" s="21">
        <v>395786.54564144067</v>
      </c>
      <c r="D7007">
        <f t="shared" si="109"/>
        <v>17</v>
      </c>
    </row>
    <row r="7008" spans="1:4" x14ac:dyDescent="0.25">
      <c r="A7008" s="20">
        <v>43847.749999983018</v>
      </c>
      <c r="B7008" s="22">
        <v>2.2262253761291504</v>
      </c>
      <c r="C7008" s="21">
        <v>382340.67556726327</v>
      </c>
      <c r="D7008">
        <f t="shared" si="109"/>
        <v>18</v>
      </c>
    </row>
    <row r="7009" spans="1:4" x14ac:dyDescent="0.25">
      <c r="A7009" s="20">
        <v>43847.791666649682</v>
      </c>
      <c r="B7009" s="22">
        <v>2.1922569274902344</v>
      </c>
      <c r="C7009" s="21">
        <v>376506.8010009976</v>
      </c>
      <c r="D7009">
        <f t="shared" si="109"/>
        <v>19</v>
      </c>
    </row>
    <row r="7010" spans="1:4" x14ac:dyDescent="0.25">
      <c r="A7010" s="20">
        <v>43847.833333316346</v>
      </c>
      <c r="B7010" s="22">
        <v>2.2380099296569824</v>
      </c>
      <c r="C7010" s="21">
        <v>384364.6009997027</v>
      </c>
      <c r="D7010">
        <f t="shared" si="109"/>
        <v>20</v>
      </c>
    </row>
    <row r="7011" spans="1:4" x14ac:dyDescent="0.25">
      <c r="A7011" s="20">
        <v>43847.874999983011</v>
      </c>
      <c r="B7011" s="22">
        <v>2.0961294174194336</v>
      </c>
      <c r="C7011" s="21">
        <v>359997.4854864229</v>
      </c>
      <c r="D7011">
        <f t="shared" si="109"/>
        <v>21</v>
      </c>
    </row>
    <row r="7012" spans="1:4" x14ac:dyDescent="0.25">
      <c r="A7012" s="20">
        <v>43847.916666649675</v>
      </c>
      <c r="B7012" s="22">
        <v>2.116314172744751</v>
      </c>
      <c r="C7012" s="21">
        <v>363464.09451441828</v>
      </c>
      <c r="D7012">
        <f t="shared" si="109"/>
        <v>22</v>
      </c>
    </row>
    <row r="7013" spans="1:4" x14ac:dyDescent="0.25">
      <c r="A7013" s="20">
        <v>43847.958333316339</v>
      </c>
      <c r="B7013" s="22">
        <v>2.0748209953308105</v>
      </c>
      <c r="C7013" s="21">
        <v>356337.89352237736</v>
      </c>
      <c r="D7013">
        <f t="shared" si="109"/>
        <v>23</v>
      </c>
    </row>
    <row r="7014" spans="1:4" x14ac:dyDescent="0.25">
      <c r="A7014" s="20">
        <v>43847.999999983003</v>
      </c>
      <c r="B7014" s="22">
        <v>1.9008225202560425</v>
      </c>
      <c r="C7014" s="21">
        <v>326454.71313053684</v>
      </c>
      <c r="D7014">
        <f t="shared" si="109"/>
        <v>0</v>
      </c>
    </row>
    <row r="7015" spans="1:4" x14ac:dyDescent="0.25">
      <c r="A7015" s="20">
        <v>43848.041666649668</v>
      </c>
      <c r="B7015" s="22">
        <v>1.8505184650421143</v>
      </c>
      <c r="C7015" s="21">
        <v>317815.29743592819</v>
      </c>
      <c r="D7015">
        <f t="shared" si="109"/>
        <v>1</v>
      </c>
    </row>
    <row r="7016" spans="1:4" x14ac:dyDescent="0.25">
      <c r="A7016" s="20">
        <v>43848.083333316332</v>
      </c>
      <c r="B7016" s="22">
        <v>1.7225087881088257</v>
      </c>
      <c r="C7016" s="21">
        <v>295830.41356809589</v>
      </c>
      <c r="D7016">
        <f t="shared" si="109"/>
        <v>2</v>
      </c>
    </row>
    <row r="7017" spans="1:4" x14ac:dyDescent="0.25">
      <c r="A7017" s="20">
        <v>43848.124999982996</v>
      </c>
      <c r="B7017" s="22">
        <v>1.7247650623321533</v>
      </c>
      <c r="C7017" s="21">
        <v>296217.91495050845</v>
      </c>
      <c r="D7017">
        <f t="shared" si="109"/>
        <v>3</v>
      </c>
    </row>
    <row r="7018" spans="1:4" x14ac:dyDescent="0.25">
      <c r="A7018" s="20">
        <v>43848.16666664966</v>
      </c>
      <c r="B7018" s="22">
        <v>1.722870945930481</v>
      </c>
      <c r="C7018" s="21">
        <v>295892.6119724795</v>
      </c>
      <c r="D7018">
        <f t="shared" si="109"/>
        <v>4</v>
      </c>
    </row>
    <row r="7019" spans="1:4" x14ac:dyDescent="0.25">
      <c r="A7019" s="20">
        <v>43848.208333316325</v>
      </c>
      <c r="B7019" s="22">
        <v>1.7686188220977783</v>
      </c>
      <c r="C7019" s="21">
        <v>303749.5316119389</v>
      </c>
      <c r="D7019">
        <f t="shared" si="109"/>
        <v>5</v>
      </c>
    </row>
    <row r="7020" spans="1:4" x14ac:dyDescent="0.25">
      <c r="A7020" s="20">
        <v>43848.249999982989</v>
      </c>
      <c r="B7020" s="22">
        <v>1.781732439994812</v>
      </c>
      <c r="C7020" s="21">
        <v>306001.71577066981</v>
      </c>
      <c r="D7020">
        <f t="shared" si="109"/>
        <v>6</v>
      </c>
    </row>
    <row r="7021" spans="1:4" x14ac:dyDescent="0.25">
      <c r="A7021" s="20">
        <v>43848.291666649653</v>
      </c>
      <c r="B7021" s="22">
        <v>1.8897465467453003</v>
      </c>
      <c r="C7021" s="21">
        <v>324552.48200871499</v>
      </c>
      <c r="D7021">
        <f t="shared" si="109"/>
        <v>7</v>
      </c>
    </row>
    <row r="7022" spans="1:4" x14ac:dyDescent="0.25">
      <c r="A7022" s="20">
        <v>43848.333333316317</v>
      </c>
      <c r="B7022" s="22">
        <v>1.9125268459320068</v>
      </c>
      <c r="C7022" s="21">
        <v>328464.85991710721</v>
      </c>
      <c r="D7022">
        <f t="shared" si="109"/>
        <v>8</v>
      </c>
    </row>
    <row r="7023" spans="1:4" x14ac:dyDescent="0.25">
      <c r="A7023" s="20">
        <v>43848.374999982982</v>
      </c>
      <c r="B7023" s="22">
        <v>2.0964760780334473</v>
      </c>
      <c r="C7023" s="21">
        <v>360057.02233959857</v>
      </c>
      <c r="D7023">
        <f t="shared" si="109"/>
        <v>9</v>
      </c>
    </row>
    <row r="7024" spans="1:4" x14ac:dyDescent="0.25">
      <c r="A7024" s="20">
        <v>43848.416666649646</v>
      </c>
      <c r="B7024" s="22">
        <v>1.8623653650283813</v>
      </c>
      <c r="C7024" s="21">
        <v>319849.93049361208</v>
      </c>
      <c r="D7024">
        <f t="shared" si="109"/>
        <v>10</v>
      </c>
    </row>
    <row r="7025" spans="1:4" x14ac:dyDescent="0.25">
      <c r="A7025" s="20">
        <v>43848.45833331631</v>
      </c>
      <c r="B7025" s="22">
        <v>2.0647556781768799</v>
      </c>
      <c r="C7025" s="21">
        <v>354609.23648625822</v>
      </c>
      <c r="D7025">
        <f t="shared" si="109"/>
        <v>11</v>
      </c>
    </row>
    <row r="7026" spans="1:4" x14ac:dyDescent="0.25">
      <c r="A7026" s="20">
        <v>43848.499999982974</v>
      </c>
      <c r="B7026" s="22">
        <v>1.8560452461242676</v>
      </c>
      <c r="C7026" s="21">
        <v>318764.48849058099</v>
      </c>
      <c r="D7026">
        <f t="shared" si="109"/>
        <v>12</v>
      </c>
    </row>
    <row r="7027" spans="1:4" x14ac:dyDescent="0.25">
      <c r="A7027" s="20">
        <v>43848.541666649639</v>
      </c>
      <c r="B7027" s="22">
        <v>2.0153610706329346</v>
      </c>
      <c r="C7027" s="21">
        <v>346126.01290061697</v>
      </c>
      <c r="D7027">
        <f t="shared" si="109"/>
        <v>13</v>
      </c>
    </row>
    <row r="7028" spans="1:4" x14ac:dyDescent="0.25">
      <c r="A7028" s="20">
        <v>43848.583333316303</v>
      </c>
      <c r="B7028" s="22">
        <v>2.2317290306091309</v>
      </c>
      <c r="C7028" s="21">
        <v>383285.89476857492</v>
      </c>
      <c r="D7028">
        <f t="shared" si="109"/>
        <v>14</v>
      </c>
    </row>
    <row r="7029" spans="1:4" x14ac:dyDescent="0.25">
      <c r="A7029" s="20">
        <v>43848.624999982967</v>
      </c>
      <c r="B7029" s="22">
        <v>2.004446268081665</v>
      </c>
      <c r="C7029" s="21">
        <v>344251.46191135829</v>
      </c>
      <c r="D7029">
        <f t="shared" si="109"/>
        <v>15</v>
      </c>
    </row>
    <row r="7030" spans="1:4" x14ac:dyDescent="0.25">
      <c r="A7030" s="20">
        <v>43848.666666649631</v>
      </c>
      <c r="B7030" s="22">
        <v>1.5806095600128174</v>
      </c>
      <c r="C7030" s="21">
        <v>271460.08371989563</v>
      </c>
      <c r="D7030">
        <f t="shared" si="109"/>
        <v>16</v>
      </c>
    </row>
    <row r="7031" spans="1:4" x14ac:dyDescent="0.25">
      <c r="A7031" s="20">
        <v>43848.708333316295</v>
      </c>
      <c r="B7031" s="22">
        <v>1.8284742832183838</v>
      </c>
      <c r="C7031" s="21">
        <v>314029.34320991556</v>
      </c>
      <c r="D7031">
        <f t="shared" si="109"/>
        <v>17</v>
      </c>
    </row>
    <row r="7032" spans="1:4" x14ac:dyDescent="0.25">
      <c r="A7032" s="20">
        <v>43848.74999998296</v>
      </c>
      <c r="B7032" s="22">
        <v>1.8349258899688721</v>
      </c>
      <c r="C7032" s="21">
        <v>315137.3674512729</v>
      </c>
      <c r="D7032">
        <f t="shared" si="109"/>
        <v>18</v>
      </c>
    </row>
    <row r="7033" spans="1:4" x14ac:dyDescent="0.25">
      <c r="A7033" s="20">
        <v>43848.791666649624</v>
      </c>
      <c r="B7033" s="22">
        <v>1.5863101482391357</v>
      </c>
      <c r="C7033" s="21">
        <v>272439.12509501958</v>
      </c>
      <c r="D7033">
        <f t="shared" si="109"/>
        <v>19</v>
      </c>
    </row>
    <row r="7034" spans="1:4" x14ac:dyDescent="0.25">
      <c r="A7034" s="20">
        <v>43848.833333316288</v>
      </c>
      <c r="B7034" s="22">
        <v>1.6370737552642822</v>
      </c>
      <c r="C7034" s="21">
        <v>281157.46601968061</v>
      </c>
      <c r="D7034">
        <f t="shared" si="109"/>
        <v>20</v>
      </c>
    </row>
    <row r="7035" spans="1:4" x14ac:dyDescent="0.25">
      <c r="A7035" s="20">
        <v>43848.874999982952</v>
      </c>
      <c r="B7035" s="22">
        <v>1.7247837781906128</v>
      </c>
      <c r="C7035" s="21">
        <v>296221.12928542885</v>
      </c>
      <c r="D7035">
        <f t="shared" si="109"/>
        <v>21</v>
      </c>
    </row>
    <row r="7036" spans="1:4" x14ac:dyDescent="0.25">
      <c r="A7036" s="20">
        <v>43848.916666649617</v>
      </c>
      <c r="B7036" s="22">
        <v>1.5637027025222778</v>
      </c>
      <c r="C7036" s="21">
        <v>268556.43371933192</v>
      </c>
      <c r="D7036">
        <f t="shared" si="109"/>
        <v>22</v>
      </c>
    </row>
    <row r="7037" spans="1:4" x14ac:dyDescent="0.25">
      <c r="A7037" s="20">
        <v>43848.958333316281</v>
      </c>
      <c r="B7037" s="22">
        <v>1.5835113525390625</v>
      </c>
      <c r="C7037" s="21">
        <v>271958.44894685649</v>
      </c>
      <c r="D7037">
        <f t="shared" si="109"/>
        <v>23</v>
      </c>
    </row>
    <row r="7038" spans="1:4" x14ac:dyDescent="0.25">
      <c r="A7038" s="20">
        <v>43848.999999982945</v>
      </c>
      <c r="B7038" s="22">
        <v>1.4855912923812866</v>
      </c>
      <c r="C7038" s="21">
        <v>255141.27385140059</v>
      </c>
      <c r="D7038">
        <f t="shared" si="109"/>
        <v>0</v>
      </c>
    </row>
    <row r="7039" spans="1:4" x14ac:dyDescent="0.25">
      <c r="A7039" s="20">
        <v>43849.041666649609</v>
      </c>
      <c r="B7039" s="22">
        <v>1.5417373180389404</v>
      </c>
      <c r="C7039" s="21">
        <v>264784.0124575384</v>
      </c>
      <c r="D7039">
        <f t="shared" si="109"/>
        <v>1</v>
      </c>
    </row>
    <row r="7040" spans="1:4" x14ac:dyDescent="0.25">
      <c r="A7040" s="20">
        <v>43849.083333316274</v>
      </c>
      <c r="B7040" s="22">
        <v>1.5315244197845459</v>
      </c>
      <c r="C7040" s="21">
        <v>263030.00926453091</v>
      </c>
      <c r="D7040">
        <f t="shared" si="109"/>
        <v>2</v>
      </c>
    </row>
    <row r="7041" spans="1:4" x14ac:dyDescent="0.25">
      <c r="A7041" s="20">
        <v>43849.124999982938</v>
      </c>
      <c r="B7041" s="22">
        <v>1.6576881408691406</v>
      </c>
      <c r="C7041" s="21">
        <v>284697.86143654981</v>
      </c>
      <c r="D7041">
        <f t="shared" si="109"/>
        <v>3</v>
      </c>
    </row>
    <row r="7042" spans="1:4" x14ac:dyDescent="0.25">
      <c r="A7042" s="20">
        <v>43849.166666649602</v>
      </c>
      <c r="B7042" s="22">
        <v>1.9011837244033813</v>
      </c>
      <c r="C7042" s="21">
        <v>326516.74774715386</v>
      </c>
      <c r="D7042">
        <f t="shared" si="109"/>
        <v>4</v>
      </c>
    </row>
    <row r="7043" spans="1:4" x14ac:dyDescent="0.25">
      <c r="A7043" s="20">
        <v>43849.208333316266</v>
      </c>
      <c r="B7043" s="22">
        <v>2.055612325668335</v>
      </c>
      <c r="C7043" s="21">
        <v>353038.92127354373</v>
      </c>
      <c r="D7043">
        <f t="shared" si="109"/>
        <v>5</v>
      </c>
    </row>
    <row r="7044" spans="1:4" x14ac:dyDescent="0.25">
      <c r="A7044" s="20">
        <v>43849.249999982931</v>
      </c>
      <c r="B7044" s="22">
        <v>2.0544672012329102</v>
      </c>
      <c r="C7044" s="21">
        <v>352842.25311274402</v>
      </c>
      <c r="D7044">
        <f t="shared" si="109"/>
        <v>6</v>
      </c>
    </row>
    <row r="7045" spans="1:4" x14ac:dyDescent="0.25">
      <c r="A7045" s="20">
        <v>43849.291666649595</v>
      </c>
      <c r="B7045" s="22">
        <v>2.3446996212005615</v>
      </c>
      <c r="C7045" s="21">
        <v>402687.90697681886</v>
      </c>
      <c r="D7045">
        <f t="shared" si="109"/>
        <v>7</v>
      </c>
    </row>
    <row r="7046" spans="1:4" x14ac:dyDescent="0.25">
      <c r="A7046" s="20">
        <v>43849.333333316259</v>
      </c>
      <c r="B7046" s="22">
        <v>2.6209433078765869</v>
      </c>
      <c r="C7046" s="21">
        <v>450131.08093279466</v>
      </c>
      <c r="D7046">
        <f t="shared" si="109"/>
        <v>8</v>
      </c>
    </row>
    <row r="7047" spans="1:4" x14ac:dyDescent="0.25">
      <c r="A7047" s="20">
        <v>43849.374999982923</v>
      </c>
      <c r="B7047" s="22">
        <v>2.7245447635650635</v>
      </c>
      <c r="C7047" s="21">
        <v>467924.00117457076</v>
      </c>
      <c r="D7047">
        <f t="shared" ref="D7047:D7110" si="110">HOUR(A7047)</f>
        <v>9</v>
      </c>
    </row>
    <row r="7048" spans="1:4" x14ac:dyDescent="0.25">
      <c r="A7048" s="20">
        <v>43849.416666649588</v>
      </c>
      <c r="B7048" s="22">
        <v>2.5061876773834229</v>
      </c>
      <c r="C7048" s="21">
        <v>430422.49897233181</v>
      </c>
      <c r="D7048">
        <f t="shared" si="110"/>
        <v>10</v>
      </c>
    </row>
    <row r="7049" spans="1:4" x14ac:dyDescent="0.25">
      <c r="A7049" s="20">
        <v>43849.458333316252</v>
      </c>
      <c r="B7049" s="22">
        <v>2.4962444305419922</v>
      </c>
      <c r="C7049" s="21">
        <v>428714.80677034339</v>
      </c>
      <c r="D7049">
        <f t="shared" si="110"/>
        <v>11</v>
      </c>
    </row>
    <row r="7050" spans="1:4" x14ac:dyDescent="0.25">
      <c r="A7050" s="20">
        <v>43849.499999982916</v>
      </c>
      <c r="B7050" s="22">
        <v>2.8447375297546387</v>
      </c>
      <c r="C7050" s="21">
        <v>488566.37813962175</v>
      </c>
      <c r="D7050">
        <f t="shared" si="110"/>
        <v>12</v>
      </c>
    </row>
    <row r="7051" spans="1:4" x14ac:dyDescent="0.25">
      <c r="A7051" s="20">
        <v>43849.54166664958</v>
      </c>
      <c r="B7051" s="22">
        <v>2.6968231201171875</v>
      </c>
      <c r="C7051" s="21">
        <v>463162.97742677538</v>
      </c>
      <c r="D7051">
        <f t="shared" si="110"/>
        <v>13</v>
      </c>
    </row>
    <row r="7052" spans="1:4" x14ac:dyDescent="0.25">
      <c r="A7052" s="20">
        <v>43849.583333316245</v>
      </c>
      <c r="B7052" s="22">
        <v>2.7222259044647217</v>
      </c>
      <c r="C7052" s="21">
        <v>467525.75121997209</v>
      </c>
      <c r="D7052">
        <f t="shared" si="110"/>
        <v>14</v>
      </c>
    </row>
    <row r="7053" spans="1:4" x14ac:dyDescent="0.25">
      <c r="A7053" s="20">
        <v>43849.624999982909</v>
      </c>
      <c r="B7053" s="22">
        <v>2.7483487129211426</v>
      </c>
      <c r="C7053" s="21">
        <v>472012.18477698619</v>
      </c>
      <c r="D7053">
        <f t="shared" si="110"/>
        <v>15</v>
      </c>
    </row>
    <row r="7054" spans="1:4" x14ac:dyDescent="0.25">
      <c r="A7054" s="20">
        <v>43849.666666649573</v>
      </c>
      <c r="B7054" s="22">
        <v>2.8985681533813477</v>
      </c>
      <c r="C7054" s="21">
        <v>497811.460521815</v>
      </c>
      <c r="D7054">
        <f t="shared" si="110"/>
        <v>16</v>
      </c>
    </row>
    <row r="7055" spans="1:4" x14ac:dyDescent="0.25">
      <c r="A7055" s="20">
        <v>43849.708333316237</v>
      </c>
      <c r="B7055" s="22">
        <v>3.0360202789306641</v>
      </c>
      <c r="C7055" s="21">
        <v>521418.02754067595</v>
      </c>
      <c r="D7055">
        <f t="shared" si="110"/>
        <v>17</v>
      </c>
    </row>
    <row r="7056" spans="1:4" x14ac:dyDescent="0.25">
      <c r="A7056" s="20">
        <v>43849.749999982901</v>
      </c>
      <c r="B7056" s="22">
        <v>3.1954584121704102</v>
      </c>
      <c r="C7056" s="21">
        <v>548800.5577317843</v>
      </c>
      <c r="D7056">
        <f t="shared" si="110"/>
        <v>18</v>
      </c>
    </row>
    <row r="7057" spans="1:4" x14ac:dyDescent="0.25">
      <c r="A7057" s="20">
        <v>43849.791666649566</v>
      </c>
      <c r="B7057" s="22">
        <v>3.306718111038208</v>
      </c>
      <c r="C7057" s="21">
        <v>567908.73468666605</v>
      </c>
      <c r="D7057">
        <f t="shared" si="110"/>
        <v>19</v>
      </c>
    </row>
    <row r="7058" spans="1:4" x14ac:dyDescent="0.25">
      <c r="A7058" s="20">
        <v>43849.83333331623</v>
      </c>
      <c r="B7058" s="22">
        <v>3.3077647686004639</v>
      </c>
      <c r="C7058" s="21">
        <v>568088.49176055961</v>
      </c>
      <c r="D7058">
        <f t="shared" si="110"/>
        <v>20</v>
      </c>
    </row>
    <row r="7059" spans="1:4" x14ac:dyDescent="0.25">
      <c r="A7059" s="20">
        <v>43849.874999982894</v>
      </c>
      <c r="B7059" s="22">
        <v>3.0934765338897705</v>
      </c>
      <c r="C7059" s="21">
        <v>531285.79006471403</v>
      </c>
      <c r="D7059">
        <f t="shared" si="110"/>
        <v>21</v>
      </c>
    </row>
    <row r="7060" spans="1:4" x14ac:dyDescent="0.25">
      <c r="A7060" s="20">
        <v>43849.916666649558</v>
      </c>
      <c r="B7060" s="22">
        <v>3.0556042194366455</v>
      </c>
      <c r="C7060" s="21">
        <v>524781.45027568459</v>
      </c>
      <c r="D7060">
        <f t="shared" si="110"/>
        <v>22</v>
      </c>
    </row>
    <row r="7061" spans="1:4" x14ac:dyDescent="0.25">
      <c r="A7061" s="20">
        <v>43849.958333316223</v>
      </c>
      <c r="B7061" s="22">
        <v>3.1352424621582031</v>
      </c>
      <c r="C7061" s="21">
        <v>538458.83435801556</v>
      </c>
      <c r="D7061">
        <f t="shared" si="110"/>
        <v>23</v>
      </c>
    </row>
    <row r="7062" spans="1:4" x14ac:dyDescent="0.25">
      <c r="A7062" s="20">
        <v>43849.999999982887</v>
      </c>
      <c r="B7062" s="22">
        <v>3.1838381290435791</v>
      </c>
      <c r="C7062" s="21">
        <v>546804.84474214946</v>
      </c>
      <c r="D7062">
        <f t="shared" si="110"/>
        <v>0</v>
      </c>
    </row>
    <row r="7063" spans="1:4" x14ac:dyDescent="0.25">
      <c r="A7063" s="20">
        <v>43850.041666649551</v>
      </c>
      <c r="B7063" s="22">
        <v>2.9170408248901367</v>
      </c>
      <c r="C7063" s="21">
        <v>500984.02956173988</v>
      </c>
      <c r="D7063">
        <f t="shared" si="110"/>
        <v>1</v>
      </c>
    </row>
    <row r="7064" spans="1:4" x14ac:dyDescent="0.25">
      <c r="A7064" s="20">
        <v>43850.083333316215</v>
      </c>
      <c r="B7064" s="22">
        <v>2.912473201751709</v>
      </c>
      <c r="C7064" s="21">
        <v>500199.56805339083</v>
      </c>
      <c r="D7064">
        <f t="shared" si="110"/>
        <v>2</v>
      </c>
    </row>
    <row r="7065" spans="1:4" x14ac:dyDescent="0.25">
      <c r="A7065" s="20">
        <v>43850.12499998288</v>
      </c>
      <c r="B7065" s="22">
        <v>3.165147066116333</v>
      </c>
      <c r="C7065" s="21">
        <v>543594.76830366277</v>
      </c>
      <c r="D7065">
        <f t="shared" si="110"/>
        <v>3</v>
      </c>
    </row>
    <row r="7066" spans="1:4" x14ac:dyDescent="0.25">
      <c r="A7066" s="20">
        <v>43850.166666649544</v>
      </c>
      <c r="B7066" s="22">
        <v>3.1082744598388672</v>
      </c>
      <c r="C7066" s="21">
        <v>533827.24389281182</v>
      </c>
      <c r="D7066">
        <f t="shared" si="110"/>
        <v>4</v>
      </c>
    </row>
    <row r="7067" spans="1:4" x14ac:dyDescent="0.25">
      <c r="A7067" s="20">
        <v>43850.208333316208</v>
      </c>
      <c r="B7067" s="22">
        <v>3.4269545078277588</v>
      </c>
      <c r="C7067" s="21">
        <v>588558.6049420411</v>
      </c>
      <c r="D7067">
        <f t="shared" si="110"/>
        <v>5</v>
      </c>
    </row>
    <row r="7068" spans="1:4" x14ac:dyDescent="0.25">
      <c r="A7068" s="20">
        <v>43850.249999982872</v>
      </c>
      <c r="B7068" s="22">
        <v>3.6568417549133301</v>
      </c>
      <c r="C7068" s="21">
        <v>628040.34218996682</v>
      </c>
      <c r="D7068">
        <f t="shared" si="110"/>
        <v>6</v>
      </c>
    </row>
    <row r="7069" spans="1:4" x14ac:dyDescent="0.25">
      <c r="A7069" s="20">
        <v>43850.291666649537</v>
      </c>
      <c r="B7069" s="22">
        <v>3.3795218467712402</v>
      </c>
      <c r="C7069" s="21">
        <v>580412.33373933146</v>
      </c>
      <c r="D7069">
        <f t="shared" si="110"/>
        <v>7</v>
      </c>
    </row>
    <row r="7070" spans="1:4" x14ac:dyDescent="0.25">
      <c r="A7070" s="20">
        <v>43850.333333316201</v>
      </c>
      <c r="B7070" s="22">
        <v>3.5530698299407959</v>
      </c>
      <c r="C7070" s="21">
        <v>610218.14488490275</v>
      </c>
      <c r="D7070">
        <f t="shared" si="110"/>
        <v>8</v>
      </c>
    </row>
    <row r="7071" spans="1:4" x14ac:dyDescent="0.25">
      <c r="A7071" s="20">
        <v>43850.374999982865</v>
      </c>
      <c r="B7071" s="22">
        <v>3.478065013885498</v>
      </c>
      <c r="C7071" s="21">
        <v>597336.52366681944</v>
      </c>
      <c r="D7071">
        <f t="shared" si="110"/>
        <v>9</v>
      </c>
    </row>
    <row r="7072" spans="1:4" x14ac:dyDescent="0.25">
      <c r="A7072" s="20">
        <v>43850.416666649529</v>
      </c>
      <c r="B7072" s="22">
        <v>3.5240383148193359</v>
      </c>
      <c r="C7072" s="21">
        <v>605232.15863961959</v>
      </c>
      <c r="D7072">
        <f t="shared" si="110"/>
        <v>10</v>
      </c>
    </row>
    <row r="7073" spans="1:4" x14ac:dyDescent="0.25">
      <c r="A7073" s="20">
        <v>43850.458333316194</v>
      </c>
      <c r="B7073" s="22">
        <v>3.5146365165710449</v>
      </c>
      <c r="C7073" s="21">
        <v>603617.4569421442</v>
      </c>
      <c r="D7073">
        <f t="shared" si="110"/>
        <v>11</v>
      </c>
    </row>
    <row r="7074" spans="1:4" x14ac:dyDescent="0.25">
      <c r="A7074" s="20">
        <v>43850.499999982858</v>
      </c>
      <c r="B7074" s="22">
        <v>3.1140599250793457</v>
      </c>
      <c r="C7074" s="21">
        <v>534820.86237916735</v>
      </c>
      <c r="D7074">
        <f t="shared" si="110"/>
        <v>12</v>
      </c>
    </row>
    <row r="7075" spans="1:4" x14ac:dyDescent="0.25">
      <c r="A7075" s="20">
        <v>43850.541666649522</v>
      </c>
      <c r="B7075" s="22">
        <v>3.0178346633911133</v>
      </c>
      <c r="C7075" s="21">
        <v>518294.75861851138</v>
      </c>
      <c r="D7075">
        <f t="shared" si="110"/>
        <v>13</v>
      </c>
    </row>
    <row r="7076" spans="1:4" x14ac:dyDescent="0.25">
      <c r="A7076" s="20">
        <v>43850.583333316186</v>
      </c>
      <c r="B7076" s="22">
        <v>3.0834622383117676</v>
      </c>
      <c r="C7076" s="21">
        <v>529565.89567411051</v>
      </c>
      <c r="D7076">
        <f t="shared" si="110"/>
        <v>14</v>
      </c>
    </row>
    <row r="7077" spans="1:4" x14ac:dyDescent="0.25">
      <c r="A7077" s="20">
        <v>43850.624999982851</v>
      </c>
      <c r="B7077" s="22">
        <v>3.2526977062225342</v>
      </c>
      <c r="C7077" s="21">
        <v>558631.05853891047</v>
      </c>
      <c r="D7077">
        <f t="shared" si="110"/>
        <v>15</v>
      </c>
    </row>
    <row r="7078" spans="1:4" x14ac:dyDescent="0.25">
      <c r="A7078" s="20">
        <v>43850.666666649515</v>
      </c>
      <c r="B7078" s="22">
        <v>3.370213508605957</v>
      </c>
      <c r="C7078" s="21">
        <v>578813.68324298726</v>
      </c>
      <c r="D7078">
        <f t="shared" si="110"/>
        <v>16</v>
      </c>
    </row>
    <row r="7079" spans="1:4" x14ac:dyDescent="0.25">
      <c r="A7079" s="20">
        <v>43850.708333316179</v>
      </c>
      <c r="B7079" s="22">
        <v>3.2890274524688721</v>
      </c>
      <c r="C7079" s="21">
        <v>564870.4716153905</v>
      </c>
      <c r="D7079">
        <f t="shared" si="110"/>
        <v>17</v>
      </c>
    </row>
    <row r="7080" spans="1:4" x14ac:dyDescent="0.25">
      <c r="A7080" s="20">
        <v>43850.749999982843</v>
      </c>
      <c r="B7080" s="22">
        <v>3.3521759510040283</v>
      </c>
      <c r="C7080" s="21">
        <v>575715.84237159439</v>
      </c>
      <c r="D7080">
        <f t="shared" si="110"/>
        <v>18</v>
      </c>
    </row>
    <row r="7081" spans="1:4" x14ac:dyDescent="0.25">
      <c r="A7081" s="20">
        <v>43850.791666649508</v>
      </c>
      <c r="B7081" s="22">
        <v>3.1503913402557373</v>
      </c>
      <c r="C7081" s="21">
        <v>541060.56208423898</v>
      </c>
      <c r="D7081">
        <f t="shared" si="110"/>
        <v>19</v>
      </c>
    </row>
    <row r="7082" spans="1:4" x14ac:dyDescent="0.25">
      <c r="A7082" s="20">
        <v>43850.833333316172</v>
      </c>
      <c r="B7082" s="22">
        <v>3.4066600799560547</v>
      </c>
      <c r="C7082" s="21">
        <v>585073.16032088152</v>
      </c>
      <c r="D7082">
        <f t="shared" si="110"/>
        <v>20</v>
      </c>
    </row>
    <row r="7083" spans="1:4" x14ac:dyDescent="0.25">
      <c r="A7083" s="20">
        <v>43850.874999982836</v>
      </c>
      <c r="B7083" s="22">
        <v>3.2864716053009033</v>
      </c>
      <c r="C7083" s="21">
        <v>564431.52040078037</v>
      </c>
      <c r="D7083">
        <f t="shared" si="110"/>
        <v>21</v>
      </c>
    </row>
    <row r="7084" spans="1:4" x14ac:dyDescent="0.25">
      <c r="A7084" s="20">
        <v>43850.9166666495</v>
      </c>
      <c r="B7084" s="22">
        <v>3.4278223514556885</v>
      </c>
      <c r="C7084" s="21">
        <v>588707.65180968854</v>
      </c>
      <c r="D7084">
        <f t="shared" si="110"/>
        <v>22</v>
      </c>
    </row>
    <row r="7085" spans="1:4" x14ac:dyDescent="0.25">
      <c r="A7085" s="20">
        <v>43850.958333316164</v>
      </c>
      <c r="B7085" s="22">
        <v>3.5039803981781006</v>
      </c>
      <c r="C7085" s="21">
        <v>601787.33338458813</v>
      </c>
      <c r="D7085">
        <f t="shared" si="110"/>
        <v>23</v>
      </c>
    </row>
    <row r="7086" spans="1:4" x14ac:dyDescent="0.25">
      <c r="A7086" s="20">
        <v>43850.999999982829</v>
      </c>
      <c r="B7086" s="22">
        <v>3.0784132480621338</v>
      </c>
      <c r="C7086" s="21">
        <v>528698.76229054702</v>
      </c>
      <c r="D7086">
        <f t="shared" si="110"/>
        <v>0</v>
      </c>
    </row>
    <row r="7087" spans="1:4" x14ac:dyDescent="0.25">
      <c r="A7087" s="20">
        <v>43851.041666649493</v>
      </c>
      <c r="B7087" s="22">
        <v>3.2305023670196533</v>
      </c>
      <c r="C7087" s="21">
        <v>554819.14395188447</v>
      </c>
      <c r="D7087">
        <f t="shared" si="110"/>
        <v>1</v>
      </c>
    </row>
    <row r="7088" spans="1:4" x14ac:dyDescent="0.25">
      <c r="A7088" s="20">
        <v>43851.083333316157</v>
      </c>
      <c r="B7088" s="22">
        <v>3.1925995349884033</v>
      </c>
      <c r="C7088" s="21">
        <v>548309.56295432243</v>
      </c>
      <c r="D7088">
        <f t="shared" si="110"/>
        <v>2</v>
      </c>
    </row>
    <row r="7089" spans="1:4" x14ac:dyDescent="0.25">
      <c r="A7089" s="20">
        <v>43851.124999982821</v>
      </c>
      <c r="B7089" s="22">
        <v>3.2114837169647217</v>
      </c>
      <c r="C7089" s="21">
        <v>551552.80641555495</v>
      </c>
      <c r="D7089">
        <f t="shared" si="110"/>
        <v>3</v>
      </c>
    </row>
    <row r="7090" spans="1:4" x14ac:dyDescent="0.25">
      <c r="A7090" s="20">
        <v>43851.166666649486</v>
      </c>
      <c r="B7090" s="22">
        <v>3.1304557323455811</v>
      </c>
      <c r="C7090" s="21">
        <v>537636.74261027982</v>
      </c>
      <c r="D7090">
        <f t="shared" si="110"/>
        <v>4</v>
      </c>
    </row>
    <row r="7091" spans="1:4" x14ac:dyDescent="0.25">
      <c r="A7091" s="20">
        <v>43851.20833331615</v>
      </c>
      <c r="B7091" s="22">
        <v>3.2466835975646973</v>
      </c>
      <c r="C7091" s="21">
        <v>557598.17193550174</v>
      </c>
      <c r="D7091">
        <f t="shared" si="110"/>
        <v>5</v>
      </c>
    </row>
    <row r="7092" spans="1:4" x14ac:dyDescent="0.25">
      <c r="A7092" s="20">
        <v>43851.249999982814</v>
      </c>
      <c r="B7092" s="22">
        <v>3.4550249576568604</v>
      </c>
      <c r="C7092" s="21">
        <v>593379.5340654871</v>
      </c>
      <c r="D7092">
        <f t="shared" si="110"/>
        <v>6</v>
      </c>
    </row>
    <row r="7093" spans="1:4" x14ac:dyDescent="0.25">
      <c r="A7093" s="20">
        <v>43851.291666649478</v>
      </c>
      <c r="B7093" s="22">
        <v>3.3813016414642334</v>
      </c>
      <c r="C7093" s="21">
        <v>580718.00265883375</v>
      </c>
      <c r="D7093">
        <f t="shared" si="110"/>
        <v>7</v>
      </c>
    </row>
    <row r="7094" spans="1:4" x14ac:dyDescent="0.25">
      <c r="A7094" s="20">
        <v>43851.333333316143</v>
      </c>
      <c r="B7094" s="22">
        <v>3.2248926162719727</v>
      </c>
      <c r="C7094" s="21">
        <v>553855.70336153347</v>
      </c>
      <c r="D7094">
        <f t="shared" si="110"/>
        <v>8</v>
      </c>
    </row>
    <row r="7095" spans="1:4" x14ac:dyDescent="0.25">
      <c r="A7095" s="20">
        <v>43851.374999982807</v>
      </c>
      <c r="B7095" s="22">
        <v>3.2021937370300293</v>
      </c>
      <c r="C7095" s="21">
        <v>549957.30883371865</v>
      </c>
      <c r="D7095">
        <f t="shared" si="110"/>
        <v>9</v>
      </c>
    </row>
    <row r="7096" spans="1:4" x14ac:dyDescent="0.25">
      <c r="A7096" s="20">
        <v>43851.416666649471</v>
      </c>
      <c r="B7096" s="22">
        <v>2.9041311740875244</v>
      </c>
      <c r="C7096" s="21">
        <v>498766.87551160029</v>
      </c>
      <c r="D7096">
        <f t="shared" si="110"/>
        <v>10</v>
      </c>
    </row>
    <row r="7097" spans="1:4" x14ac:dyDescent="0.25">
      <c r="A7097" s="20">
        <v>43851.458333316135</v>
      </c>
      <c r="B7097" s="22">
        <v>2.5960268974304199</v>
      </c>
      <c r="C7097" s="21">
        <v>445851.83890058723</v>
      </c>
      <c r="D7097">
        <f t="shared" si="110"/>
        <v>11</v>
      </c>
    </row>
    <row r="7098" spans="1:4" x14ac:dyDescent="0.25">
      <c r="A7098" s="20">
        <v>43851.4999999828</v>
      </c>
      <c r="B7098" s="22">
        <v>2.5940508842468262</v>
      </c>
      <c r="C7098" s="21">
        <v>445512.47064809757</v>
      </c>
      <c r="D7098">
        <f t="shared" si="110"/>
        <v>12</v>
      </c>
    </row>
    <row r="7099" spans="1:4" x14ac:dyDescent="0.25">
      <c r="A7099" s="20">
        <v>43851.541666649464</v>
      </c>
      <c r="B7099" s="22">
        <v>2.7188789844512939</v>
      </c>
      <c r="C7099" s="21">
        <v>466950.93805292941</v>
      </c>
      <c r="D7099">
        <f t="shared" si="110"/>
        <v>13</v>
      </c>
    </row>
    <row r="7100" spans="1:4" x14ac:dyDescent="0.25">
      <c r="A7100" s="20">
        <v>43851.583333316128</v>
      </c>
      <c r="B7100" s="22">
        <v>2.632509708404541</v>
      </c>
      <c r="C7100" s="21">
        <v>452117.53991361399</v>
      </c>
      <c r="D7100">
        <f t="shared" si="110"/>
        <v>14</v>
      </c>
    </row>
    <row r="7101" spans="1:4" x14ac:dyDescent="0.25">
      <c r="A7101" s="20">
        <v>43851.624999982792</v>
      </c>
      <c r="B7101" s="22">
        <v>2.5375416278839111</v>
      </c>
      <c r="C7101" s="21">
        <v>435807.34937633865</v>
      </c>
      <c r="D7101">
        <f t="shared" si="110"/>
        <v>15</v>
      </c>
    </row>
    <row r="7102" spans="1:4" x14ac:dyDescent="0.25">
      <c r="A7102" s="20">
        <v>43851.666666649457</v>
      </c>
      <c r="B7102" s="22">
        <v>2.5257606506347656</v>
      </c>
      <c r="C7102" s="21">
        <v>433784.03814802412</v>
      </c>
      <c r="D7102">
        <f t="shared" si="110"/>
        <v>16</v>
      </c>
    </row>
    <row r="7103" spans="1:4" x14ac:dyDescent="0.25">
      <c r="A7103" s="20">
        <v>43851.708333316121</v>
      </c>
      <c r="B7103" s="22">
        <v>2.777299165725708</v>
      </c>
      <c r="C7103" s="21">
        <v>476984.2490621045</v>
      </c>
      <c r="D7103">
        <f t="shared" si="110"/>
        <v>17</v>
      </c>
    </row>
    <row r="7104" spans="1:4" x14ac:dyDescent="0.25">
      <c r="A7104" s="20">
        <v>43851.749999982785</v>
      </c>
      <c r="B7104" s="22">
        <v>3.0400519371032715</v>
      </c>
      <c r="C7104" s="21">
        <v>522110.44032417017</v>
      </c>
      <c r="D7104">
        <f t="shared" si="110"/>
        <v>18</v>
      </c>
    </row>
    <row r="7105" spans="1:4" x14ac:dyDescent="0.25">
      <c r="A7105" s="20">
        <v>43851.791666649449</v>
      </c>
      <c r="B7105" s="22">
        <v>3.2953681945800781</v>
      </c>
      <c r="C7105" s="21">
        <v>565959.45552887535</v>
      </c>
      <c r="D7105">
        <f t="shared" si="110"/>
        <v>19</v>
      </c>
    </row>
    <row r="7106" spans="1:4" x14ac:dyDescent="0.25">
      <c r="A7106" s="20">
        <v>43851.833333316114</v>
      </c>
      <c r="B7106" s="22">
        <v>3.4679703712463379</v>
      </c>
      <c r="C7106" s="21">
        <v>595602.83015687601</v>
      </c>
      <c r="D7106">
        <f t="shared" si="110"/>
        <v>20</v>
      </c>
    </row>
    <row r="7107" spans="1:4" x14ac:dyDescent="0.25">
      <c r="A7107" s="20">
        <v>43851.874999982778</v>
      </c>
      <c r="B7107" s="22">
        <v>3.3936247825622559</v>
      </c>
      <c r="C7107" s="21">
        <v>582834.42723248631</v>
      </c>
      <c r="D7107">
        <f t="shared" si="110"/>
        <v>21</v>
      </c>
    </row>
    <row r="7108" spans="1:4" x14ac:dyDescent="0.25">
      <c r="A7108" s="20">
        <v>43851.916666649442</v>
      </c>
      <c r="B7108" s="22">
        <v>3.6483416557312012</v>
      </c>
      <c r="C7108" s="21">
        <v>626580.50182585476</v>
      </c>
      <c r="D7108">
        <f t="shared" si="110"/>
        <v>22</v>
      </c>
    </row>
    <row r="7109" spans="1:4" x14ac:dyDescent="0.25">
      <c r="A7109" s="20">
        <v>43851.958333316106</v>
      </c>
      <c r="B7109" s="22">
        <v>3.4516806602478027</v>
      </c>
      <c r="C7109" s="21">
        <v>592805.17131480272</v>
      </c>
      <c r="D7109">
        <f t="shared" si="110"/>
        <v>23</v>
      </c>
    </row>
    <row r="7110" spans="1:4" x14ac:dyDescent="0.25">
      <c r="A7110" s="20">
        <v>43851.999999982771</v>
      </c>
      <c r="B7110" s="22">
        <v>3.6115708351135254</v>
      </c>
      <c r="C7110" s="21">
        <v>620265.33690730098</v>
      </c>
      <c r="D7110">
        <f t="shared" si="110"/>
        <v>0</v>
      </c>
    </row>
    <row r="7111" spans="1:4" x14ac:dyDescent="0.25">
      <c r="A7111" s="20">
        <v>43852.041666649435</v>
      </c>
      <c r="B7111" s="22">
        <v>3.5705647468566895</v>
      </c>
      <c r="C7111" s="21">
        <v>613222.79051707429</v>
      </c>
      <c r="D7111">
        <f t="shared" ref="D7111:D7174" si="111">HOUR(A7111)</f>
        <v>1</v>
      </c>
    </row>
    <row r="7112" spans="1:4" x14ac:dyDescent="0.25">
      <c r="A7112" s="20">
        <v>43852.083333316099</v>
      </c>
      <c r="B7112" s="22">
        <v>3.5643610954284668</v>
      </c>
      <c r="C7112" s="21">
        <v>612157.35109504487</v>
      </c>
      <c r="D7112">
        <f t="shared" si="111"/>
        <v>2</v>
      </c>
    </row>
    <row r="7113" spans="1:4" x14ac:dyDescent="0.25">
      <c r="A7113" s="20">
        <v>43852.124999982763</v>
      </c>
      <c r="B7113" s="22">
        <v>3.6740367412567139</v>
      </c>
      <c r="C7113" s="21">
        <v>630993.47656952823</v>
      </c>
      <c r="D7113">
        <f t="shared" si="111"/>
        <v>3</v>
      </c>
    </row>
    <row r="7114" spans="1:4" x14ac:dyDescent="0.25">
      <c r="A7114" s="20">
        <v>43852.166666649427</v>
      </c>
      <c r="B7114" s="22">
        <v>3.7146255970001221</v>
      </c>
      <c r="C7114" s="21">
        <v>637964.36581184762</v>
      </c>
      <c r="D7114">
        <f t="shared" si="111"/>
        <v>4</v>
      </c>
    </row>
    <row r="7115" spans="1:4" x14ac:dyDescent="0.25">
      <c r="A7115" s="20">
        <v>43852.208333316092</v>
      </c>
      <c r="B7115" s="22">
        <v>4.0580315589904785</v>
      </c>
      <c r="C7115" s="21">
        <v>696942.25228689681</v>
      </c>
      <c r="D7115">
        <f t="shared" si="111"/>
        <v>5</v>
      </c>
    </row>
    <row r="7116" spans="1:4" x14ac:dyDescent="0.25">
      <c r="A7116" s="20">
        <v>43852.249999982756</v>
      </c>
      <c r="B7116" s="22">
        <v>4.345616340637207</v>
      </c>
      <c r="C7116" s="21">
        <v>746333.19036382181</v>
      </c>
      <c r="D7116">
        <f t="shared" si="111"/>
        <v>6</v>
      </c>
    </row>
    <row r="7117" spans="1:4" x14ac:dyDescent="0.25">
      <c r="A7117" s="20">
        <v>43852.29166664942</v>
      </c>
      <c r="B7117" s="22">
        <v>4.1593375205993652</v>
      </c>
      <c r="C7117" s="21">
        <v>714340.93537435704</v>
      </c>
      <c r="D7117">
        <f t="shared" si="111"/>
        <v>7</v>
      </c>
    </row>
    <row r="7118" spans="1:4" x14ac:dyDescent="0.25">
      <c r="A7118" s="20">
        <v>43852.333333316084</v>
      </c>
      <c r="B7118" s="22">
        <v>4.3125038146972656</v>
      </c>
      <c r="C7118" s="21">
        <v>740646.31531812064</v>
      </c>
      <c r="D7118">
        <f t="shared" si="111"/>
        <v>8</v>
      </c>
    </row>
    <row r="7119" spans="1:4" x14ac:dyDescent="0.25">
      <c r="A7119" s="20">
        <v>43852.374999982749</v>
      </c>
      <c r="B7119" s="22">
        <v>3.8092470169067383</v>
      </c>
      <c r="C7119" s="21">
        <v>654215.01949594717</v>
      </c>
      <c r="D7119">
        <f t="shared" si="111"/>
        <v>9</v>
      </c>
    </row>
    <row r="7120" spans="1:4" x14ac:dyDescent="0.25">
      <c r="A7120" s="20">
        <v>43852.416666649413</v>
      </c>
      <c r="B7120" s="22">
        <v>3.3189735412597656</v>
      </c>
      <c r="C7120" s="21">
        <v>570013.53032888682</v>
      </c>
      <c r="D7120">
        <f t="shared" si="111"/>
        <v>10</v>
      </c>
    </row>
    <row r="7121" spans="1:4" x14ac:dyDescent="0.25">
      <c r="A7121" s="20">
        <v>43852.458333316077</v>
      </c>
      <c r="B7121" s="22">
        <v>2.7717244625091553</v>
      </c>
      <c r="C7121" s="21">
        <v>476026.82767217769</v>
      </c>
      <c r="D7121">
        <f t="shared" si="111"/>
        <v>11</v>
      </c>
    </row>
    <row r="7122" spans="1:4" x14ac:dyDescent="0.25">
      <c r="A7122" s="20">
        <v>43852.499999982741</v>
      </c>
      <c r="B7122" s="22">
        <v>2.2669484615325928</v>
      </c>
      <c r="C7122" s="21">
        <v>389334.6179377379</v>
      </c>
      <c r="D7122">
        <f t="shared" si="111"/>
        <v>12</v>
      </c>
    </row>
    <row r="7123" spans="1:4" x14ac:dyDescent="0.25">
      <c r="A7123" s="20">
        <v>43852.541666649406</v>
      </c>
      <c r="B7123" s="22">
        <v>2.0040757656097412</v>
      </c>
      <c r="C7123" s="21">
        <v>344187.83036401647</v>
      </c>
      <c r="D7123">
        <f t="shared" si="111"/>
        <v>13</v>
      </c>
    </row>
    <row r="7124" spans="1:4" x14ac:dyDescent="0.25">
      <c r="A7124" s="20">
        <v>43852.58333331607</v>
      </c>
      <c r="B7124" s="22">
        <v>1.9184256792068481</v>
      </c>
      <c r="C7124" s="21">
        <v>329477.94867422263</v>
      </c>
      <c r="D7124">
        <f t="shared" si="111"/>
        <v>14</v>
      </c>
    </row>
    <row r="7125" spans="1:4" x14ac:dyDescent="0.25">
      <c r="A7125" s="20">
        <v>43852.624999982734</v>
      </c>
      <c r="B7125" s="22">
        <v>2.0781948566436768</v>
      </c>
      <c r="C7125" s="21">
        <v>356917.33369382779</v>
      </c>
      <c r="D7125">
        <f t="shared" si="111"/>
        <v>15</v>
      </c>
    </row>
    <row r="7126" spans="1:4" x14ac:dyDescent="0.25">
      <c r="A7126" s="20">
        <v>43852.666666649398</v>
      </c>
      <c r="B7126" s="22">
        <v>2.2071089744567871</v>
      </c>
      <c r="C7126" s="21">
        <v>379057.54978485254</v>
      </c>
      <c r="D7126">
        <f t="shared" si="111"/>
        <v>16</v>
      </c>
    </row>
    <row r="7127" spans="1:4" x14ac:dyDescent="0.25">
      <c r="A7127" s="20">
        <v>43852.708333316063</v>
      </c>
      <c r="B7127" s="22">
        <v>2.4891235828399658</v>
      </c>
      <c r="C7127" s="21">
        <v>427491.8444637424</v>
      </c>
      <c r="D7127">
        <f t="shared" si="111"/>
        <v>17</v>
      </c>
    </row>
    <row r="7128" spans="1:4" x14ac:dyDescent="0.25">
      <c r="A7128" s="20">
        <v>43852.749999982727</v>
      </c>
      <c r="B7128" s="22">
        <v>2.5475559234619141</v>
      </c>
      <c r="C7128" s="21">
        <v>437527.24376694224</v>
      </c>
      <c r="D7128">
        <f t="shared" si="111"/>
        <v>18</v>
      </c>
    </row>
    <row r="7129" spans="1:4" x14ac:dyDescent="0.25">
      <c r="A7129" s="20">
        <v>43852.791666649391</v>
      </c>
      <c r="B7129" s="22">
        <v>2.5195341110229492</v>
      </c>
      <c r="C7129" s="21">
        <v>432714.66781959508</v>
      </c>
      <c r="D7129">
        <f t="shared" si="111"/>
        <v>19</v>
      </c>
    </row>
    <row r="7130" spans="1:4" x14ac:dyDescent="0.25">
      <c r="A7130" s="20">
        <v>43852.833333316055</v>
      </c>
      <c r="B7130" s="22">
        <v>2.5033857822418213</v>
      </c>
      <c r="C7130" s="21">
        <v>429941.29051392712</v>
      </c>
      <c r="D7130">
        <f t="shared" si="111"/>
        <v>20</v>
      </c>
    </row>
    <row r="7131" spans="1:4" x14ac:dyDescent="0.25">
      <c r="A7131" s="20">
        <v>43852.87499998272</v>
      </c>
      <c r="B7131" s="22">
        <v>2.6283767223358154</v>
      </c>
      <c r="C7131" s="21">
        <v>451407.72467991366</v>
      </c>
      <c r="D7131">
        <f t="shared" si="111"/>
        <v>21</v>
      </c>
    </row>
    <row r="7132" spans="1:4" x14ac:dyDescent="0.25">
      <c r="A7132" s="20">
        <v>43852.916666649384</v>
      </c>
      <c r="B7132" s="22">
        <v>2.674098014831543</v>
      </c>
      <c r="C7132" s="21">
        <v>459260.07873537781</v>
      </c>
      <c r="D7132">
        <f t="shared" si="111"/>
        <v>22</v>
      </c>
    </row>
    <row r="7133" spans="1:4" x14ac:dyDescent="0.25">
      <c r="A7133" s="20">
        <v>43852.958333316048</v>
      </c>
      <c r="B7133" s="22">
        <v>2.715242862701416</v>
      </c>
      <c r="C7133" s="21">
        <v>466326.45624565147</v>
      </c>
      <c r="D7133">
        <f t="shared" si="111"/>
        <v>23</v>
      </c>
    </row>
    <row r="7134" spans="1:4" x14ac:dyDescent="0.25">
      <c r="A7134" s="20">
        <v>43852.999999982712</v>
      </c>
      <c r="B7134" s="22">
        <v>2.4592525959014893</v>
      </c>
      <c r="C7134" s="21">
        <v>422361.68403686956</v>
      </c>
      <c r="D7134">
        <f t="shared" si="111"/>
        <v>0</v>
      </c>
    </row>
    <row r="7135" spans="1:4" x14ac:dyDescent="0.25">
      <c r="A7135" s="20">
        <v>43853.041666649377</v>
      </c>
      <c r="B7135" s="22">
        <v>2.513340950012207</v>
      </c>
      <c r="C7135" s="21">
        <v>431651.03006299865</v>
      </c>
      <c r="D7135">
        <f t="shared" si="111"/>
        <v>1</v>
      </c>
    </row>
    <row r="7136" spans="1:4" x14ac:dyDescent="0.25">
      <c r="A7136" s="20">
        <v>43853.083333316041</v>
      </c>
      <c r="B7136" s="22">
        <v>2.5015883445739746</v>
      </c>
      <c r="C7136" s="21">
        <v>429632.59152074187</v>
      </c>
      <c r="D7136">
        <f t="shared" si="111"/>
        <v>2</v>
      </c>
    </row>
    <row r="7137" spans="1:4" x14ac:dyDescent="0.25">
      <c r="A7137" s="20">
        <v>43853.124999982705</v>
      </c>
      <c r="B7137" s="22">
        <v>2.4759445190429688</v>
      </c>
      <c r="C7137" s="21">
        <v>425228.4203695255</v>
      </c>
      <c r="D7137">
        <f t="shared" si="111"/>
        <v>3</v>
      </c>
    </row>
    <row r="7138" spans="1:4" x14ac:dyDescent="0.25">
      <c r="A7138" s="20">
        <v>43853.166666649369</v>
      </c>
      <c r="B7138" s="22">
        <v>2.5806500911712646</v>
      </c>
      <c r="C7138" s="21">
        <v>443210.96589813556</v>
      </c>
      <c r="D7138">
        <f t="shared" si="111"/>
        <v>4</v>
      </c>
    </row>
    <row r="7139" spans="1:4" x14ac:dyDescent="0.25">
      <c r="A7139" s="20">
        <v>43853.208333316034</v>
      </c>
      <c r="B7139" s="22">
        <v>2.8039975166320801</v>
      </c>
      <c r="C7139" s="21">
        <v>481569.52853628917</v>
      </c>
      <c r="D7139">
        <f t="shared" si="111"/>
        <v>5</v>
      </c>
    </row>
    <row r="7140" spans="1:4" x14ac:dyDescent="0.25">
      <c r="A7140" s="20">
        <v>43853.249999982698</v>
      </c>
      <c r="B7140" s="22">
        <v>3.0304772853851318</v>
      </c>
      <c r="C7140" s="21">
        <v>520466.05209399021</v>
      </c>
      <c r="D7140">
        <f t="shared" si="111"/>
        <v>6</v>
      </c>
    </row>
    <row r="7141" spans="1:4" x14ac:dyDescent="0.25">
      <c r="A7141" s="20">
        <v>43853.291666649362</v>
      </c>
      <c r="B7141" s="22">
        <v>2.784714937210083</v>
      </c>
      <c r="C7141" s="21">
        <v>478257.86273554049</v>
      </c>
      <c r="D7141">
        <f t="shared" si="111"/>
        <v>7</v>
      </c>
    </row>
    <row r="7142" spans="1:4" x14ac:dyDescent="0.25">
      <c r="A7142" s="20">
        <v>43853.333333316026</v>
      </c>
      <c r="B7142" s="22">
        <v>2.4725806713104248</v>
      </c>
      <c r="C7142" s="21">
        <v>424650.69996962487</v>
      </c>
      <c r="D7142">
        <f t="shared" si="111"/>
        <v>8</v>
      </c>
    </row>
    <row r="7143" spans="1:4" x14ac:dyDescent="0.25">
      <c r="A7143" s="20">
        <v>43853.37499998269</v>
      </c>
      <c r="B7143" s="22">
        <v>2.4769940376281738</v>
      </c>
      <c r="C7143" s="21">
        <v>425408.66880671895</v>
      </c>
      <c r="D7143">
        <f t="shared" si="111"/>
        <v>9</v>
      </c>
    </row>
    <row r="7144" spans="1:4" x14ac:dyDescent="0.25">
      <c r="A7144" s="20">
        <v>43853.416666649355</v>
      </c>
      <c r="B7144" s="22">
        <v>2.33070969581604</v>
      </c>
      <c r="C7144" s="21">
        <v>400285.22233401152</v>
      </c>
      <c r="D7144">
        <f t="shared" si="111"/>
        <v>10</v>
      </c>
    </row>
    <row r="7145" spans="1:4" x14ac:dyDescent="0.25">
      <c r="A7145" s="20">
        <v>43853.458333316019</v>
      </c>
      <c r="B7145" s="22">
        <v>2.2615575790405273</v>
      </c>
      <c r="C7145" s="21">
        <v>388408.76663983206</v>
      </c>
      <c r="D7145">
        <f t="shared" si="111"/>
        <v>11</v>
      </c>
    </row>
    <row r="7146" spans="1:4" x14ac:dyDescent="0.25">
      <c r="A7146" s="20">
        <v>43853.499999982683</v>
      </c>
      <c r="B7146" s="22">
        <v>2.0262761116027832</v>
      </c>
      <c r="C7146" s="21">
        <v>348000.60483681731</v>
      </c>
      <c r="D7146">
        <f t="shared" si="111"/>
        <v>12</v>
      </c>
    </row>
    <row r="7147" spans="1:4" x14ac:dyDescent="0.25">
      <c r="A7147" s="20">
        <v>43853.541666649347</v>
      </c>
      <c r="B7147" s="22">
        <v>1.7400753498077393</v>
      </c>
      <c r="C7147" s="21">
        <v>298847.36375623668</v>
      </c>
      <c r="D7147">
        <f t="shared" si="111"/>
        <v>13</v>
      </c>
    </row>
    <row r="7148" spans="1:4" x14ac:dyDescent="0.25">
      <c r="A7148" s="20">
        <v>43853.583333316012</v>
      </c>
      <c r="B7148" s="22">
        <v>1.8191215991973877</v>
      </c>
      <c r="C7148" s="21">
        <v>312423.07658242236</v>
      </c>
      <c r="D7148">
        <f t="shared" si="111"/>
        <v>14</v>
      </c>
    </row>
    <row r="7149" spans="1:4" x14ac:dyDescent="0.25">
      <c r="A7149" s="20">
        <v>43853.624999982676</v>
      </c>
      <c r="B7149" s="22">
        <v>1.8430105447769165</v>
      </c>
      <c r="C7149" s="21">
        <v>316525.85776954005</v>
      </c>
      <c r="D7149">
        <f t="shared" si="111"/>
        <v>15</v>
      </c>
    </row>
    <row r="7150" spans="1:4" x14ac:dyDescent="0.25">
      <c r="A7150" s="20">
        <v>43853.66666664934</v>
      </c>
      <c r="B7150" s="22">
        <v>1.8444796800613403</v>
      </c>
      <c r="C7150" s="21">
        <v>316778.17282405752</v>
      </c>
      <c r="D7150">
        <f t="shared" si="111"/>
        <v>16</v>
      </c>
    </row>
    <row r="7151" spans="1:4" x14ac:dyDescent="0.25">
      <c r="A7151" s="20">
        <v>43853.708333316004</v>
      </c>
      <c r="B7151" s="22">
        <v>2.092930793762207</v>
      </c>
      <c r="C7151" s="21">
        <v>359448.14131709363</v>
      </c>
      <c r="D7151">
        <f t="shared" si="111"/>
        <v>17</v>
      </c>
    </row>
    <row r="7152" spans="1:4" x14ac:dyDescent="0.25">
      <c r="A7152" s="20">
        <v>43853.749999982669</v>
      </c>
      <c r="B7152" s="22">
        <v>2.0999486446380615</v>
      </c>
      <c r="C7152" s="21">
        <v>360653.4145448968</v>
      </c>
      <c r="D7152">
        <f t="shared" si="111"/>
        <v>18</v>
      </c>
    </row>
    <row r="7153" spans="1:4" x14ac:dyDescent="0.25">
      <c r="A7153" s="20">
        <v>43853.791666649333</v>
      </c>
      <c r="B7153" s="22">
        <v>2.1506085395812988</v>
      </c>
      <c r="C7153" s="21">
        <v>369353.94354993507</v>
      </c>
      <c r="D7153">
        <f t="shared" si="111"/>
        <v>19</v>
      </c>
    </row>
    <row r="7154" spans="1:4" x14ac:dyDescent="0.25">
      <c r="A7154" s="20">
        <v>43853.833333315997</v>
      </c>
      <c r="B7154" s="22">
        <v>2.2914795875549316</v>
      </c>
      <c r="C7154" s="21">
        <v>393547.68971222057</v>
      </c>
      <c r="D7154">
        <f t="shared" si="111"/>
        <v>20</v>
      </c>
    </row>
    <row r="7155" spans="1:4" x14ac:dyDescent="0.25">
      <c r="A7155" s="20">
        <v>43853.874999982661</v>
      </c>
      <c r="B7155" s="22">
        <v>2.0143990516662598</v>
      </c>
      <c r="C7155" s="21">
        <v>345960.79199101322</v>
      </c>
      <c r="D7155">
        <f t="shared" si="111"/>
        <v>21</v>
      </c>
    </row>
    <row r="7156" spans="1:4" x14ac:dyDescent="0.25">
      <c r="A7156" s="20">
        <v>43853.916666649326</v>
      </c>
      <c r="B7156" s="22">
        <v>2.0139970779418945</v>
      </c>
      <c r="C7156" s="21">
        <v>345891.7554473721</v>
      </c>
      <c r="D7156">
        <f t="shared" si="111"/>
        <v>22</v>
      </c>
    </row>
    <row r="7157" spans="1:4" x14ac:dyDescent="0.25">
      <c r="A7157" s="20">
        <v>43853.95833331599</v>
      </c>
      <c r="B7157" s="22">
        <v>1.8949503898620605</v>
      </c>
      <c r="C7157" s="21">
        <v>325446.21043088747</v>
      </c>
      <c r="D7157">
        <f t="shared" si="111"/>
        <v>23</v>
      </c>
    </row>
    <row r="7158" spans="1:4" x14ac:dyDescent="0.25">
      <c r="A7158" s="20">
        <v>43853.999999982654</v>
      </c>
      <c r="B7158" s="22">
        <v>1.7325472831726074</v>
      </c>
      <c r="C7158" s="21">
        <v>297554.46407327813</v>
      </c>
      <c r="D7158">
        <f t="shared" si="111"/>
        <v>0</v>
      </c>
    </row>
    <row r="7159" spans="1:4" x14ac:dyDescent="0.25">
      <c r="A7159" s="20">
        <v>43854.041666649318</v>
      </c>
      <c r="B7159" s="22">
        <v>1.7175805568695068</v>
      </c>
      <c r="C7159" s="21">
        <v>294984.01981048402</v>
      </c>
      <c r="D7159">
        <f t="shared" si="111"/>
        <v>1</v>
      </c>
    </row>
    <row r="7160" spans="1:4" x14ac:dyDescent="0.25">
      <c r="A7160" s="20">
        <v>43854.083333315983</v>
      </c>
      <c r="B7160" s="22">
        <v>1.7203640937805176</v>
      </c>
      <c r="C7160" s="21">
        <v>295462.07535438077</v>
      </c>
      <c r="D7160">
        <f t="shared" si="111"/>
        <v>2</v>
      </c>
    </row>
    <row r="7161" spans="1:4" x14ac:dyDescent="0.25">
      <c r="A7161" s="20">
        <v>43854.124999982647</v>
      </c>
      <c r="B7161" s="22">
        <v>1.7026573419570923</v>
      </c>
      <c r="C7161" s="21">
        <v>292421.04836454306</v>
      </c>
      <c r="D7161">
        <f t="shared" si="111"/>
        <v>3</v>
      </c>
    </row>
    <row r="7162" spans="1:4" x14ac:dyDescent="0.25">
      <c r="A7162" s="20">
        <v>43854.166666649311</v>
      </c>
      <c r="B7162" s="22">
        <v>1.7565767765045166</v>
      </c>
      <c r="C7162" s="21">
        <v>301681.38348250516</v>
      </c>
      <c r="D7162">
        <f t="shared" si="111"/>
        <v>4</v>
      </c>
    </row>
    <row r="7163" spans="1:4" x14ac:dyDescent="0.25">
      <c r="A7163" s="20">
        <v>43854.208333315975</v>
      </c>
      <c r="B7163" s="22">
        <v>1.8358206748962402</v>
      </c>
      <c r="C7163" s="21">
        <v>315291.04132332816</v>
      </c>
      <c r="D7163">
        <f t="shared" si="111"/>
        <v>5</v>
      </c>
    </row>
    <row r="7164" spans="1:4" x14ac:dyDescent="0.25">
      <c r="A7164" s="20">
        <v>43854.24999998264</v>
      </c>
      <c r="B7164" s="22">
        <v>2.0573151111602783</v>
      </c>
      <c r="C7164" s="21">
        <v>353331.36433088937</v>
      </c>
      <c r="D7164">
        <f t="shared" si="111"/>
        <v>6</v>
      </c>
    </row>
    <row r="7165" spans="1:4" x14ac:dyDescent="0.25">
      <c r="A7165" s="20">
        <v>43854.291666649304</v>
      </c>
      <c r="B7165" s="22">
        <v>1.9126983880996704</v>
      </c>
      <c r="C7165" s="21">
        <v>328494.32124163257</v>
      </c>
      <c r="D7165">
        <f t="shared" si="111"/>
        <v>7</v>
      </c>
    </row>
    <row r="7166" spans="1:4" x14ac:dyDescent="0.25">
      <c r="A7166" s="20">
        <v>43854.333333315968</v>
      </c>
      <c r="B7166" s="22">
        <v>1.8506115674972534</v>
      </c>
      <c r="C7166" s="21">
        <v>317831.28721664695</v>
      </c>
      <c r="D7166">
        <f t="shared" si="111"/>
        <v>8</v>
      </c>
    </row>
    <row r="7167" spans="1:4" x14ac:dyDescent="0.25">
      <c r="A7167" s="20">
        <v>43854.374999982632</v>
      </c>
      <c r="B7167" s="22">
        <v>1.8247209787368774</v>
      </c>
      <c r="C7167" s="21">
        <v>313384.735980811</v>
      </c>
      <c r="D7167">
        <f t="shared" si="111"/>
        <v>9</v>
      </c>
    </row>
    <row r="7168" spans="1:4" x14ac:dyDescent="0.25">
      <c r="A7168" s="20">
        <v>43854.416666649297</v>
      </c>
      <c r="B7168" s="22">
        <v>1.9344112873077393</v>
      </c>
      <c r="C7168" s="21">
        <v>332223.37969220668</v>
      </c>
      <c r="D7168">
        <f t="shared" si="111"/>
        <v>10</v>
      </c>
    </row>
    <row r="7169" spans="1:4" x14ac:dyDescent="0.25">
      <c r="A7169" s="20">
        <v>43854.458333315961</v>
      </c>
      <c r="B7169" s="22">
        <v>1.7259371280670166</v>
      </c>
      <c r="C7169" s="21">
        <v>296419.21011571592</v>
      </c>
      <c r="D7169">
        <f t="shared" si="111"/>
        <v>11</v>
      </c>
    </row>
    <row r="7170" spans="1:4" x14ac:dyDescent="0.25">
      <c r="A7170" s="20">
        <v>43854.499999982625</v>
      </c>
      <c r="B7170" s="22">
        <v>1.4823025465011597</v>
      </c>
      <c r="C7170" s="21">
        <v>254576.45173812329</v>
      </c>
      <c r="D7170">
        <f t="shared" si="111"/>
        <v>12</v>
      </c>
    </row>
    <row r="7171" spans="1:4" x14ac:dyDescent="0.25">
      <c r="A7171" s="20">
        <v>43854.541666649289</v>
      </c>
      <c r="B7171" s="22">
        <v>1.5012804269790649</v>
      </c>
      <c r="C7171" s="21">
        <v>257835.78734742873</v>
      </c>
      <c r="D7171">
        <f t="shared" si="111"/>
        <v>13</v>
      </c>
    </row>
    <row r="7172" spans="1:4" x14ac:dyDescent="0.25">
      <c r="A7172" s="20">
        <v>43854.583333315953</v>
      </c>
      <c r="B7172" s="22">
        <v>1.4170988798141479</v>
      </c>
      <c r="C7172" s="21">
        <v>243378.11834479822</v>
      </c>
      <c r="D7172">
        <f t="shared" si="111"/>
        <v>14</v>
      </c>
    </row>
    <row r="7173" spans="1:4" x14ac:dyDescent="0.25">
      <c r="A7173" s="20">
        <v>43854.624999982618</v>
      </c>
      <c r="B7173" s="22">
        <v>1.9062438011169434</v>
      </c>
      <c r="C7173" s="21">
        <v>327385.78516350448</v>
      </c>
      <c r="D7173">
        <f t="shared" si="111"/>
        <v>15</v>
      </c>
    </row>
    <row r="7174" spans="1:4" x14ac:dyDescent="0.25">
      <c r="A7174" s="20">
        <v>43854.666666649282</v>
      </c>
      <c r="B7174" s="22">
        <v>1.885373592376709</v>
      </c>
      <c r="C7174" s="21">
        <v>323801.4536782325</v>
      </c>
      <c r="D7174">
        <f t="shared" si="111"/>
        <v>16</v>
      </c>
    </row>
    <row r="7175" spans="1:4" x14ac:dyDescent="0.25">
      <c r="A7175" s="20">
        <v>43854.708333315946</v>
      </c>
      <c r="B7175" s="22">
        <v>1.7814702987670898</v>
      </c>
      <c r="C7175" s="21">
        <v>305956.69460831315</v>
      </c>
      <c r="D7175">
        <f t="shared" ref="D7175:D7238" si="112">HOUR(A7175)</f>
        <v>17</v>
      </c>
    </row>
    <row r="7176" spans="1:4" x14ac:dyDescent="0.25">
      <c r="A7176" s="20">
        <v>43854.74999998261</v>
      </c>
      <c r="B7176" s="22">
        <v>1.7625024318695068</v>
      </c>
      <c r="C7176" s="21">
        <v>302699.07877055748</v>
      </c>
      <c r="D7176">
        <f t="shared" si="112"/>
        <v>18</v>
      </c>
    </row>
    <row r="7177" spans="1:4" x14ac:dyDescent="0.25">
      <c r="A7177" s="20">
        <v>43854.791666649275</v>
      </c>
      <c r="B7177" s="22">
        <v>1.8782151937484741</v>
      </c>
      <c r="C7177" s="21">
        <v>322572.04222831997</v>
      </c>
      <c r="D7177">
        <f t="shared" si="112"/>
        <v>19</v>
      </c>
    </row>
    <row r="7178" spans="1:4" x14ac:dyDescent="0.25">
      <c r="A7178" s="20">
        <v>43854.833333315939</v>
      </c>
      <c r="B7178" s="22">
        <v>1.9847868680953979</v>
      </c>
      <c r="C7178" s="21">
        <v>340875.07946931379</v>
      </c>
      <c r="D7178">
        <f t="shared" si="112"/>
        <v>20</v>
      </c>
    </row>
    <row r="7179" spans="1:4" x14ac:dyDescent="0.25">
      <c r="A7179" s="20">
        <v>43854.874999982603</v>
      </c>
      <c r="B7179" s="22">
        <v>2.0312316417694092</v>
      </c>
      <c r="C7179" s="21">
        <v>348851.68701924937</v>
      </c>
      <c r="D7179">
        <f t="shared" si="112"/>
        <v>21</v>
      </c>
    </row>
    <row r="7180" spans="1:4" x14ac:dyDescent="0.25">
      <c r="A7180" s="20">
        <v>43854.916666649267</v>
      </c>
      <c r="B7180" s="22">
        <v>1.9469853639602661</v>
      </c>
      <c r="C7180" s="21">
        <v>334382.90092195786</v>
      </c>
      <c r="D7180">
        <f t="shared" si="112"/>
        <v>22</v>
      </c>
    </row>
    <row r="7181" spans="1:4" x14ac:dyDescent="0.25">
      <c r="A7181" s="20">
        <v>43854.958333315932</v>
      </c>
      <c r="B7181" s="22">
        <v>1.9294430017471313</v>
      </c>
      <c r="C7181" s="21">
        <v>331370.10684839572</v>
      </c>
      <c r="D7181">
        <f t="shared" si="112"/>
        <v>23</v>
      </c>
    </row>
    <row r="7182" spans="1:4" x14ac:dyDescent="0.25">
      <c r="A7182" s="20">
        <v>43854.999999982596</v>
      </c>
      <c r="B7182" s="22">
        <v>1.7974416017532349</v>
      </c>
      <c r="C7182" s="21">
        <v>308699.66880979744</v>
      </c>
      <c r="D7182">
        <f t="shared" si="112"/>
        <v>0</v>
      </c>
    </row>
    <row r="7183" spans="1:4" x14ac:dyDescent="0.25">
      <c r="A7183" s="20">
        <v>43855.04166664926</v>
      </c>
      <c r="B7183" s="22">
        <v>1.8573592901229858</v>
      </c>
      <c r="C7183" s="21">
        <v>318990.16755954776</v>
      </c>
      <c r="D7183">
        <f t="shared" si="112"/>
        <v>1</v>
      </c>
    </row>
    <row r="7184" spans="1:4" x14ac:dyDescent="0.25">
      <c r="A7184" s="20">
        <v>43855.083333315924</v>
      </c>
      <c r="B7184" s="22">
        <v>1.6824078559875488</v>
      </c>
      <c r="C7184" s="21">
        <v>288943.32224188664</v>
      </c>
      <c r="D7184">
        <f t="shared" si="112"/>
        <v>2</v>
      </c>
    </row>
    <row r="7185" spans="1:4" x14ac:dyDescent="0.25">
      <c r="A7185" s="20">
        <v>43855.124999982589</v>
      </c>
      <c r="B7185" s="22">
        <v>1.6689420938491821</v>
      </c>
      <c r="C7185" s="21">
        <v>286630.65945032187</v>
      </c>
      <c r="D7185">
        <f t="shared" si="112"/>
        <v>3</v>
      </c>
    </row>
    <row r="7186" spans="1:4" x14ac:dyDescent="0.25">
      <c r="A7186" s="20">
        <v>43855.166666649253</v>
      </c>
      <c r="B7186" s="22">
        <v>1.7661727666854858</v>
      </c>
      <c r="C7186" s="21">
        <v>303329.43646396382</v>
      </c>
      <c r="D7186">
        <f t="shared" si="112"/>
        <v>4</v>
      </c>
    </row>
    <row r="7187" spans="1:4" x14ac:dyDescent="0.25">
      <c r="A7187" s="20">
        <v>43855.208333315917</v>
      </c>
      <c r="B7187" s="22">
        <v>1.8916627168655396</v>
      </c>
      <c r="C7187" s="21">
        <v>324881.57257884764</v>
      </c>
      <c r="D7187">
        <f t="shared" si="112"/>
        <v>5</v>
      </c>
    </row>
    <row r="7188" spans="1:4" x14ac:dyDescent="0.25">
      <c r="A7188" s="20">
        <v>43855.249999982581</v>
      </c>
      <c r="B7188" s="22">
        <v>1.8470698595046997</v>
      </c>
      <c r="C7188" s="21">
        <v>317223.0203982669</v>
      </c>
      <c r="D7188">
        <f t="shared" si="112"/>
        <v>6</v>
      </c>
    </row>
    <row r="7189" spans="1:4" x14ac:dyDescent="0.25">
      <c r="A7189" s="20">
        <v>43855.291666649246</v>
      </c>
      <c r="B7189" s="22">
        <v>1.8856756687164307</v>
      </c>
      <c r="C7189" s="21">
        <v>323853.33345331752</v>
      </c>
      <c r="D7189">
        <f t="shared" si="112"/>
        <v>7</v>
      </c>
    </row>
    <row r="7190" spans="1:4" x14ac:dyDescent="0.25">
      <c r="A7190" s="20">
        <v>43855.33333331591</v>
      </c>
      <c r="B7190" s="22">
        <v>2.1549491882324219</v>
      </c>
      <c r="C7190" s="21">
        <v>370099.42356982245</v>
      </c>
      <c r="D7190">
        <f t="shared" si="112"/>
        <v>8</v>
      </c>
    </row>
    <row r="7191" spans="1:4" x14ac:dyDescent="0.25">
      <c r="A7191" s="20">
        <v>43855.374999982574</v>
      </c>
      <c r="B7191" s="22">
        <v>2.3419106006622314</v>
      </c>
      <c r="C7191" s="21">
        <v>402208.90965326387</v>
      </c>
      <c r="D7191">
        <f t="shared" si="112"/>
        <v>9</v>
      </c>
    </row>
    <row r="7192" spans="1:4" x14ac:dyDescent="0.25">
      <c r="A7192" s="20">
        <v>43855.416666649238</v>
      </c>
      <c r="B7192" s="22">
        <v>2.5018472671508789</v>
      </c>
      <c r="C7192" s="21">
        <v>429677.05989938619</v>
      </c>
      <c r="D7192">
        <f t="shared" si="112"/>
        <v>10</v>
      </c>
    </row>
    <row r="7193" spans="1:4" x14ac:dyDescent="0.25">
      <c r="A7193" s="20">
        <v>43855.458333315903</v>
      </c>
      <c r="B7193" s="22">
        <v>2.3774430751800537</v>
      </c>
      <c r="C7193" s="21">
        <v>408311.39615682833</v>
      </c>
      <c r="D7193">
        <f t="shared" si="112"/>
        <v>11</v>
      </c>
    </row>
    <row r="7194" spans="1:4" x14ac:dyDescent="0.25">
      <c r="A7194" s="20">
        <v>43855.499999982567</v>
      </c>
      <c r="B7194" s="22">
        <v>2.4507062435150146</v>
      </c>
      <c r="C7194" s="21">
        <v>420893.89996607514</v>
      </c>
      <c r="D7194">
        <f t="shared" si="112"/>
        <v>12</v>
      </c>
    </row>
    <row r="7195" spans="1:4" x14ac:dyDescent="0.25">
      <c r="A7195" s="20">
        <v>43855.541666649231</v>
      </c>
      <c r="B7195" s="22">
        <v>2.3159387111663818</v>
      </c>
      <c r="C7195" s="21">
        <v>397748.39551032148</v>
      </c>
      <c r="D7195">
        <f t="shared" si="112"/>
        <v>13</v>
      </c>
    </row>
    <row r="7196" spans="1:4" x14ac:dyDescent="0.25">
      <c r="A7196" s="20">
        <v>43855.583333315895</v>
      </c>
      <c r="B7196" s="22">
        <v>2.4152359962463379</v>
      </c>
      <c r="C7196" s="21">
        <v>414802.1006142844</v>
      </c>
      <c r="D7196">
        <f t="shared" si="112"/>
        <v>14</v>
      </c>
    </row>
    <row r="7197" spans="1:4" x14ac:dyDescent="0.25">
      <c r="A7197" s="20">
        <v>43855.62499998256</v>
      </c>
      <c r="B7197" s="22">
        <v>2.2361516952514648</v>
      </c>
      <c r="C7197" s="21">
        <v>384045.4605363938</v>
      </c>
      <c r="D7197">
        <f t="shared" si="112"/>
        <v>15</v>
      </c>
    </row>
    <row r="7198" spans="1:4" x14ac:dyDescent="0.25">
      <c r="A7198" s="20">
        <v>43855.666666649224</v>
      </c>
      <c r="B7198" s="22">
        <v>2.4851958751678467</v>
      </c>
      <c r="C7198" s="21">
        <v>426817.28454681259</v>
      </c>
      <c r="D7198">
        <f t="shared" si="112"/>
        <v>16</v>
      </c>
    </row>
    <row r="7199" spans="1:4" x14ac:dyDescent="0.25">
      <c r="A7199" s="20">
        <v>43855.708333315888</v>
      </c>
      <c r="B7199" s="22">
        <v>2.5258572101593018</v>
      </c>
      <c r="C7199" s="21">
        <v>433800.62165939697</v>
      </c>
      <c r="D7199">
        <f t="shared" si="112"/>
        <v>17</v>
      </c>
    </row>
    <row r="7200" spans="1:4" x14ac:dyDescent="0.25">
      <c r="A7200" s="20">
        <v>43855.749999982552</v>
      </c>
      <c r="B7200" s="22">
        <v>2.418269157409668</v>
      </c>
      <c r="C7200" s="21">
        <v>415323.0276061006</v>
      </c>
      <c r="D7200">
        <f t="shared" si="112"/>
        <v>18</v>
      </c>
    </row>
    <row r="7201" spans="1:4" x14ac:dyDescent="0.25">
      <c r="A7201" s="20">
        <v>43855.791666649216</v>
      </c>
      <c r="B7201" s="22">
        <v>2.319136381149292</v>
      </c>
      <c r="C7201" s="21">
        <v>398297.5758918841</v>
      </c>
      <c r="D7201">
        <f t="shared" si="112"/>
        <v>19</v>
      </c>
    </row>
    <row r="7202" spans="1:4" x14ac:dyDescent="0.25">
      <c r="A7202" s="20">
        <v>43855.833333315881</v>
      </c>
      <c r="B7202" s="22">
        <v>2.2718772888183594</v>
      </c>
      <c r="C7202" s="21">
        <v>390181.11406270397</v>
      </c>
      <c r="D7202">
        <f t="shared" si="112"/>
        <v>20</v>
      </c>
    </row>
    <row r="7203" spans="1:4" x14ac:dyDescent="0.25">
      <c r="A7203" s="20">
        <v>43855.874999982545</v>
      </c>
      <c r="B7203" s="22">
        <v>2.3027362823486328</v>
      </c>
      <c r="C7203" s="21">
        <v>395480.95861582167</v>
      </c>
      <c r="D7203">
        <f t="shared" si="112"/>
        <v>21</v>
      </c>
    </row>
    <row r="7204" spans="1:4" x14ac:dyDescent="0.25">
      <c r="A7204" s="20">
        <v>43855.916666649209</v>
      </c>
      <c r="B7204" s="22">
        <v>2.0270848274230957</v>
      </c>
      <c r="C7204" s="21">
        <v>348139.49686293275</v>
      </c>
      <c r="D7204">
        <f t="shared" si="112"/>
        <v>22</v>
      </c>
    </row>
    <row r="7205" spans="1:4" x14ac:dyDescent="0.25">
      <c r="A7205" s="20">
        <v>43855.958333315873</v>
      </c>
      <c r="B7205" s="22">
        <v>2.1595005989074707</v>
      </c>
      <c r="C7205" s="21">
        <v>370881.1006861385</v>
      </c>
      <c r="D7205">
        <f t="shared" si="112"/>
        <v>23</v>
      </c>
    </row>
    <row r="7206" spans="1:4" x14ac:dyDescent="0.25">
      <c r="A7206" s="20">
        <v>43855.999999982538</v>
      </c>
      <c r="B7206" s="22">
        <v>2.1024444103240967</v>
      </c>
      <c r="C7206" s="21">
        <v>361082.04713020829</v>
      </c>
      <c r="D7206">
        <f t="shared" si="112"/>
        <v>0</v>
      </c>
    </row>
    <row r="7207" spans="1:4" x14ac:dyDescent="0.25">
      <c r="A7207" s="20">
        <v>43856.041666649202</v>
      </c>
      <c r="B7207" s="22">
        <v>2.1314263343811035</v>
      </c>
      <c r="C7207" s="21">
        <v>366059.5164116259</v>
      </c>
      <c r="D7207">
        <f t="shared" si="112"/>
        <v>1</v>
      </c>
    </row>
    <row r="7208" spans="1:4" x14ac:dyDescent="0.25">
      <c r="A7208" s="20">
        <v>43856.083333315866</v>
      </c>
      <c r="B7208" s="22">
        <v>1.9587262868881226</v>
      </c>
      <c r="C7208" s="21">
        <v>336399.33306407329</v>
      </c>
      <c r="D7208">
        <f t="shared" si="112"/>
        <v>2</v>
      </c>
    </row>
    <row r="7209" spans="1:4" x14ac:dyDescent="0.25">
      <c r="A7209" s="20">
        <v>43856.12499998253</v>
      </c>
      <c r="B7209" s="22">
        <v>2.0881898403167725</v>
      </c>
      <c r="C7209" s="21">
        <v>358633.91138215677</v>
      </c>
      <c r="D7209">
        <f t="shared" si="112"/>
        <v>3</v>
      </c>
    </row>
    <row r="7210" spans="1:4" x14ac:dyDescent="0.25">
      <c r="A7210" s="20">
        <v>43856.166666649195</v>
      </c>
      <c r="B7210" s="22">
        <v>2.0295858383178711</v>
      </c>
      <c r="C7210" s="21">
        <v>348569.03028096078</v>
      </c>
      <c r="D7210">
        <f t="shared" si="112"/>
        <v>4</v>
      </c>
    </row>
    <row r="7211" spans="1:4" x14ac:dyDescent="0.25">
      <c r="A7211" s="20">
        <v>43856.208333315859</v>
      </c>
      <c r="B7211" s="22">
        <v>2.2458257675170898</v>
      </c>
      <c r="C7211" s="21">
        <v>385706.92364124657</v>
      </c>
      <c r="D7211">
        <f t="shared" si="112"/>
        <v>5</v>
      </c>
    </row>
    <row r="7212" spans="1:4" x14ac:dyDescent="0.25">
      <c r="A7212" s="20">
        <v>43856.249999982523</v>
      </c>
      <c r="B7212" s="22">
        <v>2.2785968780517578</v>
      </c>
      <c r="C7212" s="21">
        <v>391335.16266648873</v>
      </c>
      <c r="D7212">
        <f t="shared" si="112"/>
        <v>6</v>
      </c>
    </row>
    <row r="7213" spans="1:4" x14ac:dyDescent="0.25">
      <c r="A7213" s="20">
        <v>43856.291666649187</v>
      </c>
      <c r="B7213" s="22">
        <v>2.2569634914398193</v>
      </c>
      <c r="C7213" s="21">
        <v>387619.76002095867</v>
      </c>
      <c r="D7213">
        <f t="shared" si="112"/>
        <v>7</v>
      </c>
    </row>
    <row r="7214" spans="1:4" x14ac:dyDescent="0.25">
      <c r="A7214" s="20">
        <v>43856.333333315852</v>
      </c>
      <c r="B7214" s="22">
        <v>2.3461611270904541</v>
      </c>
      <c r="C7214" s="21">
        <v>402938.91172920325</v>
      </c>
      <c r="D7214">
        <f t="shared" si="112"/>
        <v>8</v>
      </c>
    </row>
    <row r="7215" spans="1:4" x14ac:dyDescent="0.25">
      <c r="A7215" s="20">
        <v>43856.374999982516</v>
      </c>
      <c r="B7215" s="22">
        <v>2.3198442459106445</v>
      </c>
      <c r="C7215" s="21">
        <v>398419.14736167673</v>
      </c>
      <c r="D7215">
        <f t="shared" si="112"/>
        <v>9</v>
      </c>
    </row>
    <row r="7216" spans="1:4" x14ac:dyDescent="0.25">
      <c r="A7216" s="20">
        <v>43856.41666664918</v>
      </c>
      <c r="B7216" s="22">
        <v>2.2023367881774902</v>
      </c>
      <c r="C7216" s="21">
        <v>378237.95580055809</v>
      </c>
      <c r="D7216">
        <f t="shared" si="112"/>
        <v>10</v>
      </c>
    </row>
    <row r="7217" spans="1:4" x14ac:dyDescent="0.25">
      <c r="A7217" s="20">
        <v>43856.458333315844</v>
      </c>
      <c r="B7217" s="22">
        <v>2.2091143131256104</v>
      </c>
      <c r="C7217" s="21">
        <v>379401.95451116655</v>
      </c>
      <c r="D7217">
        <f t="shared" si="112"/>
        <v>11</v>
      </c>
    </row>
    <row r="7218" spans="1:4" x14ac:dyDescent="0.25">
      <c r="A7218" s="20">
        <v>43856.499999982509</v>
      </c>
      <c r="B7218" s="22">
        <v>2.1703202724456787</v>
      </c>
      <c r="C7218" s="21">
        <v>372739.31384567427</v>
      </c>
      <c r="D7218">
        <f t="shared" si="112"/>
        <v>12</v>
      </c>
    </row>
    <row r="7219" spans="1:4" x14ac:dyDescent="0.25">
      <c r="A7219" s="20">
        <v>43856.541666649173</v>
      </c>
      <c r="B7219" s="22">
        <v>2.119293212890625</v>
      </c>
      <c r="C7219" s="21">
        <v>363975.72655047744</v>
      </c>
      <c r="D7219">
        <f t="shared" si="112"/>
        <v>13</v>
      </c>
    </row>
    <row r="7220" spans="1:4" x14ac:dyDescent="0.25">
      <c r="A7220" s="20">
        <v>43856.583333315837</v>
      </c>
      <c r="B7220" s="22">
        <v>2.113682746887207</v>
      </c>
      <c r="C7220" s="21">
        <v>363012.16311930149</v>
      </c>
      <c r="D7220">
        <f t="shared" si="112"/>
        <v>14</v>
      </c>
    </row>
    <row r="7221" spans="1:4" x14ac:dyDescent="0.25">
      <c r="A7221" s="20">
        <v>43856.624999982501</v>
      </c>
      <c r="B7221" s="22">
        <v>2.1139693260192871</v>
      </c>
      <c r="C7221" s="21">
        <v>363061.38134317845</v>
      </c>
      <c r="D7221">
        <f t="shared" si="112"/>
        <v>15</v>
      </c>
    </row>
    <row r="7222" spans="1:4" x14ac:dyDescent="0.25">
      <c r="A7222" s="20">
        <v>43856.666666649166</v>
      </c>
      <c r="B7222" s="22">
        <v>2.212907075881958</v>
      </c>
      <c r="C7222" s="21">
        <v>380053.33845911606</v>
      </c>
      <c r="D7222">
        <f t="shared" si="112"/>
        <v>16</v>
      </c>
    </row>
    <row r="7223" spans="1:4" x14ac:dyDescent="0.25">
      <c r="A7223" s="20">
        <v>43856.70833331583</v>
      </c>
      <c r="B7223" s="22">
        <v>2.2002625465393066</v>
      </c>
      <c r="C7223" s="21">
        <v>377881.71740810398</v>
      </c>
      <c r="D7223">
        <f t="shared" si="112"/>
        <v>17</v>
      </c>
    </row>
    <row r="7224" spans="1:4" x14ac:dyDescent="0.25">
      <c r="A7224" s="20">
        <v>43856.749999982494</v>
      </c>
      <c r="B7224" s="22">
        <v>2.3526546955108643</v>
      </c>
      <c r="C7224" s="21">
        <v>404054.14263229299</v>
      </c>
      <c r="D7224">
        <f t="shared" si="112"/>
        <v>18</v>
      </c>
    </row>
    <row r="7225" spans="1:4" x14ac:dyDescent="0.25">
      <c r="A7225" s="20">
        <v>43856.791666649158</v>
      </c>
      <c r="B7225" s="22">
        <v>2.3484463691711426</v>
      </c>
      <c r="C7225" s="21">
        <v>403331.38816502772</v>
      </c>
      <c r="D7225">
        <f t="shared" si="112"/>
        <v>19</v>
      </c>
    </row>
    <row r="7226" spans="1:4" x14ac:dyDescent="0.25">
      <c r="A7226" s="20">
        <v>43856.833333315823</v>
      </c>
      <c r="B7226" s="22">
        <v>2.4738695621490479</v>
      </c>
      <c r="C7226" s="21">
        <v>424872.05913624633</v>
      </c>
      <c r="D7226">
        <f t="shared" si="112"/>
        <v>20</v>
      </c>
    </row>
    <row r="7227" spans="1:4" x14ac:dyDescent="0.25">
      <c r="A7227" s="20">
        <v>43856.874999982487</v>
      </c>
      <c r="B7227" s="22">
        <v>2.5989322662353516</v>
      </c>
      <c r="C7227" s="21">
        <v>446350.81833167298</v>
      </c>
      <c r="D7227">
        <f t="shared" si="112"/>
        <v>21</v>
      </c>
    </row>
    <row r="7228" spans="1:4" x14ac:dyDescent="0.25">
      <c r="A7228" s="20">
        <v>43856.916666649151</v>
      </c>
      <c r="B7228" s="22">
        <v>2.3792304992675781</v>
      </c>
      <c r="C7228" s="21">
        <v>408618.37537846377</v>
      </c>
      <c r="D7228">
        <f t="shared" si="112"/>
        <v>22</v>
      </c>
    </row>
    <row r="7229" spans="1:4" x14ac:dyDescent="0.25">
      <c r="A7229" s="20">
        <v>43856.958333315815</v>
      </c>
      <c r="B7229" s="22">
        <v>1.9806427955627441</v>
      </c>
      <c r="C7229" s="21">
        <v>340163.36020282621</v>
      </c>
      <c r="D7229">
        <f t="shared" si="112"/>
        <v>23</v>
      </c>
    </row>
    <row r="7230" spans="1:4" x14ac:dyDescent="0.25">
      <c r="A7230" s="20">
        <v>43856.999999982479</v>
      </c>
      <c r="B7230" s="22">
        <v>2.0789086818695068</v>
      </c>
      <c r="C7230" s="21">
        <v>357039.92883716198</v>
      </c>
      <c r="D7230">
        <f t="shared" si="112"/>
        <v>0</v>
      </c>
    </row>
    <row r="7231" spans="1:4" x14ac:dyDescent="0.25">
      <c r="A7231" s="20">
        <v>43857.041666649144</v>
      </c>
      <c r="B7231" s="22">
        <v>1.9518158435821533</v>
      </c>
      <c r="C7231" s="21">
        <v>335212.50643348857</v>
      </c>
      <c r="D7231">
        <f t="shared" si="112"/>
        <v>1</v>
      </c>
    </row>
    <row r="7232" spans="1:4" x14ac:dyDescent="0.25">
      <c r="A7232" s="20">
        <v>43857.083333315808</v>
      </c>
      <c r="B7232" s="22">
        <v>1.8947005271911621</v>
      </c>
      <c r="C7232" s="21">
        <v>325403.29803602636</v>
      </c>
      <c r="D7232">
        <f t="shared" si="112"/>
        <v>2</v>
      </c>
    </row>
    <row r="7233" spans="1:4" x14ac:dyDescent="0.25">
      <c r="A7233" s="20">
        <v>43857.124999982472</v>
      </c>
      <c r="B7233" s="22">
        <v>1.8832190036773682</v>
      </c>
      <c r="C7233" s="21">
        <v>323431.41616643849</v>
      </c>
      <c r="D7233">
        <f t="shared" si="112"/>
        <v>3</v>
      </c>
    </row>
    <row r="7234" spans="1:4" x14ac:dyDescent="0.25">
      <c r="A7234" s="20">
        <v>43857.166666649136</v>
      </c>
      <c r="B7234" s="22">
        <v>1.9898750782012939</v>
      </c>
      <c r="C7234" s="21">
        <v>341748.94862478046</v>
      </c>
      <c r="D7234">
        <f t="shared" si="112"/>
        <v>4</v>
      </c>
    </row>
    <row r="7235" spans="1:4" x14ac:dyDescent="0.25">
      <c r="A7235" s="20">
        <v>43857.208333315801</v>
      </c>
      <c r="B7235" s="22">
        <v>2.1830170154571533</v>
      </c>
      <c r="C7235" s="21">
        <v>374919.9022769102</v>
      </c>
      <c r="D7235">
        <f t="shared" si="112"/>
        <v>5</v>
      </c>
    </row>
    <row r="7236" spans="1:4" x14ac:dyDescent="0.25">
      <c r="A7236" s="20">
        <v>43857.249999982465</v>
      </c>
      <c r="B7236" s="22">
        <v>2.2106201648712158</v>
      </c>
      <c r="C7236" s="21">
        <v>379660.57539469993</v>
      </c>
      <c r="D7236">
        <f t="shared" si="112"/>
        <v>6</v>
      </c>
    </row>
    <row r="7237" spans="1:4" x14ac:dyDescent="0.25">
      <c r="A7237" s="20">
        <v>43857.291666649129</v>
      </c>
      <c r="B7237" s="22">
        <v>2.2058520317077637</v>
      </c>
      <c r="C7237" s="21">
        <v>378841.67750841373</v>
      </c>
      <c r="D7237">
        <f t="shared" si="112"/>
        <v>7</v>
      </c>
    </row>
    <row r="7238" spans="1:4" x14ac:dyDescent="0.25">
      <c r="A7238" s="20">
        <v>43857.333333315793</v>
      </c>
      <c r="B7238" s="22">
        <v>1.9431434869766235</v>
      </c>
      <c r="C7238" s="21">
        <v>333723.0819040261</v>
      </c>
      <c r="D7238">
        <f t="shared" si="112"/>
        <v>8</v>
      </c>
    </row>
    <row r="7239" spans="1:4" x14ac:dyDescent="0.25">
      <c r="A7239" s="20">
        <v>43857.374999982458</v>
      </c>
      <c r="B7239" s="22">
        <v>2.0548057556152344</v>
      </c>
      <c r="C7239" s="21">
        <v>352900.39776990324</v>
      </c>
      <c r="D7239">
        <f t="shared" ref="D7239:D7302" si="113">HOUR(A7239)</f>
        <v>9</v>
      </c>
    </row>
    <row r="7240" spans="1:4" x14ac:dyDescent="0.25">
      <c r="A7240" s="20">
        <v>43857.416666649122</v>
      </c>
      <c r="B7240" s="22">
        <v>2.056168794631958</v>
      </c>
      <c r="C7240" s="21">
        <v>353134.49143538141</v>
      </c>
      <c r="D7240">
        <f t="shared" si="113"/>
        <v>10</v>
      </c>
    </row>
    <row r="7241" spans="1:4" x14ac:dyDescent="0.25">
      <c r="A7241" s="20">
        <v>43857.458333315786</v>
      </c>
      <c r="B7241" s="22">
        <v>1.9861187934875488</v>
      </c>
      <c r="C7241" s="21">
        <v>341103.82955890516</v>
      </c>
      <c r="D7241">
        <f t="shared" si="113"/>
        <v>11</v>
      </c>
    </row>
    <row r="7242" spans="1:4" x14ac:dyDescent="0.25">
      <c r="A7242" s="20">
        <v>43857.49999998245</v>
      </c>
      <c r="B7242" s="22">
        <v>1.5702446699142456</v>
      </c>
      <c r="C7242" s="21">
        <v>269679.97685157898</v>
      </c>
      <c r="D7242">
        <f t="shared" si="113"/>
        <v>12</v>
      </c>
    </row>
    <row r="7243" spans="1:4" x14ac:dyDescent="0.25">
      <c r="A7243" s="20">
        <v>43857.541666649115</v>
      </c>
      <c r="B7243" s="22">
        <v>1.6375337839126587</v>
      </c>
      <c r="C7243" s="21">
        <v>281236.47314361628</v>
      </c>
      <c r="D7243">
        <f t="shared" si="113"/>
        <v>13</v>
      </c>
    </row>
    <row r="7244" spans="1:4" x14ac:dyDescent="0.25">
      <c r="A7244" s="20">
        <v>43857.583333315779</v>
      </c>
      <c r="B7244" s="22">
        <v>1.8745144605636597</v>
      </c>
      <c r="C7244" s="21">
        <v>321936.46379985177</v>
      </c>
      <c r="D7244">
        <f t="shared" si="113"/>
        <v>14</v>
      </c>
    </row>
    <row r="7245" spans="1:4" x14ac:dyDescent="0.25">
      <c r="A7245" s="20">
        <v>43857.624999982443</v>
      </c>
      <c r="B7245" s="22">
        <v>2.0517425537109375</v>
      </c>
      <c r="C7245" s="21">
        <v>352374.31146343757</v>
      </c>
      <c r="D7245">
        <f t="shared" si="113"/>
        <v>15</v>
      </c>
    </row>
    <row r="7246" spans="1:4" x14ac:dyDescent="0.25">
      <c r="A7246" s="20">
        <v>43857.666666649107</v>
      </c>
      <c r="B7246" s="22">
        <v>2.0405454635620117</v>
      </c>
      <c r="C7246" s="21">
        <v>350451.27929525188</v>
      </c>
      <c r="D7246">
        <f t="shared" si="113"/>
        <v>16</v>
      </c>
    </row>
    <row r="7247" spans="1:4" x14ac:dyDescent="0.25">
      <c r="A7247" s="20">
        <v>43857.708333315772</v>
      </c>
      <c r="B7247" s="22">
        <v>2.3605806827545166</v>
      </c>
      <c r="C7247" s="21">
        <v>405415.38276088441</v>
      </c>
      <c r="D7247">
        <f t="shared" si="113"/>
        <v>17</v>
      </c>
    </row>
    <row r="7248" spans="1:4" x14ac:dyDescent="0.25">
      <c r="A7248" s="20">
        <v>43857.749999982436</v>
      </c>
      <c r="B7248" s="22">
        <v>2.3567304611206055</v>
      </c>
      <c r="C7248" s="21">
        <v>404754.13059999456</v>
      </c>
      <c r="D7248">
        <f t="shared" si="113"/>
        <v>18</v>
      </c>
    </row>
    <row r="7249" spans="1:4" x14ac:dyDescent="0.25">
      <c r="A7249" s="20">
        <v>43857.7916666491</v>
      </c>
      <c r="B7249" s="22">
        <v>2.3170015811920166</v>
      </c>
      <c r="C7249" s="21">
        <v>397930.93697624793</v>
      </c>
      <c r="D7249">
        <f t="shared" si="113"/>
        <v>19</v>
      </c>
    </row>
    <row r="7250" spans="1:4" x14ac:dyDescent="0.25">
      <c r="A7250" s="20">
        <v>43857.833333315764</v>
      </c>
      <c r="B7250" s="22">
        <v>2.2560405731201172</v>
      </c>
      <c r="C7250" s="21">
        <v>387461.25440978742</v>
      </c>
      <c r="D7250">
        <f t="shared" si="113"/>
        <v>20</v>
      </c>
    </row>
    <row r="7251" spans="1:4" x14ac:dyDescent="0.25">
      <c r="A7251" s="20">
        <v>43857.874999982429</v>
      </c>
      <c r="B7251" s="22">
        <v>2.0649375915527344</v>
      </c>
      <c r="C7251" s="21">
        <v>354640.47900274588</v>
      </c>
      <c r="D7251">
        <f t="shared" si="113"/>
        <v>21</v>
      </c>
    </row>
    <row r="7252" spans="1:4" x14ac:dyDescent="0.25">
      <c r="A7252" s="20">
        <v>43857.916666649093</v>
      </c>
      <c r="B7252" s="22">
        <v>2.0112807750701904</v>
      </c>
      <c r="C7252" s="21">
        <v>345425.24694102386</v>
      </c>
      <c r="D7252">
        <f t="shared" si="113"/>
        <v>22</v>
      </c>
    </row>
    <row r="7253" spans="1:4" x14ac:dyDescent="0.25">
      <c r="A7253" s="20">
        <v>43857.958333315757</v>
      </c>
      <c r="B7253" s="22">
        <v>2.1029484272003174</v>
      </c>
      <c r="C7253" s="21">
        <v>361168.60896488052</v>
      </c>
      <c r="D7253">
        <f t="shared" si="113"/>
        <v>23</v>
      </c>
    </row>
    <row r="7254" spans="1:4" x14ac:dyDescent="0.25">
      <c r="A7254" s="20">
        <v>43857.999999982421</v>
      </c>
      <c r="B7254" s="22">
        <v>1.8969770669937134</v>
      </c>
      <c r="C7254" s="21">
        <v>325794.27990848018</v>
      </c>
      <c r="D7254">
        <f t="shared" si="113"/>
        <v>0</v>
      </c>
    </row>
    <row r="7255" spans="1:4" x14ac:dyDescent="0.25">
      <c r="A7255" s="20">
        <v>43858.041666649086</v>
      </c>
      <c r="B7255" s="22">
        <v>1.8605990409851074</v>
      </c>
      <c r="C7255" s="21">
        <v>319546.57507631363</v>
      </c>
      <c r="D7255">
        <f t="shared" si="113"/>
        <v>1</v>
      </c>
    </row>
    <row r="7256" spans="1:4" x14ac:dyDescent="0.25">
      <c r="A7256" s="20">
        <v>43858.08333331575</v>
      </c>
      <c r="B7256" s="22">
        <v>1.8533456325531006</v>
      </c>
      <c r="C7256" s="21">
        <v>318300.84627014899</v>
      </c>
      <c r="D7256">
        <f t="shared" si="113"/>
        <v>2</v>
      </c>
    </row>
    <row r="7257" spans="1:4" x14ac:dyDescent="0.25">
      <c r="A7257" s="20">
        <v>43858.124999982414</v>
      </c>
      <c r="B7257" s="22">
        <v>1.8654760122299194</v>
      </c>
      <c r="C7257" s="21">
        <v>320384.16524146829</v>
      </c>
      <c r="D7257">
        <f t="shared" si="113"/>
        <v>3</v>
      </c>
    </row>
    <row r="7258" spans="1:4" x14ac:dyDescent="0.25">
      <c r="A7258" s="20">
        <v>43858.166666649078</v>
      </c>
      <c r="B7258" s="22">
        <v>2.0071077346801758</v>
      </c>
      <c r="C7258" s="21">
        <v>344708.55262112443</v>
      </c>
      <c r="D7258">
        <f t="shared" si="113"/>
        <v>4</v>
      </c>
    </row>
    <row r="7259" spans="1:4" x14ac:dyDescent="0.25">
      <c r="A7259" s="20">
        <v>43858.208333315742</v>
      </c>
      <c r="B7259" s="22">
        <v>2.2129521369934082</v>
      </c>
      <c r="C7259" s="21">
        <v>380061.07743109</v>
      </c>
      <c r="D7259">
        <f t="shared" si="113"/>
        <v>5</v>
      </c>
    </row>
    <row r="7260" spans="1:4" x14ac:dyDescent="0.25">
      <c r="A7260" s="20">
        <v>43858.249999982407</v>
      </c>
      <c r="B7260" s="22">
        <v>2.4028258323669434</v>
      </c>
      <c r="C7260" s="21">
        <v>412670.73040692543</v>
      </c>
      <c r="D7260">
        <f t="shared" si="113"/>
        <v>6</v>
      </c>
    </row>
    <row r="7261" spans="1:4" x14ac:dyDescent="0.25">
      <c r="A7261" s="20">
        <v>43858.291666649071</v>
      </c>
      <c r="B7261" s="22">
        <v>2.1027650833129883</v>
      </c>
      <c r="C7261" s="21">
        <v>361137.12076674285</v>
      </c>
      <c r="D7261">
        <f t="shared" si="113"/>
        <v>7</v>
      </c>
    </row>
    <row r="7262" spans="1:4" x14ac:dyDescent="0.25">
      <c r="A7262" s="20">
        <v>43858.333333315735</v>
      </c>
      <c r="B7262" s="22">
        <v>2.1968202590942383</v>
      </c>
      <c r="C7262" s="21">
        <v>377290.52546439675</v>
      </c>
      <c r="D7262">
        <f t="shared" si="113"/>
        <v>8</v>
      </c>
    </row>
    <row r="7263" spans="1:4" x14ac:dyDescent="0.25">
      <c r="A7263" s="20">
        <v>43858.374999982399</v>
      </c>
      <c r="B7263" s="22">
        <v>2.3377494812011719</v>
      </c>
      <c r="C7263" s="21">
        <v>401494.26268044754</v>
      </c>
      <c r="D7263">
        <f t="shared" si="113"/>
        <v>9</v>
      </c>
    </row>
    <row r="7264" spans="1:4" x14ac:dyDescent="0.25">
      <c r="A7264" s="20">
        <v>43858.416666649064</v>
      </c>
      <c r="B7264" s="22">
        <v>2.3227579593658447</v>
      </c>
      <c r="C7264" s="21">
        <v>398919.55993572064</v>
      </c>
      <c r="D7264">
        <f t="shared" si="113"/>
        <v>10</v>
      </c>
    </row>
    <row r="7265" spans="1:4" x14ac:dyDescent="0.25">
      <c r="A7265" s="20">
        <v>43858.458333315728</v>
      </c>
      <c r="B7265" s="22">
        <v>2.3395552635192871</v>
      </c>
      <c r="C7265" s="21">
        <v>401804.39481659094</v>
      </c>
      <c r="D7265">
        <f t="shared" si="113"/>
        <v>11</v>
      </c>
    </row>
    <row r="7266" spans="1:4" x14ac:dyDescent="0.25">
      <c r="A7266" s="20">
        <v>43858.499999982392</v>
      </c>
      <c r="B7266" s="22">
        <v>2.0490283966064453</v>
      </c>
      <c r="C7266" s="21">
        <v>351908.17147956428</v>
      </c>
      <c r="D7266">
        <f t="shared" si="113"/>
        <v>12</v>
      </c>
    </row>
    <row r="7267" spans="1:4" x14ac:dyDescent="0.25">
      <c r="A7267" s="20">
        <v>43858.541666649056</v>
      </c>
      <c r="B7267" s="22">
        <v>2.1647393703460693</v>
      </c>
      <c r="C7267" s="21">
        <v>371780.82783526432</v>
      </c>
      <c r="D7267">
        <f t="shared" si="113"/>
        <v>13</v>
      </c>
    </row>
    <row r="7268" spans="1:4" x14ac:dyDescent="0.25">
      <c r="A7268" s="20">
        <v>43858.583333315721</v>
      </c>
      <c r="B7268" s="22">
        <v>2.1146304607391357</v>
      </c>
      <c r="C7268" s="21">
        <v>363174.92721240554</v>
      </c>
      <c r="D7268">
        <f t="shared" si="113"/>
        <v>14</v>
      </c>
    </row>
    <row r="7269" spans="1:4" x14ac:dyDescent="0.25">
      <c r="A7269" s="20">
        <v>43858.624999982385</v>
      </c>
      <c r="B7269" s="22">
        <v>2.0218796730041504</v>
      </c>
      <c r="C7269" s="21">
        <v>347245.54323258117</v>
      </c>
      <c r="D7269">
        <f t="shared" si="113"/>
        <v>15</v>
      </c>
    </row>
    <row r="7270" spans="1:4" x14ac:dyDescent="0.25">
      <c r="A7270" s="20">
        <v>43858.666666649049</v>
      </c>
      <c r="B7270" s="22">
        <v>2.3013672828674316</v>
      </c>
      <c r="C7270" s="21">
        <v>395245.84127680195</v>
      </c>
      <c r="D7270">
        <f t="shared" si="113"/>
        <v>16</v>
      </c>
    </row>
    <row r="7271" spans="1:4" x14ac:dyDescent="0.25">
      <c r="A7271" s="20">
        <v>43858.708333315713</v>
      </c>
      <c r="B7271" s="22">
        <v>2.4996697902679443</v>
      </c>
      <c r="C7271" s="21">
        <v>429303.09148119262</v>
      </c>
      <c r="D7271">
        <f t="shared" si="113"/>
        <v>17</v>
      </c>
    </row>
    <row r="7272" spans="1:4" x14ac:dyDescent="0.25">
      <c r="A7272" s="20">
        <v>43858.749999982378</v>
      </c>
      <c r="B7272" s="22">
        <v>2.5324325561523438</v>
      </c>
      <c r="C7272" s="21">
        <v>434929.89736347657</v>
      </c>
      <c r="D7272">
        <f t="shared" si="113"/>
        <v>18</v>
      </c>
    </row>
    <row r="7273" spans="1:4" x14ac:dyDescent="0.25">
      <c r="A7273" s="20">
        <v>43858.791666649042</v>
      </c>
      <c r="B7273" s="22">
        <v>2.5740766525268555</v>
      </c>
      <c r="C7273" s="21">
        <v>442082.01776958921</v>
      </c>
      <c r="D7273">
        <f t="shared" si="113"/>
        <v>19</v>
      </c>
    </row>
    <row r="7274" spans="1:4" x14ac:dyDescent="0.25">
      <c r="A7274" s="20">
        <v>43858.833333315706</v>
      </c>
      <c r="B7274" s="22">
        <v>2.9628064632415771</v>
      </c>
      <c r="C7274" s="21">
        <v>508843.99974835303</v>
      </c>
      <c r="D7274">
        <f t="shared" si="113"/>
        <v>20</v>
      </c>
    </row>
    <row r="7275" spans="1:4" x14ac:dyDescent="0.25">
      <c r="A7275" s="20">
        <v>43858.87499998237</v>
      </c>
      <c r="B7275" s="22">
        <v>2.9291651248931885</v>
      </c>
      <c r="C7275" s="21">
        <v>503066.30438604683</v>
      </c>
      <c r="D7275">
        <f t="shared" si="113"/>
        <v>21</v>
      </c>
    </row>
    <row r="7276" spans="1:4" x14ac:dyDescent="0.25">
      <c r="A7276" s="20">
        <v>43858.916666649035</v>
      </c>
      <c r="B7276" s="22">
        <v>2.5573699474334717</v>
      </c>
      <c r="C7276" s="21">
        <v>439212.74272655026</v>
      </c>
      <c r="D7276">
        <f t="shared" si="113"/>
        <v>22</v>
      </c>
    </row>
    <row r="7277" spans="1:4" x14ac:dyDescent="0.25">
      <c r="A7277" s="20">
        <v>43858.958333315699</v>
      </c>
      <c r="B7277" s="22">
        <v>2.3875439167022705</v>
      </c>
      <c r="C7277" s="21">
        <v>410046.15428725496</v>
      </c>
      <c r="D7277">
        <f t="shared" si="113"/>
        <v>23</v>
      </c>
    </row>
    <row r="7278" spans="1:4" x14ac:dyDescent="0.25">
      <c r="A7278" s="20">
        <v>43858.999999982363</v>
      </c>
      <c r="B7278" s="22">
        <v>2.2044358253479004</v>
      </c>
      <c r="C7278" s="21">
        <v>378598.452674945</v>
      </c>
      <c r="D7278">
        <f t="shared" si="113"/>
        <v>0</v>
      </c>
    </row>
    <row r="7279" spans="1:4" x14ac:dyDescent="0.25">
      <c r="A7279" s="20">
        <v>43859.041666649027</v>
      </c>
      <c r="B7279" s="22">
        <v>2.2056190967559814</v>
      </c>
      <c r="C7279" s="21">
        <v>378801.67234641052</v>
      </c>
      <c r="D7279">
        <f t="shared" si="113"/>
        <v>1</v>
      </c>
    </row>
    <row r="7280" spans="1:4" x14ac:dyDescent="0.25">
      <c r="A7280" s="20">
        <v>43859.083333315692</v>
      </c>
      <c r="B7280" s="22">
        <v>2.2093880176544189</v>
      </c>
      <c r="C7280" s="21">
        <v>379448.96160019381</v>
      </c>
      <c r="D7280">
        <f t="shared" si="113"/>
        <v>2</v>
      </c>
    </row>
    <row r="7281" spans="1:4" x14ac:dyDescent="0.25">
      <c r="A7281" s="20">
        <v>43859.124999982356</v>
      </c>
      <c r="B7281" s="22">
        <v>2.2793788909912109</v>
      </c>
      <c r="C7281" s="21">
        <v>391469.46863513807</v>
      </c>
      <c r="D7281">
        <f t="shared" si="113"/>
        <v>3</v>
      </c>
    </row>
    <row r="7282" spans="1:4" x14ac:dyDescent="0.25">
      <c r="A7282" s="20">
        <v>43859.16666664902</v>
      </c>
      <c r="B7282" s="22">
        <v>2.1712770462036133</v>
      </c>
      <c r="C7282" s="21">
        <v>372903.63392256148</v>
      </c>
      <c r="D7282">
        <f t="shared" si="113"/>
        <v>4</v>
      </c>
    </row>
    <row r="7283" spans="1:4" x14ac:dyDescent="0.25">
      <c r="A7283" s="20">
        <v>43859.208333315684</v>
      </c>
      <c r="B7283" s="22">
        <v>2.4665749073028564</v>
      </c>
      <c r="C7283" s="21">
        <v>423619.24650917429</v>
      </c>
      <c r="D7283">
        <f t="shared" si="113"/>
        <v>5</v>
      </c>
    </row>
    <row r="7284" spans="1:4" x14ac:dyDescent="0.25">
      <c r="A7284" s="20">
        <v>43859.249999982349</v>
      </c>
      <c r="B7284" s="22">
        <v>2.4263854026794434</v>
      </c>
      <c r="C7284" s="21">
        <v>416716.9433941379</v>
      </c>
      <c r="D7284">
        <f t="shared" si="113"/>
        <v>6</v>
      </c>
    </row>
    <row r="7285" spans="1:4" x14ac:dyDescent="0.25">
      <c r="A7285" s="20">
        <v>43859.291666649013</v>
      </c>
      <c r="B7285" s="22">
        <v>2.2470881938934326</v>
      </c>
      <c r="C7285" s="21">
        <v>385923.73769734363</v>
      </c>
      <c r="D7285">
        <f t="shared" si="113"/>
        <v>7</v>
      </c>
    </row>
    <row r="7286" spans="1:4" x14ac:dyDescent="0.25">
      <c r="A7286" s="20">
        <v>43859.333333315677</v>
      </c>
      <c r="B7286" s="22">
        <v>2.2671513557434082</v>
      </c>
      <c r="C7286" s="21">
        <v>389369.46378509176</v>
      </c>
      <c r="D7286">
        <f t="shared" si="113"/>
        <v>8</v>
      </c>
    </row>
    <row r="7287" spans="1:4" x14ac:dyDescent="0.25">
      <c r="A7287" s="20">
        <v>43859.374999982341</v>
      </c>
      <c r="B7287" s="22">
        <v>2.4924635887145996</v>
      </c>
      <c r="C7287" s="21">
        <v>428065.47016947699</v>
      </c>
      <c r="D7287">
        <f t="shared" si="113"/>
        <v>9</v>
      </c>
    </row>
    <row r="7288" spans="1:4" x14ac:dyDescent="0.25">
      <c r="A7288" s="20">
        <v>43859.416666649005</v>
      </c>
      <c r="B7288" s="22">
        <v>2.2299227714538574</v>
      </c>
      <c r="C7288" s="21">
        <v>382975.68073854817</v>
      </c>
      <c r="D7288">
        <f t="shared" si="113"/>
        <v>10</v>
      </c>
    </row>
    <row r="7289" spans="1:4" x14ac:dyDescent="0.25">
      <c r="A7289" s="20">
        <v>43859.45833331567</v>
      </c>
      <c r="B7289" s="22">
        <v>2.1967537403106689</v>
      </c>
      <c r="C7289" s="21">
        <v>377279.10126767319</v>
      </c>
      <c r="D7289">
        <f t="shared" si="113"/>
        <v>11</v>
      </c>
    </row>
    <row r="7290" spans="1:4" x14ac:dyDescent="0.25">
      <c r="A7290" s="20">
        <v>43859.499999982334</v>
      </c>
      <c r="B7290" s="22">
        <v>2.1109471321105957</v>
      </c>
      <c r="C7290" s="21">
        <v>362542.33791067865</v>
      </c>
      <c r="D7290">
        <f t="shared" si="113"/>
        <v>12</v>
      </c>
    </row>
    <row r="7291" spans="1:4" x14ac:dyDescent="0.25">
      <c r="A7291" s="20">
        <v>43859.541666648998</v>
      </c>
      <c r="B7291" s="22">
        <v>1.9438458681106567</v>
      </c>
      <c r="C7291" s="21">
        <v>333843.71159416065</v>
      </c>
      <c r="D7291">
        <f t="shared" si="113"/>
        <v>13</v>
      </c>
    </row>
    <row r="7292" spans="1:4" x14ac:dyDescent="0.25">
      <c r="A7292" s="20">
        <v>43859.583333315662</v>
      </c>
      <c r="B7292" s="22">
        <v>2.034930944442749</v>
      </c>
      <c r="C7292" s="21">
        <v>349487.01976606762</v>
      </c>
      <c r="D7292">
        <f t="shared" si="113"/>
        <v>14</v>
      </c>
    </row>
    <row r="7293" spans="1:4" x14ac:dyDescent="0.25">
      <c r="A7293" s="20">
        <v>43859.624999982327</v>
      </c>
      <c r="B7293" s="22">
        <v>2.0483193397521973</v>
      </c>
      <c r="C7293" s="21">
        <v>351786.39527506329</v>
      </c>
      <c r="D7293">
        <f t="shared" si="113"/>
        <v>15</v>
      </c>
    </row>
    <row r="7294" spans="1:4" x14ac:dyDescent="0.25">
      <c r="A7294" s="20">
        <v>43859.666666648991</v>
      </c>
      <c r="B7294" s="22">
        <v>2.3215861320495605</v>
      </c>
      <c r="C7294" s="21">
        <v>398718.30571745493</v>
      </c>
      <c r="D7294">
        <f t="shared" si="113"/>
        <v>16</v>
      </c>
    </row>
    <row r="7295" spans="1:4" x14ac:dyDescent="0.25">
      <c r="A7295" s="20">
        <v>43859.708333315655</v>
      </c>
      <c r="B7295" s="22">
        <v>2.1753582954406738</v>
      </c>
      <c r="C7295" s="21">
        <v>373604.56366992119</v>
      </c>
      <c r="D7295">
        <f t="shared" si="113"/>
        <v>17</v>
      </c>
    </row>
    <row r="7296" spans="1:4" x14ac:dyDescent="0.25">
      <c r="A7296" s="20">
        <v>43859.749999982319</v>
      </c>
      <c r="B7296" s="22">
        <v>2.3682022094726563</v>
      </c>
      <c r="C7296" s="21">
        <v>406724.33364497428</v>
      </c>
      <c r="D7296">
        <f t="shared" si="113"/>
        <v>18</v>
      </c>
    </row>
    <row r="7297" spans="1:4" x14ac:dyDescent="0.25">
      <c r="A7297" s="20">
        <v>43859.791666648984</v>
      </c>
      <c r="B7297" s="22">
        <v>2.3204174041748047</v>
      </c>
      <c r="C7297" s="21">
        <v>398517.58380943077</v>
      </c>
      <c r="D7297">
        <f t="shared" si="113"/>
        <v>19</v>
      </c>
    </row>
    <row r="7298" spans="1:4" x14ac:dyDescent="0.25">
      <c r="A7298" s="20">
        <v>43859.833333315648</v>
      </c>
      <c r="B7298" s="22">
        <v>2.3989531993865967</v>
      </c>
      <c r="C7298" s="21">
        <v>412005.62923351937</v>
      </c>
      <c r="D7298">
        <f t="shared" si="113"/>
        <v>20</v>
      </c>
    </row>
    <row r="7299" spans="1:4" x14ac:dyDescent="0.25">
      <c r="A7299" s="20">
        <v>43859.874999982312</v>
      </c>
      <c r="B7299" s="22">
        <v>2.3068859577178955</v>
      </c>
      <c r="C7299" s="21">
        <v>396193.64013543824</v>
      </c>
      <c r="D7299">
        <f t="shared" si="113"/>
        <v>21</v>
      </c>
    </row>
    <row r="7300" spans="1:4" x14ac:dyDescent="0.25">
      <c r="A7300" s="20">
        <v>43859.916666648976</v>
      </c>
      <c r="B7300" s="22">
        <v>2.3255546092987061</v>
      </c>
      <c r="C7300" s="21">
        <v>399399.86756140884</v>
      </c>
      <c r="D7300">
        <f t="shared" si="113"/>
        <v>22</v>
      </c>
    </row>
    <row r="7301" spans="1:4" x14ac:dyDescent="0.25">
      <c r="A7301" s="20">
        <v>43859.958333315641</v>
      </c>
      <c r="B7301" s="22">
        <v>2.1647963523864746</v>
      </c>
      <c r="C7301" s="21">
        <v>371790.61415432137</v>
      </c>
      <c r="D7301">
        <f t="shared" si="113"/>
        <v>23</v>
      </c>
    </row>
    <row r="7302" spans="1:4" x14ac:dyDescent="0.25">
      <c r="A7302" s="20">
        <v>43859.999999982305</v>
      </c>
      <c r="B7302" s="22">
        <v>2.0437548160552979</v>
      </c>
      <c r="C7302" s="21">
        <v>351002.4660769559</v>
      </c>
      <c r="D7302">
        <f t="shared" si="113"/>
        <v>0</v>
      </c>
    </row>
    <row r="7303" spans="1:4" x14ac:dyDescent="0.25">
      <c r="A7303" s="20">
        <v>43860.041666648969</v>
      </c>
      <c r="B7303" s="22">
        <v>2.2284119129180908</v>
      </c>
      <c r="C7303" s="21">
        <v>382716.19996923988</v>
      </c>
      <c r="D7303">
        <f t="shared" ref="D7303:D7366" si="114">HOUR(A7303)</f>
        <v>1</v>
      </c>
    </row>
    <row r="7304" spans="1:4" x14ac:dyDescent="0.25">
      <c r="A7304" s="20">
        <v>43860.083333315633</v>
      </c>
      <c r="B7304" s="22">
        <v>2.1675362586975098</v>
      </c>
      <c r="C7304" s="21">
        <v>372261.17640789418</v>
      </c>
      <c r="D7304">
        <f t="shared" si="114"/>
        <v>2</v>
      </c>
    </row>
    <row r="7305" spans="1:4" x14ac:dyDescent="0.25">
      <c r="A7305" s="20">
        <v>43860.124999982298</v>
      </c>
      <c r="B7305" s="22">
        <v>2.2029159069061279</v>
      </c>
      <c r="C7305" s="21">
        <v>378337.41592185362</v>
      </c>
      <c r="D7305">
        <f t="shared" si="114"/>
        <v>3</v>
      </c>
    </row>
    <row r="7306" spans="1:4" x14ac:dyDescent="0.25">
      <c r="A7306" s="20">
        <v>43860.166666648962</v>
      </c>
      <c r="B7306" s="22">
        <v>2.1392176151275635</v>
      </c>
      <c r="C7306" s="21">
        <v>367397.62151817855</v>
      </c>
      <c r="D7306">
        <f t="shared" si="114"/>
        <v>4</v>
      </c>
    </row>
    <row r="7307" spans="1:4" x14ac:dyDescent="0.25">
      <c r="A7307" s="20">
        <v>43860.208333315626</v>
      </c>
      <c r="B7307" s="22">
        <v>2.3496558666229248</v>
      </c>
      <c r="C7307" s="21">
        <v>403539.11200007593</v>
      </c>
      <c r="D7307">
        <f t="shared" si="114"/>
        <v>5</v>
      </c>
    </row>
    <row r="7308" spans="1:4" x14ac:dyDescent="0.25">
      <c r="A7308" s="20">
        <v>43860.24999998229</v>
      </c>
      <c r="B7308" s="22">
        <v>2.6783735752105713</v>
      </c>
      <c r="C7308" s="21">
        <v>459994.38024019159</v>
      </c>
      <c r="D7308">
        <f t="shared" si="114"/>
        <v>6</v>
      </c>
    </row>
    <row r="7309" spans="1:4" x14ac:dyDescent="0.25">
      <c r="A7309" s="20">
        <v>43860.291666648955</v>
      </c>
      <c r="B7309" s="22">
        <v>2.3646888732910156</v>
      </c>
      <c r="C7309" s="21">
        <v>406120.93951265194</v>
      </c>
      <c r="D7309">
        <f t="shared" si="114"/>
        <v>7</v>
      </c>
    </row>
    <row r="7310" spans="1:4" x14ac:dyDescent="0.25">
      <c r="A7310" s="20">
        <v>43860.333333315619</v>
      </c>
      <c r="B7310" s="22">
        <v>2.2441656589508057</v>
      </c>
      <c r="C7310" s="21">
        <v>385421.81008645828</v>
      </c>
      <c r="D7310">
        <f t="shared" si="114"/>
        <v>8</v>
      </c>
    </row>
    <row r="7311" spans="1:4" x14ac:dyDescent="0.25">
      <c r="A7311" s="20">
        <v>43860.374999982283</v>
      </c>
      <c r="B7311" s="22">
        <v>2.3981876373291016</v>
      </c>
      <c r="C7311" s="21">
        <v>411874.14860384463</v>
      </c>
      <c r="D7311">
        <f t="shared" si="114"/>
        <v>9</v>
      </c>
    </row>
    <row r="7312" spans="1:4" x14ac:dyDescent="0.25">
      <c r="A7312" s="20">
        <v>43860.416666648947</v>
      </c>
      <c r="B7312" s="22">
        <v>2.3329448699951172</v>
      </c>
      <c r="C7312" s="21">
        <v>400669.09991208708</v>
      </c>
      <c r="D7312">
        <f t="shared" si="114"/>
        <v>10</v>
      </c>
    </row>
    <row r="7313" spans="1:4" x14ac:dyDescent="0.25">
      <c r="A7313" s="20">
        <v>43860.458333315612</v>
      </c>
      <c r="B7313" s="22">
        <v>2.0353567600250244</v>
      </c>
      <c r="C7313" s="21">
        <v>349560.1510038749</v>
      </c>
      <c r="D7313">
        <f t="shared" si="114"/>
        <v>11</v>
      </c>
    </row>
    <row r="7314" spans="1:4" x14ac:dyDescent="0.25">
      <c r="A7314" s="20">
        <v>43860.499999982276</v>
      </c>
      <c r="B7314" s="22">
        <v>2.1184265613555908</v>
      </c>
      <c r="C7314" s="21">
        <v>363826.8844175383</v>
      </c>
      <c r="D7314">
        <f t="shared" si="114"/>
        <v>12</v>
      </c>
    </row>
    <row r="7315" spans="1:4" x14ac:dyDescent="0.25">
      <c r="A7315" s="20">
        <v>43860.54166664894</v>
      </c>
      <c r="B7315" s="22">
        <v>1.906486988067627</v>
      </c>
      <c r="C7315" s="21">
        <v>327427.55104399909</v>
      </c>
      <c r="D7315">
        <f t="shared" si="114"/>
        <v>13</v>
      </c>
    </row>
    <row r="7316" spans="1:4" x14ac:dyDescent="0.25">
      <c r="A7316" s="20">
        <v>43860.583333315604</v>
      </c>
      <c r="B7316" s="22">
        <v>1.8379042148590088</v>
      </c>
      <c r="C7316" s="21">
        <v>315648.87664650707</v>
      </c>
      <c r="D7316">
        <f t="shared" si="114"/>
        <v>14</v>
      </c>
    </row>
    <row r="7317" spans="1:4" x14ac:dyDescent="0.25">
      <c r="A7317" s="20">
        <v>43860.624999982268</v>
      </c>
      <c r="B7317" s="22">
        <v>1.8529469966888428</v>
      </c>
      <c r="C7317" s="21">
        <v>318232.38298369112</v>
      </c>
      <c r="D7317">
        <f t="shared" si="114"/>
        <v>15</v>
      </c>
    </row>
    <row r="7318" spans="1:4" x14ac:dyDescent="0.25">
      <c r="A7318" s="20">
        <v>43860.666666648933</v>
      </c>
      <c r="B7318" s="22">
        <v>2.0751423835754395</v>
      </c>
      <c r="C7318" s="21">
        <v>356393.08999973693</v>
      </c>
      <c r="D7318">
        <f t="shared" si="114"/>
        <v>16</v>
      </c>
    </row>
    <row r="7319" spans="1:4" x14ac:dyDescent="0.25">
      <c r="A7319" s="20">
        <v>43860.708333315597</v>
      </c>
      <c r="B7319" s="22">
        <v>2.1487255096435547</v>
      </c>
      <c r="C7319" s="21">
        <v>369030.54460469336</v>
      </c>
      <c r="D7319">
        <f t="shared" si="114"/>
        <v>17</v>
      </c>
    </row>
    <row r="7320" spans="1:4" x14ac:dyDescent="0.25">
      <c r="A7320" s="20">
        <v>43860.749999982261</v>
      </c>
      <c r="B7320" s="22">
        <v>2.1653697490692139</v>
      </c>
      <c r="C7320" s="21">
        <v>371889.09154901706</v>
      </c>
      <c r="D7320">
        <f t="shared" si="114"/>
        <v>18</v>
      </c>
    </row>
    <row r="7321" spans="1:4" x14ac:dyDescent="0.25">
      <c r="A7321" s="20">
        <v>43860.791666648925</v>
      </c>
      <c r="B7321" s="22">
        <v>2.484255313873291</v>
      </c>
      <c r="C7321" s="21">
        <v>426655.74886195845</v>
      </c>
      <c r="D7321">
        <f t="shared" si="114"/>
        <v>19</v>
      </c>
    </row>
    <row r="7322" spans="1:4" x14ac:dyDescent="0.25">
      <c r="A7322" s="20">
        <v>43860.83333331559</v>
      </c>
      <c r="B7322" s="22">
        <v>2.442493200302124</v>
      </c>
      <c r="C7322" s="21">
        <v>419483.3597197234</v>
      </c>
      <c r="D7322">
        <f t="shared" si="114"/>
        <v>20</v>
      </c>
    </row>
    <row r="7323" spans="1:4" x14ac:dyDescent="0.25">
      <c r="A7323" s="20">
        <v>43860.874999982254</v>
      </c>
      <c r="B7323" s="22">
        <v>2.4254837036132813</v>
      </c>
      <c r="C7323" s="21">
        <v>416562.08206077444</v>
      </c>
      <c r="D7323">
        <f t="shared" si="114"/>
        <v>21</v>
      </c>
    </row>
    <row r="7324" spans="1:4" x14ac:dyDescent="0.25">
      <c r="A7324" s="20">
        <v>43860.916666648918</v>
      </c>
      <c r="B7324" s="22">
        <v>2.2467842102050781</v>
      </c>
      <c r="C7324" s="21">
        <v>385871.53034672537</v>
      </c>
      <c r="D7324">
        <f t="shared" si="114"/>
        <v>22</v>
      </c>
    </row>
    <row r="7325" spans="1:4" x14ac:dyDescent="0.25">
      <c r="A7325" s="20">
        <v>43860.958333315582</v>
      </c>
      <c r="B7325" s="22">
        <v>2.1152963638305664</v>
      </c>
      <c r="C7325" s="21">
        <v>363289.29202046583</v>
      </c>
      <c r="D7325">
        <f t="shared" si="114"/>
        <v>23</v>
      </c>
    </row>
    <row r="7326" spans="1:4" x14ac:dyDescent="0.25">
      <c r="A7326" s="20">
        <v>43860.999999982247</v>
      </c>
      <c r="B7326" s="22">
        <v>2.1105544567108154</v>
      </c>
      <c r="C7326" s="21">
        <v>362474.89829776232</v>
      </c>
      <c r="D7326">
        <f t="shared" si="114"/>
        <v>0</v>
      </c>
    </row>
    <row r="7327" spans="1:4" x14ac:dyDescent="0.25">
      <c r="A7327" s="20">
        <v>43861.041666648911</v>
      </c>
      <c r="B7327" s="22">
        <v>2.0391483306884766</v>
      </c>
      <c r="C7327" s="21">
        <v>350211.33021711605</v>
      </c>
      <c r="D7327">
        <f t="shared" si="114"/>
        <v>1</v>
      </c>
    </row>
    <row r="7328" spans="1:4" x14ac:dyDescent="0.25">
      <c r="A7328" s="20">
        <v>43861.083333315575</v>
      </c>
      <c r="B7328" s="22">
        <v>2.1259491443634033</v>
      </c>
      <c r="C7328" s="21">
        <v>365118.84232083859</v>
      </c>
      <c r="D7328">
        <f t="shared" si="114"/>
        <v>2</v>
      </c>
    </row>
    <row r="7329" spans="1:4" x14ac:dyDescent="0.25">
      <c r="A7329" s="20">
        <v>43861.124999982239</v>
      </c>
      <c r="B7329" s="22">
        <v>1.9577158689498901</v>
      </c>
      <c r="C7329" s="21">
        <v>336225.79992531228</v>
      </c>
      <c r="D7329">
        <f t="shared" si="114"/>
        <v>3</v>
      </c>
    </row>
    <row r="7330" spans="1:4" x14ac:dyDescent="0.25">
      <c r="A7330" s="20">
        <v>43861.166666648904</v>
      </c>
      <c r="B7330" s="22">
        <v>2.0231337547302246</v>
      </c>
      <c r="C7330" s="21">
        <v>347460.92414572008</v>
      </c>
      <c r="D7330">
        <f t="shared" si="114"/>
        <v>4</v>
      </c>
    </row>
    <row r="7331" spans="1:4" x14ac:dyDescent="0.25">
      <c r="A7331" s="20">
        <v>43861.208333315568</v>
      </c>
      <c r="B7331" s="22">
        <v>2.131117582321167</v>
      </c>
      <c r="C7331" s="21">
        <v>366006.49012217432</v>
      </c>
      <c r="D7331">
        <f t="shared" si="114"/>
        <v>5</v>
      </c>
    </row>
    <row r="7332" spans="1:4" x14ac:dyDescent="0.25">
      <c r="A7332" s="20">
        <v>43861.249999982232</v>
      </c>
      <c r="B7332" s="22">
        <v>2.366147518157959</v>
      </c>
      <c r="C7332" s="21">
        <v>406371.45290173637</v>
      </c>
      <c r="D7332">
        <f t="shared" si="114"/>
        <v>6</v>
      </c>
    </row>
    <row r="7333" spans="1:4" x14ac:dyDescent="0.25">
      <c r="A7333" s="20">
        <v>43861.291666648896</v>
      </c>
      <c r="B7333" s="22">
        <v>2.3907701969146729</v>
      </c>
      <c r="C7333" s="21">
        <v>410600.24830181699</v>
      </c>
      <c r="D7333">
        <f t="shared" si="114"/>
        <v>7</v>
      </c>
    </row>
    <row r="7334" spans="1:4" x14ac:dyDescent="0.25">
      <c r="A7334" s="20">
        <v>43861.333333315561</v>
      </c>
      <c r="B7334" s="22">
        <v>2.1685190200805664</v>
      </c>
      <c r="C7334" s="21">
        <v>372429.95970142243</v>
      </c>
      <c r="D7334">
        <f t="shared" si="114"/>
        <v>8</v>
      </c>
    </row>
    <row r="7335" spans="1:4" x14ac:dyDescent="0.25">
      <c r="A7335" s="20">
        <v>43861.374999982225</v>
      </c>
      <c r="B7335" s="22">
        <v>2.1253244876861572</v>
      </c>
      <c r="C7335" s="21">
        <v>365011.56133368576</v>
      </c>
      <c r="D7335">
        <f t="shared" si="114"/>
        <v>9</v>
      </c>
    </row>
    <row r="7336" spans="1:4" x14ac:dyDescent="0.25">
      <c r="A7336" s="20">
        <v>43861.416666648889</v>
      </c>
      <c r="B7336" s="22">
        <v>2.0005276203155518</v>
      </c>
      <c r="C7336" s="21">
        <v>343578.45797821158</v>
      </c>
      <c r="D7336">
        <f t="shared" si="114"/>
        <v>10</v>
      </c>
    </row>
    <row r="7337" spans="1:4" x14ac:dyDescent="0.25">
      <c r="A7337" s="20">
        <v>43861.458333315553</v>
      </c>
      <c r="B7337" s="22">
        <v>2.0257508754730225</v>
      </c>
      <c r="C7337" s="21">
        <v>347910.39872433722</v>
      </c>
      <c r="D7337">
        <f t="shared" si="114"/>
        <v>11</v>
      </c>
    </row>
    <row r="7338" spans="1:4" x14ac:dyDescent="0.25">
      <c r="A7338" s="20">
        <v>43861.499999982218</v>
      </c>
      <c r="B7338" s="22">
        <v>1.7794512510299683</v>
      </c>
      <c r="C7338" s="21">
        <v>305609.93543285358</v>
      </c>
      <c r="D7338">
        <f t="shared" si="114"/>
        <v>12</v>
      </c>
    </row>
    <row r="7339" spans="1:4" x14ac:dyDescent="0.25">
      <c r="A7339" s="20">
        <v>43861.541666648882</v>
      </c>
      <c r="B7339" s="22">
        <v>1.7169052362442017</v>
      </c>
      <c r="C7339" s="21">
        <v>294868.03759822808</v>
      </c>
      <c r="D7339">
        <f t="shared" si="114"/>
        <v>13</v>
      </c>
    </row>
    <row r="7340" spans="1:4" x14ac:dyDescent="0.25">
      <c r="A7340" s="20">
        <v>43861.583333315546</v>
      </c>
      <c r="B7340" s="22">
        <v>1.6384372711181641</v>
      </c>
      <c r="C7340" s="21">
        <v>281391.64157904213</v>
      </c>
      <c r="D7340">
        <f t="shared" si="114"/>
        <v>14</v>
      </c>
    </row>
    <row r="7341" spans="1:4" x14ac:dyDescent="0.25">
      <c r="A7341" s="20">
        <v>43861.62499998221</v>
      </c>
      <c r="B7341" s="22">
        <v>1.8698128461837769</v>
      </c>
      <c r="C7341" s="21">
        <v>321128.99011028907</v>
      </c>
      <c r="D7341">
        <f t="shared" si="114"/>
        <v>15</v>
      </c>
    </row>
    <row r="7342" spans="1:4" x14ac:dyDescent="0.25">
      <c r="A7342" s="20">
        <v>43861.666666648875</v>
      </c>
      <c r="B7342" s="22">
        <v>1.9289451837539673</v>
      </c>
      <c r="C7342" s="21">
        <v>331284.60963420669</v>
      </c>
      <c r="D7342">
        <f t="shared" si="114"/>
        <v>16</v>
      </c>
    </row>
    <row r="7343" spans="1:4" x14ac:dyDescent="0.25">
      <c r="A7343" s="20">
        <v>43861.708333315539</v>
      </c>
      <c r="B7343" s="22">
        <v>1.904731273651123</v>
      </c>
      <c r="C7343" s="21">
        <v>327126.0177656046</v>
      </c>
      <c r="D7343">
        <f t="shared" si="114"/>
        <v>17</v>
      </c>
    </row>
    <row r="7344" spans="1:4" x14ac:dyDescent="0.25">
      <c r="A7344" s="20">
        <v>43861.749999982203</v>
      </c>
      <c r="B7344" s="22">
        <v>1.9016731977462769</v>
      </c>
      <c r="C7344" s="21">
        <v>326600.81181838468</v>
      </c>
      <c r="D7344">
        <f t="shared" si="114"/>
        <v>18</v>
      </c>
    </row>
    <row r="7345" spans="1:4" x14ac:dyDescent="0.25">
      <c r="A7345" s="20">
        <v>43861.791666648867</v>
      </c>
      <c r="B7345" s="22">
        <v>1.9610852003097534</v>
      </c>
      <c r="C7345" s="21">
        <v>336804.46210487117</v>
      </c>
      <c r="D7345">
        <f t="shared" si="114"/>
        <v>19</v>
      </c>
    </row>
    <row r="7346" spans="1:4" x14ac:dyDescent="0.25">
      <c r="A7346" s="20">
        <v>43861.833333315531</v>
      </c>
      <c r="B7346" s="22">
        <v>1.9227449893951416</v>
      </c>
      <c r="C7346" s="21">
        <v>330219.76394283125</v>
      </c>
      <c r="D7346">
        <f t="shared" si="114"/>
        <v>20</v>
      </c>
    </row>
    <row r="7347" spans="1:4" x14ac:dyDescent="0.25">
      <c r="A7347" s="20">
        <v>43861.874999982196</v>
      </c>
      <c r="B7347" s="22">
        <v>2.02301025390625</v>
      </c>
      <c r="C7347" s="21">
        <v>347439.71362993954</v>
      </c>
      <c r="D7347">
        <f t="shared" si="114"/>
        <v>21</v>
      </c>
    </row>
    <row r="7348" spans="1:4" x14ac:dyDescent="0.25">
      <c r="A7348" s="20">
        <v>43861.91666664886</v>
      </c>
      <c r="B7348" s="22">
        <v>1.8986049890518188</v>
      </c>
      <c r="C7348" s="21">
        <v>326073.86562614422</v>
      </c>
      <c r="D7348">
        <f t="shared" si="114"/>
        <v>22</v>
      </c>
    </row>
    <row r="7349" spans="1:4" x14ac:dyDescent="0.25">
      <c r="A7349" s="20">
        <v>43861.958333315524</v>
      </c>
      <c r="B7349" s="22">
        <v>1.7982319593429565</v>
      </c>
      <c r="C7349" s="21">
        <v>308835.40792140504</v>
      </c>
      <c r="D7349">
        <f t="shared" si="114"/>
        <v>23</v>
      </c>
    </row>
    <row r="7350" spans="1:4" x14ac:dyDescent="0.25">
      <c r="A7350" s="20">
        <v>43861.999999982188</v>
      </c>
      <c r="B7350" s="22">
        <v>1.7295368909835815</v>
      </c>
      <c r="C7350" s="21">
        <v>268531.29005678446</v>
      </c>
      <c r="D7350">
        <f t="shared" si="114"/>
        <v>0</v>
      </c>
    </row>
    <row r="7351" spans="1:4" x14ac:dyDescent="0.25">
      <c r="A7351" s="20">
        <v>43862.041666648853</v>
      </c>
      <c r="B7351" s="22">
        <v>1.6433514356613159</v>
      </c>
      <c r="C7351" s="21">
        <v>255149.96721685494</v>
      </c>
      <c r="D7351">
        <f t="shared" si="114"/>
        <v>1</v>
      </c>
    </row>
    <row r="7352" spans="1:4" x14ac:dyDescent="0.25">
      <c r="A7352" s="20">
        <v>43862.083333315517</v>
      </c>
      <c r="B7352" s="22">
        <v>1.6197384595870972</v>
      </c>
      <c r="C7352" s="21">
        <v>251483.77023641131</v>
      </c>
      <c r="D7352">
        <f t="shared" si="114"/>
        <v>2</v>
      </c>
    </row>
    <row r="7353" spans="1:4" x14ac:dyDescent="0.25">
      <c r="A7353" s="20">
        <v>43862.124999982181</v>
      </c>
      <c r="B7353" s="22">
        <v>1.5818501710891724</v>
      </c>
      <c r="C7353" s="21">
        <v>245601.16024906066</v>
      </c>
      <c r="D7353">
        <f t="shared" si="114"/>
        <v>3</v>
      </c>
    </row>
    <row r="7354" spans="1:4" x14ac:dyDescent="0.25">
      <c r="A7354" s="20">
        <v>43862.166666648845</v>
      </c>
      <c r="B7354" s="22">
        <v>1.7357085943222046</v>
      </c>
      <c r="C7354" s="21">
        <v>269489.52082249295</v>
      </c>
      <c r="D7354">
        <f t="shared" si="114"/>
        <v>4</v>
      </c>
    </row>
    <row r="7355" spans="1:4" x14ac:dyDescent="0.25">
      <c r="A7355" s="20">
        <v>43862.20833331551</v>
      </c>
      <c r="B7355" s="22">
        <v>1.8596857786178589</v>
      </c>
      <c r="C7355" s="21">
        <v>288738.46162859909</v>
      </c>
      <c r="D7355">
        <f t="shared" si="114"/>
        <v>5</v>
      </c>
    </row>
    <row r="7356" spans="1:4" x14ac:dyDescent="0.25">
      <c r="A7356" s="20">
        <v>43862.249999982174</v>
      </c>
      <c r="B7356" s="22">
        <v>1.8673214912414551</v>
      </c>
      <c r="C7356" s="21">
        <v>289923.99734744173</v>
      </c>
      <c r="D7356">
        <f t="shared" si="114"/>
        <v>6</v>
      </c>
    </row>
    <row r="7357" spans="1:4" x14ac:dyDescent="0.25">
      <c r="A7357" s="20">
        <v>43862.291666648838</v>
      </c>
      <c r="B7357" s="22">
        <v>1.8542356491088867</v>
      </c>
      <c r="C7357" s="21">
        <v>287892.26383099757</v>
      </c>
      <c r="D7357">
        <f t="shared" si="114"/>
        <v>7</v>
      </c>
    </row>
    <row r="7358" spans="1:4" x14ac:dyDescent="0.25">
      <c r="A7358" s="20">
        <v>43862.333333315502</v>
      </c>
      <c r="B7358" s="22">
        <v>2.0341076850891113</v>
      </c>
      <c r="C7358" s="21">
        <v>315819.54894339625</v>
      </c>
      <c r="D7358">
        <f t="shared" si="114"/>
        <v>8</v>
      </c>
    </row>
    <row r="7359" spans="1:4" x14ac:dyDescent="0.25">
      <c r="A7359" s="20">
        <v>43862.374999982167</v>
      </c>
      <c r="B7359" s="22">
        <v>1.99266517162323</v>
      </c>
      <c r="C7359" s="21">
        <v>309385.10301616311</v>
      </c>
      <c r="D7359">
        <f t="shared" si="114"/>
        <v>9</v>
      </c>
    </row>
    <row r="7360" spans="1:4" x14ac:dyDescent="0.25">
      <c r="A7360" s="20">
        <v>43862.416666648831</v>
      </c>
      <c r="B7360" s="22">
        <v>2.1135845184326172</v>
      </c>
      <c r="C7360" s="21">
        <v>328159.27797642234</v>
      </c>
      <c r="D7360">
        <f t="shared" si="114"/>
        <v>10</v>
      </c>
    </row>
    <row r="7361" spans="1:4" x14ac:dyDescent="0.25">
      <c r="A7361" s="20">
        <v>43862.458333315495</v>
      </c>
      <c r="B7361" s="22">
        <v>2.1069738864898682</v>
      </c>
      <c r="C7361" s="21">
        <v>327132.89829471026</v>
      </c>
      <c r="D7361">
        <f t="shared" si="114"/>
        <v>11</v>
      </c>
    </row>
    <row r="7362" spans="1:4" x14ac:dyDescent="0.25">
      <c r="A7362" s="20">
        <v>43862.499999982159</v>
      </c>
      <c r="B7362" s="22">
        <v>1.9527268409729004</v>
      </c>
      <c r="C7362" s="21">
        <v>303184.19946321932</v>
      </c>
      <c r="D7362">
        <f t="shared" si="114"/>
        <v>12</v>
      </c>
    </row>
    <row r="7363" spans="1:4" x14ac:dyDescent="0.25">
      <c r="A7363" s="20">
        <v>43862.541666648824</v>
      </c>
      <c r="B7363" s="22">
        <v>2.0038330554962158</v>
      </c>
      <c r="C7363" s="21">
        <v>311119.05057128688</v>
      </c>
      <c r="D7363">
        <f t="shared" si="114"/>
        <v>13</v>
      </c>
    </row>
    <row r="7364" spans="1:4" x14ac:dyDescent="0.25">
      <c r="A7364" s="20">
        <v>43862.583333315488</v>
      </c>
      <c r="B7364" s="22">
        <v>1.8026354312896729</v>
      </c>
      <c r="C7364" s="21">
        <v>279880.71280225686</v>
      </c>
      <c r="D7364">
        <f t="shared" si="114"/>
        <v>14</v>
      </c>
    </row>
    <row r="7365" spans="1:4" x14ac:dyDescent="0.25">
      <c r="A7365" s="20">
        <v>43862.624999982152</v>
      </c>
      <c r="B7365" s="22">
        <v>1.9062027931213379</v>
      </c>
      <c r="C7365" s="21">
        <v>295960.78454019979</v>
      </c>
      <c r="D7365">
        <f t="shared" si="114"/>
        <v>15</v>
      </c>
    </row>
    <row r="7366" spans="1:4" x14ac:dyDescent="0.25">
      <c r="A7366" s="20">
        <v>43862.666666648816</v>
      </c>
      <c r="B7366" s="22">
        <v>2.1375336647033691</v>
      </c>
      <c r="C7366" s="21">
        <v>331877.66940095345</v>
      </c>
      <c r="D7366">
        <f t="shared" si="114"/>
        <v>16</v>
      </c>
    </row>
    <row r="7367" spans="1:4" x14ac:dyDescent="0.25">
      <c r="A7367" s="20">
        <v>43862.708333315481</v>
      </c>
      <c r="B7367" s="22">
        <v>2.1742532253265381</v>
      </c>
      <c r="C7367" s="21">
        <v>337578.82040609355</v>
      </c>
      <c r="D7367">
        <f t="shared" ref="D7367:D7430" si="115">HOUR(A7367)</f>
        <v>17</v>
      </c>
    </row>
    <row r="7368" spans="1:4" x14ac:dyDescent="0.25">
      <c r="A7368" s="20">
        <v>43862.749999982145</v>
      </c>
      <c r="B7368" s="22">
        <v>2.152815580368042</v>
      </c>
      <c r="C7368" s="21">
        <v>334250.36960143305</v>
      </c>
      <c r="D7368">
        <f t="shared" si="115"/>
        <v>18</v>
      </c>
    </row>
    <row r="7369" spans="1:4" x14ac:dyDescent="0.25">
      <c r="A7369" s="20">
        <v>43862.791666648809</v>
      </c>
      <c r="B7369" s="22">
        <v>2.2866661548614502</v>
      </c>
      <c r="C7369" s="21">
        <v>355032.27233558981</v>
      </c>
      <c r="D7369">
        <f t="shared" si="115"/>
        <v>19</v>
      </c>
    </row>
    <row r="7370" spans="1:4" x14ac:dyDescent="0.25">
      <c r="A7370" s="20">
        <v>43862.833333315473</v>
      </c>
      <c r="B7370" s="22">
        <v>2.2046847343444824</v>
      </c>
      <c r="C7370" s="21">
        <v>342303.67618544382</v>
      </c>
      <c r="D7370">
        <f t="shared" si="115"/>
        <v>20</v>
      </c>
    </row>
    <row r="7371" spans="1:4" x14ac:dyDescent="0.25">
      <c r="A7371" s="20">
        <v>43862.874999982138</v>
      </c>
      <c r="B7371" s="22">
        <v>2.2600603103637695</v>
      </c>
      <c r="C7371" s="21">
        <v>350901.39673342247</v>
      </c>
      <c r="D7371">
        <f t="shared" si="115"/>
        <v>21</v>
      </c>
    </row>
    <row r="7372" spans="1:4" x14ac:dyDescent="0.25">
      <c r="A7372" s="20">
        <v>43862.916666648802</v>
      </c>
      <c r="B7372" s="22">
        <v>2.2224061489105225</v>
      </c>
      <c r="C7372" s="21">
        <v>345055.13777025195</v>
      </c>
      <c r="D7372">
        <f t="shared" si="115"/>
        <v>22</v>
      </c>
    </row>
    <row r="7373" spans="1:4" x14ac:dyDescent="0.25">
      <c r="A7373" s="20">
        <v>43862.958333315466</v>
      </c>
      <c r="B7373" s="22">
        <v>2.086902379989624</v>
      </c>
      <c r="C7373" s="21">
        <v>324016.5568266607</v>
      </c>
      <c r="D7373">
        <f t="shared" si="115"/>
        <v>23</v>
      </c>
    </row>
    <row r="7374" spans="1:4" x14ac:dyDescent="0.25">
      <c r="A7374" s="20">
        <v>43862.99999998213</v>
      </c>
      <c r="B7374" s="22">
        <v>1.8837451934814453</v>
      </c>
      <c r="C7374" s="21">
        <v>292473.9735711377</v>
      </c>
      <c r="D7374">
        <f t="shared" si="115"/>
        <v>0</v>
      </c>
    </row>
    <row r="7375" spans="1:4" x14ac:dyDescent="0.25">
      <c r="A7375" s="20">
        <v>43863.041666648794</v>
      </c>
      <c r="B7375" s="22">
        <v>1.9475682973861694</v>
      </c>
      <c r="C7375" s="21">
        <v>302383.27386782994</v>
      </c>
      <c r="D7375">
        <f t="shared" si="115"/>
        <v>1</v>
      </c>
    </row>
    <row r="7376" spans="1:4" x14ac:dyDescent="0.25">
      <c r="A7376" s="20">
        <v>43863.083333315459</v>
      </c>
      <c r="B7376" s="22">
        <v>1.9221204519271851</v>
      </c>
      <c r="C7376" s="21">
        <v>298432.19146774267</v>
      </c>
      <c r="D7376">
        <f t="shared" si="115"/>
        <v>2</v>
      </c>
    </row>
    <row r="7377" spans="1:4" x14ac:dyDescent="0.25">
      <c r="A7377" s="20">
        <v>43863.124999982123</v>
      </c>
      <c r="B7377" s="22">
        <v>1.9493280649185181</v>
      </c>
      <c r="C7377" s="21">
        <v>302656.49882656027</v>
      </c>
      <c r="D7377">
        <f t="shared" si="115"/>
        <v>3</v>
      </c>
    </row>
    <row r="7378" spans="1:4" x14ac:dyDescent="0.25">
      <c r="A7378" s="20">
        <v>43863.166666648787</v>
      </c>
      <c r="B7378" s="22">
        <v>2.0101215839385986</v>
      </c>
      <c r="C7378" s="21">
        <v>312095.41983174905</v>
      </c>
      <c r="D7378">
        <f t="shared" si="115"/>
        <v>4</v>
      </c>
    </row>
    <row r="7379" spans="1:4" x14ac:dyDescent="0.25">
      <c r="A7379" s="20">
        <v>43863.208333315451</v>
      </c>
      <c r="B7379" s="22">
        <v>2.2208778858184814</v>
      </c>
      <c r="C7379" s="21">
        <v>344817.85664500308</v>
      </c>
      <c r="D7379">
        <f t="shared" si="115"/>
        <v>5</v>
      </c>
    </row>
    <row r="7380" spans="1:4" x14ac:dyDescent="0.25">
      <c r="A7380" s="20">
        <v>43863.249999982116</v>
      </c>
      <c r="B7380" s="22">
        <v>2.2463510036468506</v>
      </c>
      <c r="C7380" s="21">
        <v>348772.8628827309</v>
      </c>
      <c r="D7380">
        <f t="shared" si="115"/>
        <v>6</v>
      </c>
    </row>
    <row r="7381" spans="1:4" x14ac:dyDescent="0.25">
      <c r="A7381" s="20">
        <v>43863.29166664878</v>
      </c>
      <c r="B7381" s="22">
        <v>2.2664694786071777</v>
      </c>
      <c r="C7381" s="21">
        <v>351896.49676601827</v>
      </c>
      <c r="D7381">
        <f t="shared" si="115"/>
        <v>7</v>
      </c>
    </row>
    <row r="7382" spans="1:4" x14ac:dyDescent="0.25">
      <c r="A7382" s="20">
        <v>43863.333333315444</v>
      </c>
      <c r="B7382" s="22">
        <v>2.5260114669799805</v>
      </c>
      <c r="C7382" s="21">
        <v>392193.49495379115</v>
      </c>
      <c r="D7382">
        <f t="shared" si="115"/>
        <v>8</v>
      </c>
    </row>
    <row r="7383" spans="1:4" x14ac:dyDescent="0.25">
      <c r="A7383" s="20">
        <v>43863.374999982108</v>
      </c>
      <c r="B7383" s="22">
        <v>2.2010736465454102</v>
      </c>
      <c r="C7383" s="21">
        <v>341743.0116108699</v>
      </c>
      <c r="D7383">
        <f t="shared" si="115"/>
        <v>9</v>
      </c>
    </row>
    <row r="7384" spans="1:4" x14ac:dyDescent="0.25">
      <c r="A7384" s="20">
        <v>43863.416666648773</v>
      </c>
      <c r="B7384" s="22">
        <v>1.9398567676544189</v>
      </c>
      <c r="C7384" s="21">
        <v>301185.96663606534</v>
      </c>
      <c r="D7384">
        <f t="shared" si="115"/>
        <v>10</v>
      </c>
    </row>
    <row r="7385" spans="1:4" x14ac:dyDescent="0.25">
      <c r="A7385" s="20">
        <v>43863.458333315437</v>
      </c>
      <c r="B7385" s="22">
        <v>1.7177201509475708</v>
      </c>
      <c r="C7385" s="21">
        <v>266696.59982110467</v>
      </c>
      <c r="D7385">
        <f t="shared" si="115"/>
        <v>11</v>
      </c>
    </row>
    <row r="7386" spans="1:4" x14ac:dyDescent="0.25">
      <c r="A7386" s="20">
        <v>43863.499999982101</v>
      </c>
      <c r="B7386" s="22">
        <v>1.599392294883728</v>
      </c>
      <c r="C7386" s="21">
        <v>248324.78479702212</v>
      </c>
      <c r="D7386">
        <f t="shared" si="115"/>
        <v>12</v>
      </c>
    </row>
    <row r="7387" spans="1:4" x14ac:dyDescent="0.25">
      <c r="A7387" s="20">
        <v>43863.541666648765</v>
      </c>
      <c r="B7387" s="22">
        <v>1.5994024276733398</v>
      </c>
      <c r="C7387" s="21">
        <v>248326.35803381199</v>
      </c>
      <c r="D7387">
        <f t="shared" si="115"/>
        <v>13</v>
      </c>
    </row>
    <row r="7388" spans="1:4" x14ac:dyDescent="0.25">
      <c r="A7388" s="20">
        <v>43863.58333331543</v>
      </c>
      <c r="B7388" s="22">
        <v>1.4892522096633911</v>
      </c>
      <c r="C7388" s="21">
        <v>231224.21913382804</v>
      </c>
      <c r="D7388">
        <f t="shared" si="115"/>
        <v>14</v>
      </c>
    </row>
    <row r="7389" spans="1:4" x14ac:dyDescent="0.25">
      <c r="A7389" s="20">
        <v>43863.624999982094</v>
      </c>
      <c r="B7389" s="22">
        <v>1.4412170648574829</v>
      </c>
      <c r="C7389" s="21">
        <v>223766.1883337684</v>
      </c>
      <c r="D7389">
        <f t="shared" si="115"/>
        <v>15</v>
      </c>
    </row>
    <row r="7390" spans="1:4" x14ac:dyDescent="0.25">
      <c r="A7390" s="20">
        <v>43863.666666648758</v>
      </c>
      <c r="B7390" s="22">
        <v>1.5172660350799561</v>
      </c>
      <c r="C7390" s="21">
        <v>235573.70061511503</v>
      </c>
      <c r="D7390">
        <f t="shared" si="115"/>
        <v>16</v>
      </c>
    </row>
    <row r="7391" spans="1:4" x14ac:dyDescent="0.25">
      <c r="A7391" s="20">
        <v>43863.708333315422</v>
      </c>
      <c r="B7391" s="22">
        <v>1.4274626970291138</v>
      </c>
      <c r="C7391" s="21">
        <v>221630.65820652893</v>
      </c>
      <c r="D7391">
        <f t="shared" si="115"/>
        <v>17</v>
      </c>
    </row>
    <row r="7392" spans="1:4" x14ac:dyDescent="0.25">
      <c r="A7392" s="20">
        <v>43863.749999982087</v>
      </c>
      <c r="B7392" s="22">
        <v>1.6085225343704224</v>
      </c>
      <c r="C7392" s="21">
        <v>249742.36368803674</v>
      </c>
      <c r="D7392">
        <f t="shared" si="115"/>
        <v>18</v>
      </c>
    </row>
    <row r="7393" spans="1:4" x14ac:dyDescent="0.25">
      <c r="A7393" s="20">
        <v>43863.791666648751</v>
      </c>
      <c r="B7393" s="22">
        <v>1.7662403583526611</v>
      </c>
      <c r="C7393" s="21">
        <v>274229.94239172892</v>
      </c>
      <c r="D7393">
        <f t="shared" si="115"/>
        <v>19</v>
      </c>
    </row>
    <row r="7394" spans="1:4" x14ac:dyDescent="0.25">
      <c r="A7394" s="20">
        <v>43863.833333315415</v>
      </c>
      <c r="B7394" s="22">
        <v>1.8246067762374878</v>
      </c>
      <c r="C7394" s="21">
        <v>283292.02691407327</v>
      </c>
      <c r="D7394">
        <f t="shared" si="115"/>
        <v>20</v>
      </c>
    </row>
    <row r="7395" spans="1:4" x14ac:dyDescent="0.25">
      <c r="A7395" s="20">
        <v>43863.874999982079</v>
      </c>
      <c r="B7395" s="22">
        <v>1.719474196434021</v>
      </c>
      <c r="C7395" s="21">
        <v>266968.93636376545</v>
      </c>
      <c r="D7395">
        <f t="shared" si="115"/>
        <v>21</v>
      </c>
    </row>
    <row r="7396" spans="1:4" x14ac:dyDescent="0.25">
      <c r="A7396" s="20">
        <v>43863.916666648744</v>
      </c>
      <c r="B7396" s="22">
        <v>1.7279204130172729</v>
      </c>
      <c r="C7396" s="21">
        <v>268280.3125171297</v>
      </c>
      <c r="D7396">
        <f t="shared" si="115"/>
        <v>22</v>
      </c>
    </row>
    <row r="7397" spans="1:4" x14ac:dyDescent="0.25">
      <c r="A7397" s="20">
        <v>43863.958333315408</v>
      </c>
      <c r="B7397" s="22">
        <v>1.6912646293640137</v>
      </c>
      <c r="C7397" s="21">
        <v>262589.06364943186</v>
      </c>
      <c r="D7397">
        <f t="shared" si="115"/>
        <v>23</v>
      </c>
    </row>
    <row r="7398" spans="1:4" x14ac:dyDescent="0.25">
      <c r="A7398" s="20">
        <v>43863.999999982072</v>
      </c>
      <c r="B7398" s="22">
        <v>1.6199467182159424</v>
      </c>
      <c r="C7398" s="21">
        <v>251516.10487961018</v>
      </c>
      <c r="D7398">
        <f t="shared" si="115"/>
        <v>0</v>
      </c>
    </row>
    <row r="7399" spans="1:4" x14ac:dyDescent="0.25">
      <c r="A7399" s="20">
        <v>43864.041666648736</v>
      </c>
      <c r="B7399" s="22">
        <v>1.7431577444076538</v>
      </c>
      <c r="C7399" s="21">
        <v>270646.09047573386</v>
      </c>
      <c r="D7399">
        <f t="shared" si="115"/>
        <v>1</v>
      </c>
    </row>
    <row r="7400" spans="1:4" x14ac:dyDescent="0.25">
      <c r="A7400" s="20">
        <v>43864.083333315401</v>
      </c>
      <c r="B7400" s="22">
        <v>1.5856262445449829</v>
      </c>
      <c r="C7400" s="21">
        <v>246187.4408203073</v>
      </c>
      <c r="D7400">
        <f t="shared" si="115"/>
        <v>2</v>
      </c>
    </row>
    <row r="7401" spans="1:4" x14ac:dyDescent="0.25">
      <c r="A7401" s="20">
        <v>43864.124999982065</v>
      </c>
      <c r="B7401" s="22">
        <v>1.6370396614074707</v>
      </c>
      <c r="C7401" s="21">
        <v>254169.98876611007</v>
      </c>
      <c r="D7401">
        <f t="shared" si="115"/>
        <v>3</v>
      </c>
    </row>
    <row r="7402" spans="1:4" x14ac:dyDescent="0.25">
      <c r="A7402" s="20">
        <v>43864.166666648729</v>
      </c>
      <c r="B7402" s="22">
        <v>1.7994908094406128</v>
      </c>
      <c r="C7402" s="21">
        <v>279392.47264602134</v>
      </c>
      <c r="D7402">
        <f t="shared" si="115"/>
        <v>4</v>
      </c>
    </row>
    <row r="7403" spans="1:4" x14ac:dyDescent="0.25">
      <c r="A7403" s="20">
        <v>43864.208333315393</v>
      </c>
      <c r="B7403" s="22">
        <v>1.9917968511581421</v>
      </c>
      <c r="C7403" s="21">
        <v>309250.2858776052</v>
      </c>
      <c r="D7403">
        <f t="shared" si="115"/>
        <v>5</v>
      </c>
    </row>
    <row r="7404" spans="1:4" x14ac:dyDescent="0.25">
      <c r="A7404" s="20">
        <v>43864.249999982057</v>
      </c>
      <c r="B7404" s="22">
        <v>2.44576096534729</v>
      </c>
      <c r="C7404" s="21">
        <v>379733.64466469141</v>
      </c>
      <c r="D7404">
        <f t="shared" si="115"/>
        <v>6</v>
      </c>
    </row>
    <row r="7405" spans="1:4" x14ac:dyDescent="0.25">
      <c r="A7405" s="20">
        <v>43864.291666648722</v>
      </c>
      <c r="B7405" s="22">
        <v>2.3605120182037354</v>
      </c>
      <c r="C7405" s="21">
        <v>366497.72592148214</v>
      </c>
      <c r="D7405">
        <f t="shared" si="115"/>
        <v>7</v>
      </c>
    </row>
    <row r="7406" spans="1:4" x14ac:dyDescent="0.25">
      <c r="A7406" s="20">
        <v>43864.333333315386</v>
      </c>
      <c r="B7406" s="22">
        <v>2.051908016204834</v>
      </c>
      <c r="C7406" s="21">
        <v>318583.26326649729</v>
      </c>
      <c r="D7406">
        <f t="shared" si="115"/>
        <v>8</v>
      </c>
    </row>
    <row r="7407" spans="1:4" x14ac:dyDescent="0.25">
      <c r="A7407" s="20">
        <v>43864.37499998205</v>
      </c>
      <c r="B7407" s="22">
        <v>1.9305952787399292</v>
      </c>
      <c r="C7407" s="21">
        <v>299748.00970145484</v>
      </c>
      <c r="D7407">
        <f t="shared" si="115"/>
        <v>9</v>
      </c>
    </row>
    <row r="7408" spans="1:4" x14ac:dyDescent="0.25">
      <c r="A7408" s="20">
        <v>43864.416666648714</v>
      </c>
      <c r="B7408" s="22">
        <v>1.7811669111251831</v>
      </c>
      <c r="C7408" s="21">
        <v>276547.46825255424</v>
      </c>
      <c r="D7408">
        <f t="shared" si="115"/>
        <v>10</v>
      </c>
    </row>
    <row r="7409" spans="1:4" x14ac:dyDescent="0.25">
      <c r="A7409" s="20">
        <v>43864.458333315379</v>
      </c>
      <c r="B7409" s="22">
        <v>1.4830355644226074</v>
      </c>
      <c r="C7409" s="21">
        <v>230259.0106002398</v>
      </c>
      <c r="D7409">
        <f t="shared" si="115"/>
        <v>11</v>
      </c>
    </row>
    <row r="7410" spans="1:4" x14ac:dyDescent="0.25">
      <c r="A7410" s="20">
        <v>43864.499999982043</v>
      </c>
      <c r="B7410" s="22">
        <v>1.2852175235748291</v>
      </c>
      <c r="C7410" s="21">
        <v>199545.39357230222</v>
      </c>
      <c r="D7410">
        <f t="shared" si="115"/>
        <v>12</v>
      </c>
    </row>
    <row r="7411" spans="1:4" x14ac:dyDescent="0.25">
      <c r="A7411" s="20">
        <v>43864.541666648707</v>
      </c>
      <c r="B7411" s="22">
        <v>1.0756133794784546</v>
      </c>
      <c r="C7411" s="21">
        <v>167001.84303639061</v>
      </c>
      <c r="D7411">
        <f t="shared" si="115"/>
        <v>13</v>
      </c>
    </row>
    <row r="7412" spans="1:4" x14ac:dyDescent="0.25">
      <c r="A7412" s="20">
        <v>43864.583333315371</v>
      </c>
      <c r="B7412" s="22">
        <v>1.0339328050613403</v>
      </c>
      <c r="C7412" s="21">
        <v>160530.43529892954</v>
      </c>
      <c r="D7412">
        <f t="shared" si="115"/>
        <v>14</v>
      </c>
    </row>
    <row r="7413" spans="1:4" x14ac:dyDescent="0.25">
      <c r="A7413" s="20">
        <v>43864.624999982036</v>
      </c>
      <c r="B7413" s="22">
        <v>1.0468407869338989</v>
      </c>
      <c r="C7413" s="21">
        <v>162534.55388254445</v>
      </c>
      <c r="D7413">
        <f t="shared" si="115"/>
        <v>15</v>
      </c>
    </row>
    <row r="7414" spans="1:4" x14ac:dyDescent="0.25">
      <c r="A7414" s="20">
        <v>43864.6666666487</v>
      </c>
      <c r="B7414" s="22">
        <v>1.1585648059844971</v>
      </c>
      <c r="C7414" s="21">
        <v>179881.04421899762</v>
      </c>
      <c r="D7414">
        <f t="shared" si="115"/>
        <v>16</v>
      </c>
    </row>
    <row r="7415" spans="1:4" x14ac:dyDescent="0.25">
      <c r="A7415" s="20">
        <v>43864.708333315364</v>
      </c>
      <c r="B7415" s="22">
        <v>1.4408001899719238</v>
      </c>
      <c r="C7415" s="21">
        <v>223701.46352136627</v>
      </c>
      <c r="D7415">
        <f t="shared" si="115"/>
        <v>17</v>
      </c>
    </row>
    <row r="7416" spans="1:4" x14ac:dyDescent="0.25">
      <c r="A7416" s="20">
        <v>43864.749999982028</v>
      </c>
      <c r="B7416" s="22">
        <v>1.5103471279144287</v>
      </c>
      <c r="C7416" s="21">
        <v>234499.45751765466</v>
      </c>
      <c r="D7416">
        <f t="shared" si="115"/>
        <v>18</v>
      </c>
    </row>
    <row r="7417" spans="1:4" x14ac:dyDescent="0.25">
      <c r="A7417" s="20">
        <v>43864.791666648693</v>
      </c>
      <c r="B7417" s="22">
        <v>1.4899232387542725</v>
      </c>
      <c r="C7417" s="21">
        <v>231328.40442665378</v>
      </c>
      <c r="D7417">
        <f t="shared" si="115"/>
        <v>19</v>
      </c>
    </row>
    <row r="7418" spans="1:4" x14ac:dyDescent="0.25">
      <c r="A7418" s="20">
        <v>43864.833333315357</v>
      </c>
      <c r="B7418" s="22">
        <v>1.6266188621520996</v>
      </c>
      <c r="C7418" s="21">
        <v>252552.03503407011</v>
      </c>
      <c r="D7418">
        <f t="shared" si="115"/>
        <v>20</v>
      </c>
    </row>
    <row r="7419" spans="1:4" x14ac:dyDescent="0.25">
      <c r="A7419" s="20">
        <v>43864.874999982021</v>
      </c>
      <c r="B7419" s="22">
        <v>1.4374189376831055</v>
      </c>
      <c r="C7419" s="21">
        <v>223176.48365892028</v>
      </c>
      <c r="D7419">
        <f t="shared" si="115"/>
        <v>21</v>
      </c>
    </row>
    <row r="7420" spans="1:4" x14ac:dyDescent="0.25">
      <c r="A7420" s="20">
        <v>43864.916666648685</v>
      </c>
      <c r="B7420" s="22">
        <v>1.1956189870834351</v>
      </c>
      <c r="C7420" s="21">
        <v>185634.14905553966</v>
      </c>
      <c r="D7420">
        <f t="shared" si="115"/>
        <v>22</v>
      </c>
    </row>
    <row r="7421" spans="1:4" x14ac:dyDescent="0.25">
      <c r="A7421" s="20">
        <v>43864.95833331535</v>
      </c>
      <c r="B7421" s="22">
        <v>1.2195382118225098</v>
      </c>
      <c r="C7421" s="21">
        <v>189347.89480437365</v>
      </c>
      <c r="D7421">
        <f t="shared" si="115"/>
        <v>23</v>
      </c>
    </row>
    <row r="7422" spans="1:4" x14ac:dyDescent="0.25">
      <c r="A7422" s="20">
        <v>43864.999999982014</v>
      </c>
      <c r="B7422" s="22">
        <v>1.1042555570602417</v>
      </c>
      <c r="C7422" s="21">
        <v>171448.88370731773</v>
      </c>
      <c r="D7422">
        <f t="shared" si="115"/>
        <v>0</v>
      </c>
    </row>
    <row r="7423" spans="1:4" x14ac:dyDescent="0.25">
      <c r="A7423" s="20">
        <v>43865.041666648678</v>
      </c>
      <c r="B7423" s="22">
        <v>1.0186264514923096</v>
      </c>
      <c r="C7423" s="21">
        <v>158153.94082148615</v>
      </c>
      <c r="D7423">
        <f t="shared" si="115"/>
        <v>1</v>
      </c>
    </row>
    <row r="7424" spans="1:4" x14ac:dyDescent="0.25">
      <c r="A7424" s="20">
        <v>43865.083333315342</v>
      </c>
      <c r="B7424" s="22">
        <v>0.98623025417327881</v>
      </c>
      <c r="C7424" s="21">
        <v>153124.04368291391</v>
      </c>
      <c r="D7424">
        <f t="shared" si="115"/>
        <v>2</v>
      </c>
    </row>
    <row r="7425" spans="1:4" x14ac:dyDescent="0.25">
      <c r="A7425" s="20">
        <v>43865.124999982007</v>
      </c>
      <c r="B7425" s="22">
        <v>1.038061261177063</v>
      </c>
      <c r="C7425" s="21">
        <v>161171.4274931275</v>
      </c>
      <c r="D7425">
        <f t="shared" si="115"/>
        <v>3</v>
      </c>
    </row>
    <row r="7426" spans="1:4" x14ac:dyDescent="0.25">
      <c r="A7426" s="20">
        <v>43865.166666648671</v>
      </c>
      <c r="B7426" s="22">
        <v>1.0382869243621826</v>
      </c>
      <c r="C7426" s="21">
        <v>161206.46440187132</v>
      </c>
      <c r="D7426">
        <f t="shared" si="115"/>
        <v>4</v>
      </c>
    </row>
    <row r="7427" spans="1:4" x14ac:dyDescent="0.25">
      <c r="A7427" s="20">
        <v>43865.208333315335</v>
      </c>
      <c r="B7427" s="22">
        <v>1.2931761741638184</v>
      </c>
      <c r="C7427" s="21">
        <v>200781.06927307151</v>
      </c>
      <c r="D7427">
        <f t="shared" si="115"/>
        <v>5</v>
      </c>
    </row>
    <row r="7428" spans="1:4" x14ac:dyDescent="0.25">
      <c r="A7428" s="20">
        <v>43865.249999981999</v>
      </c>
      <c r="B7428" s="22">
        <v>1.6597273349761963</v>
      </c>
      <c r="C7428" s="21">
        <v>257692.52146463629</v>
      </c>
      <c r="D7428">
        <f t="shared" si="115"/>
        <v>6</v>
      </c>
    </row>
    <row r="7429" spans="1:4" x14ac:dyDescent="0.25">
      <c r="A7429" s="20">
        <v>43865.291666648664</v>
      </c>
      <c r="B7429" s="22">
        <v>1.3258779048919678</v>
      </c>
      <c r="C7429" s="21">
        <v>205858.4041280254</v>
      </c>
      <c r="D7429">
        <f t="shared" si="115"/>
        <v>7</v>
      </c>
    </row>
    <row r="7430" spans="1:4" x14ac:dyDescent="0.25">
      <c r="A7430" s="20">
        <v>43865.333333315328</v>
      </c>
      <c r="B7430" s="22">
        <v>1.3749939203262329</v>
      </c>
      <c r="C7430" s="21">
        <v>213484.25302189405</v>
      </c>
      <c r="D7430">
        <f t="shared" si="115"/>
        <v>8</v>
      </c>
    </row>
    <row r="7431" spans="1:4" x14ac:dyDescent="0.25">
      <c r="A7431" s="20">
        <v>43865.374999981992</v>
      </c>
      <c r="B7431" s="22">
        <v>1.3406894207000732</v>
      </c>
      <c r="C7431" s="21">
        <v>208158.06912411875</v>
      </c>
      <c r="D7431">
        <f t="shared" ref="D7431:D7494" si="116">HOUR(A7431)</f>
        <v>9</v>
      </c>
    </row>
    <row r="7432" spans="1:4" x14ac:dyDescent="0.25">
      <c r="A7432" s="20">
        <v>43865.416666648656</v>
      </c>
      <c r="B7432" s="22">
        <v>1.2553743124008179</v>
      </c>
      <c r="C7432" s="21">
        <v>194911.87807010507</v>
      </c>
      <c r="D7432">
        <f t="shared" si="116"/>
        <v>10</v>
      </c>
    </row>
    <row r="7433" spans="1:4" x14ac:dyDescent="0.25">
      <c r="A7433" s="20">
        <v>43865.45833331532</v>
      </c>
      <c r="B7433" s="22">
        <v>1.1967250108718872</v>
      </c>
      <c r="C7433" s="21">
        <v>185805.87247832114</v>
      </c>
      <c r="D7433">
        <f t="shared" si="116"/>
        <v>11</v>
      </c>
    </row>
    <row r="7434" spans="1:4" x14ac:dyDescent="0.25">
      <c r="A7434" s="20">
        <v>43865.499999981985</v>
      </c>
      <c r="B7434" s="22">
        <v>1.1610444784164429</v>
      </c>
      <c r="C7434" s="21">
        <v>180266.04302448127</v>
      </c>
      <c r="D7434">
        <f t="shared" si="116"/>
        <v>12</v>
      </c>
    </row>
    <row r="7435" spans="1:4" x14ac:dyDescent="0.25">
      <c r="A7435" s="20">
        <v>43865.541666648649</v>
      </c>
      <c r="B7435" s="22">
        <v>1.2739753723144531</v>
      </c>
      <c r="C7435" s="21">
        <v>197799.91511694214</v>
      </c>
      <c r="D7435">
        <f t="shared" si="116"/>
        <v>13</v>
      </c>
    </row>
    <row r="7436" spans="1:4" x14ac:dyDescent="0.25">
      <c r="A7436" s="20">
        <v>43865.583333315313</v>
      </c>
      <c r="B7436" s="22">
        <v>1.4029734134674072</v>
      </c>
      <c r="C7436" s="21">
        <v>217828.40400676357</v>
      </c>
      <c r="D7436">
        <f t="shared" si="116"/>
        <v>14</v>
      </c>
    </row>
    <row r="7437" spans="1:4" x14ac:dyDescent="0.25">
      <c r="A7437" s="20">
        <v>43865.624999981977</v>
      </c>
      <c r="B7437" s="22">
        <v>1.2965878248214722</v>
      </c>
      <c r="C7437" s="21">
        <v>201310.76884588713</v>
      </c>
      <c r="D7437">
        <f t="shared" si="116"/>
        <v>15</v>
      </c>
    </row>
    <row r="7438" spans="1:4" x14ac:dyDescent="0.25">
      <c r="A7438" s="20">
        <v>43865.666666648642</v>
      </c>
      <c r="B7438" s="22">
        <v>1.4483268260955811</v>
      </c>
      <c r="C7438" s="21">
        <v>224870.0638088827</v>
      </c>
      <c r="D7438">
        <f t="shared" si="116"/>
        <v>16</v>
      </c>
    </row>
    <row r="7439" spans="1:4" x14ac:dyDescent="0.25">
      <c r="A7439" s="20">
        <v>43865.708333315306</v>
      </c>
      <c r="B7439" s="22">
        <v>1.4521986246109009</v>
      </c>
      <c r="C7439" s="21">
        <v>225471.20684062658</v>
      </c>
      <c r="D7439">
        <f t="shared" si="116"/>
        <v>17</v>
      </c>
    </row>
    <row r="7440" spans="1:4" x14ac:dyDescent="0.25">
      <c r="A7440" s="20">
        <v>43865.74999998197</v>
      </c>
      <c r="B7440" s="22">
        <v>1.5779417753219604</v>
      </c>
      <c r="C7440" s="21">
        <v>244994.33505620508</v>
      </c>
      <c r="D7440">
        <f t="shared" si="116"/>
        <v>18</v>
      </c>
    </row>
    <row r="7441" spans="1:4" x14ac:dyDescent="0.25">
      <c r="A7441" s="20">
        <v>43865.791666648634</v>
      </c>
      <c r="B7441" s="22">
        <v>1.5222973823547363</v>
      </c>
      <c r="C7441" s="21">
        <v>236354.87746162454</v>
      </c>
      <c r="D7441">
        <f t="shared" si="116"/>
        <v>19</v>
      </c>
    </row>
    <row r="7442" spans="1:4" x14ac:dyDescent="0.25">
      <c r="A7442" s="20">
        <v>43865.833333315299</v>
      </c>
      <c r="B7442" s="22">
        <v>1.6746386289596558</v>
      </c>
      <c r="C7442" s="21">
        <v>260007.67821594284</v>
      </c>
      <c r="D7442">
        <f t="shared" si="116"/>
        <v>20</v>
      </c>
    </row>
    <row r="7443" spans="1:4" x14ac:dyDescent="0.25">
      <c r="A7443" s="20">
        <v>43865.874999981963</v>
      </c>
      <c r="B7443" s="22">
        <v>1.2959944009780884</v>
      </c>
      <c r="C7443" s="21">
        <v>201218.63269600499</v>
      </c>
      <c r="D7443">
        <f t="shared" si="116"/>
        <v>21</v>
      </c>
    </row>
    <row r="7444" spans="1:4" x14ac:dyDescent="0.25">
      <c r="A7444" s="20">
        <v>43865.916666648627</v>
      </c>
      <c r="B7444" s="22">
        <v>1.3563288450241089</v>
      </c>
      <c r="C7444" s="21">
        <v>210586.27682027858</v>
      </c>
      <c r="D7444">
        <f t="shared" si="116"/>
        <v>22</v>
      </c>
    </row>
    <row r="7445" spans="1:4" x14ac:dyDescent="0.25">
      <c r="A7445" s="20">
        <v>43865.958333315291</v>
      </c>
      <c r="B7445" s="22">
        <v>1.0857834815979004</v>
      </c>
      <c r="C7445" s="21">
        <v>168580.87303938231</v>
      </c>
      <c r="D7445">
        <f t="shared" si="116"/>
        <v>23</v>
      </c>
    </row>
    <row r="7446" spans="1:4" x14ac:dyDescent="0.25">
      <c r="A7446" s="20">
        <v>43865.999999981956</v>
      </c>
      <c r="B7446" s="22">
        <v>1.0652968883514404</v>
      </c>
      <c r="C7446" s="21">
        <v>165400.08438895232</v>
      </c>
      <c r="D7446">
        <f t="shared" si="116"/>
        <v>0</v>
      </c>
    </row>
    <row r="7447" spans="1:4" x14ac:dyDescent="0.25">
      <c r="A7447" s="20">
        <v>43866.04166664862</v>
      </c>
      <c r="B7447" s="22">
        <v>1.0649452209472656</v>
      </c>
      <c r="C7447" s="21">
        <v>165345.48381800973</v>
      </c>
      <c r="D7447">
        <f t="shared" si="116"/>
        <v>1</v>
      </c>
    </row>
    <row r="7448" spans="1:4" x14ac:dyDescent="0.25">
      <c r="A7448" s="20">
        <v>43866.083333315284</v>
      </c>
      <c r="B7448" s="22">
        <v>1.1123033761978149</v>
      </c>
      <c r="C7448" s="21">
        <v>172698.40389183786</v>
      </c>
      <c r="D7448">
        <f t="shared" si="116"/>
        <v>2</v>
      </c>
    </row>
    <row r="7449" spans="1:4" x14ac:dyDescent="0.25">
      <c r="A7449" s="20">
        <v>43866.124999981948</v>
      </c>
      <c r="B7449" s="22">
        <v>1.2326406240463257</v>
      </c>
      <c r="C7449" s="21">
        <v>191382.20102568596</v>
      </c>
      <c r="D7449">
        <f t="shared" si="116"/>
        <v>3</v>
      </c>
    </row>
    <row r="7450" spans="1:4" x14ac:dyDescent="0.25">
      <c r="A7450" s="20">
        <v>43866.166666648613</v>
      </c>
      <c r="B7450" s="22">
        <v>1.2636591196060181</v>
      </c>
      <c r="C7450" s="21">
        <v>196198.19348684009</v>
      </c>
      <c r="D7450">
        <f t="shared" si="116"/>
        <v>4</v>
      </c>
    </row>
    <row r="7451" spans="1:4" x14ac:dyDescent="0.25">
      <c r="A7451" s="20">
        <v>43866.208333315277</v>
      </c>
      <c r="B7451" s="22">
        <v>1.5240240097045898</v>
      </c>
      <c r="C7451" s="21">
        <v>236622.95701061864</v>
      </c>
      <c r="D7451">
        <f t="shared" si="116"/>
        <v>5</v>
      </c>
    </row>
    <row r="7452" spans="1:4" x14ac:dyDescent="0.25">
      <c r="A7452" s="20">
        <v>43866.249999981941</v>
      </c>
      <c r="B7452" s="22">
        <v>1.70755934715271</v>
      </c>
      <c r="C7452" s="21">
        <v>265119.01349422603</v>
      </c>
      <c r="D7452">
        <f t="shared" si="116"/>
        <v>6</v>
      </c>
    </row>
    <row r="7453" spans="1:4" x14ac:dyDescent="0.25">
      <c r="A7453" s="20">
        <v>43866.291666648605</v>
      </c>
      <c r="B7453" s="22">
        <v>1.8146523237228394</v>
      </c>
      <c r="C7453" s="21">
        <v>281746.47909170366</v>
      </c>
      <c r="D7453">
        <f t="shared" si="116"/>
        <v>7</v>
      </c>
    </row>
    <row r="7454" spans="1:4" x14ac:dyDescent="0.25">
      <c r="A7454" s="20">
        <v>43866.33333331527</v>
      </c>
      <c r="B7454" s="22">
        <v>1.767249584197998</v>
      </c>
      <c r="C7454" s="21">
        <v>274386.63677600009</v>
      </c>
      <c r="D7454">
        <f t="shared" si="116"/>
        <v>8</v>
      </c>
    </row>
    <row r="7455" spans="1:4" x14ac:dyDescent="0.25">
      <c r="A7455" s="20">
        <v>43866.374999981934</v>
      </c>
      <c r="B7455" s="22">
        <v>1.8206957578659058</v>
      </c>
      <c r="C7455" s="21">
        <v>282684.79453051911</v>
      </c>
      <c r="D7455">
        <f t="shared" si="116"/>
        <v>9</v>
      </c>
    </row>
    <row r="7456" spans="1:4" x14ac:dyDescent="0.25">
      <c r="A7456" s="20">
        <v>43866.416666648598</v>
      </c>
      <c r="B7456" s="22">
        <v>1.9047107696533203</v>
      </c>
      <c r="C7456" s="21">
        <v>295729.13005005824</v>
      </c>
      <c r="D7456">
        <f t="shared" si="116"/>
        <v>10</v>
      </c>
    </row>
    <row r="7457" spans="1:4" x14ac:dyDescent="0.25">
      <c r="A7457" s="20">
        <v>43866.458333315262</v>
      </c>
      <c r="B7457" s="22">
        <v>2.0595803260803223</v>
      </c>
      <c r="C7457" s="21">
        <v>319774.48114645161</v>
      </c>
      <c r="D7457">
        <f t="shared" si="116"/>
        <v>11</v>
      </c>
    </row>
    <row r="7458" spans="1:4" x14ac:dyDescent="0.25">
      <c r="A7458" s="20">
        <v>43866.499999981927</v>
      </c>
      <c r="B7458" s="22">
        <v>1.9404503107070923</v>
      </c>
      <c r="C7458" s="21">
        <v>301278.12129461562</v>
      </c>
      <c r="D7458">
        <f t="shared" si="116"/>
        <v>12</v>
      </c>
    </row>
    <row r="7459" spans="1:4" x14ac:dyDescent="0.25">
      <c r="A7459" s="20">
        <v>43866.541666648591</v>
      </c>
      <c r="B7459" s="22">
        <v>2.0049111843109131</v>
      </c>
      <c r="C7459" s="21">
        <v>311286.44296572916</v>
      </c>
      <c r="D7459">
        <f t="shared" si="116"/>
        <v>13</v>
      </c>
    </row>
    <row r="7460" spans="1:4" x14ac:dyDescent="0.25">
      <c r="A7460" s="20">
        <v>43866.583333315255</v>
      </c>
      <c r="B7460" s="22">
        <v>1.9163700342178345</v>
      </c>
      <c r="C7460" s="21">
        <v>297539.37033515668</v>
      </c>
      <c r="D7460">
        <f t="shared" si="116"/>
        <v>14</v>
      </c>
    </row>
    <row r="7461" spans="1:4" x14ac:dyDescent="0.25">
      <c r="A7461" s="20">
        <v>43866.624999981919</v>
      </c>
      <c r="B7461" s="22">
        <v>1.8897184133529663</v>
      </c>
      <c r="C7461" s="21">
        <v>293401.38740443275</v>
      </c>
      <c r="D7461">
        <f t="shared" si="116"/>
        <v>15</v>
      </c>
    </row>
    <row r="7462" spans="1:4" x14ac:dyDescent="0.25">
      <c r="A7462" s="20">
        <v>43866.666666648583</v>
      </c>
      <c r="B7462" s="22">
        <v>2.0227334499359131</v>
      </c>
      <c r="C7462" s="21">
        <v>314053.56288376352</v>
      </c>
      <c r="D7462">
        <f t="shared" si="116"/>
        <v>16</v>
      </c>
    </row>
    <row r="7463" spans="1:4" x14ac:dyDescent="0.25">
      <c r="A7463" s="20">
        <v>43866.708333315248</v>
      </c>
      <c r="B7463" s="22">
        <v>2.1433677673339844</v>
      </c>
      <c r="C7463" s="21">
        <v>332783.48361855705</v>
      </c>
      <c r="D7463">
        <f t="shared" si="116"/>
        <v>17</v>
      </c>
    </row>
    <row r="7464" spans="1:4" x14ac:dyDescent="0.25">
      <c r="A7464" s="20">
        <v>43866.749999981912</v>
      </c>
      <c r="B7464" s="22">
        <v>2.1804323196411133</v>
      </c>
      <c r="C7464" s="21">
        <v>338538.19870922522</v>
      </c>
      <c r="D7464">
        <f t="shared" si="116"/>
        <v>18</v>
      </c>
    </row>
    <row r="7465" spans="1:4" x14ac:dyDescent="0.25">
      <c r="A7465" s="20">
        <v>43866.791666648576</v>
      </c>
      <c r="B7465" s="22">
        <v>2.1358740329742432</v>
      </c>
      <c r="C7465" s="21">
        <v>331619.99172344065</v>
      </c>
      <c r="D7465">
        <f t="shared" si="116"/>
        <v>19</v>
      </c>
    </row>
    <row r="7466" spans="1:4" x14ac:dyDescent="0.25">
      <c r="A7466" s="20">
        <v>43866.83333331524</v>
      </c>
      <c r="B7466" s="22">
        <v>2.0547499656677246</v>
      </c>
      <c r="C7466" s="21">
        <v>319024.50991438585</v>
      </c>
      <c r="D7466">
        <f t="shared" si="116"/>
        <v>20</v>
      </c>
    </row>
    <row r="7467" spans="1:4" x14ac:dyDescent="0.25">
      <c r="A7467" s="20">
        <v>43866.874999981905</v>
      </c>
      <c r="B7467" s="22">
        <v>2.0125911235809326</v>
      </c>
      <c r="C7467" s="21">
        <v>312478.84540044289</v>
      </c>
      <c r="D7467">
        <f t="shared" si="116"/>
        <v>21</v>
      </c>
    </row>
    <row r="7468" spans="1:4" x14ac:dyDescent="0.25">
      <c r="A7468" s="20">
        <v>43866.916666648569</v>
      </c>
      <c r="B7468" s="22">
        <v>1.8964002132415771</v>
      </c>
      <c r="C7468" s="21">
        <v>294438.81676101015</v>
      </c>
      <c r="D7468">
        <f t="shared" si="116"/>
        <v>22</v>
      </c>
    </row>
    <row r="7469" spans="1:4" x14ac:dyDescent="0.25">
      <c r="A7469" s="20">
        <v>43866.958333315233</v>
      </c>
      <c r="B7469" s="22">
        <v>1.6030802726745605</v>
      </c>
      <c r="C7469" s="21">
        <v>248897.38746253095</v>
      </c>
      <c r="D7469">
        <f t="shared" si="116"/>
        <v>23</v>
      </c>
    </row>
    <row r="7470" spans="1:4" x14ac:dyDescent="0.25">
      <c r="A7470" s="20">
        <v>43866.999999981897</v>
      </c>
      <c r="B7470" s="22">
        <v>1.5802626609802246</v>
      </c>
      <c r="C7470" s="21">
        <v>245354.68031575813</v>
      </c>
      <c r="D7470">
        <f t="shared" si="116"/>
        <v>0</v>
      </c>
    </row>
    <row r="7471" spans="1:4" x14ac:dyDescent="0.25">
      <c r="A7471" s="20">
        <v>43867.041666648562</v>
      </c>
      <c r="B7471" s="22">
        <v>1.4485214948654175</v>
      </c>
      <c r="C7471" s="21">
        <v>224900.28846391634</v>
      </c>
      <c r="D7471">
        <f t="shared" si="116"/>
        <v>1</v>
      </c>
    </row>
    <row r="7472" spans="1:4" x14ac:dyDescent="0.25">
      <c r="A7472" s="20">
        <v>43867.083333315226</v>
      </c>
      <c r="B7472" s="22">
        <v>1.361920952796936</v>
      </c>
      <c r="C7472" s="21">
        <v>211454.5184416064</v>
      </c>
      <c r="D7472">
        <f t="shared" si="116"/>
        <v>2</v>
      </c>
    </row>
    <row r="7473" spans="1:4" x14ac:dyDescent="0.25">
      <c r="A7473" s="20">
        <v>43867.12499998189</v>
      </c>
      <c r="B7473" s="22">
        <v>1.3243030309677124</v>
      </c>
      <c r="C7473" s="21">
        <v>205613.88611354318</v>
      </c>
      <c r="D7473">
        <f t="shared" si="116"/>
        <v>3</v>
      </c>
    </row>
    <row r="7474" spans="1:4" x14ac:dyDescent="0.25">
      <c r="A7474" s="20">
        <v>43867.166666648554</v>
      </c>
      <c r="B7474" s="22">
        <v>1.3870247602462769</v>
      </c>
      <c r="C7474" s="21">
        <v>215352.18482551046</v>
      </c>
      <c r="D7474">
        <f t="shared" si="116"/>
        <v>4</v>
      </c>
    </row>
    <row r="7475" spans="1:4" x14ac:dyDescent="0.25">
      <c r="A7475" s="20">
        <v>43867.208333315219</v>
      </c>
      <c r="B7475" s="22">
        <v>1.5505529642105103</v>
      </c>
      <c r="C7475" s="21">
        <v>240741.89452185101</v>
      </c>
      <c r="D7475">
        <f t="shared" si="116"/>
        <v>5</v>
      </c>
    </row>
    <row r="7476" spans="1:4" x14ac:dyDescent="0.25">
      <c r="A7476" s="20">
        <v>43867.249999981883</v>
      </c>
      <c r="B7476" s="22">
        <v>1.6967066526412964</v>
      </c>
      <c r="C7476" s="21">
        <v>263434.00285760139</v>
      </c>
      <c r="D7476">
        <f t="shared" si="116"/>
        <v>6</v>
      </c>
    </row>
    <row r="7477" spans="1:4" x14ac:dyDescent="0.25">
      <c r="A7477" s="20">
        <v>43867.291666648547</v>
      </c>
      <c r="B7477" s="22">
        <v>1.6181751489639282</v>
      </c>
      <c r="C7477" s="21">
        <v>251241.04756273632</v>
      </c>
      <c r="D7477">
        <f t="shared" si="116"/>
        <v>7</v>
      </c>
    </row>
    <row r="7478" spans="1:4" x14ac:dyDescent="0.25">
      <c r="A7478" s="20">
        <v>43867.333333315211</v>
      </c>
      <c r="B7478" s="22">
        <v>1.5290827751159668</v>
      </c>
      <c r="C7478" s="21">
        <v>237408.39085079482</v>
      </c>
      <c r="D7478">
        <f t="shared" si="116"/>
        <v>8</v>
      </c>
    </row>
    <row r="7479" spans="1:4" x14ac:dyDescent="0.25">
      <c r="A7479" s="20">
        <v>43867.374999981876</v>
      </c>
      <c r="B7479" s="22">
        <v>1.620875358581543</v>
      </c>
      <c r="C7479" s="21">
        <v>251660.28740423484</v>
      </c>
      <c r="D7479">
        <f t="shared" si="116"/>
        <v>9</v>
      </c>
    </row>
    <row r="7480" spans="1:4" x14ac:dyDescent="0.25">
      <c r="A7480" s="20">
        <v>43867.41666664854</v>
      </c>
      <c r="B7480" s="22">
        <v>1.5774174928665161</v>
      </c>
      <c r="C7480" s="21">
        <v>244912.93393383035</v>
      </c>
      <c r="D7480">
        <f t="shared" si="116"/>
        <v>10</v>
      </c>
    </row>
    <row r="7481" spans="1:4" x14ac:dyDescent="0.25">
      <c r="A7481" s="20">
        <v>43867.458333315204</v>
      </c>
      <c r="B7481" s="22">
        <v>1.5880440473556519</v>
      </c>
      <c r="C7481" s="21">
        <v>246562.83362703869</v>
      </c>
      <c r="D7481">
        <f t="shared" si="116"/>
        <v>11</v>
      </c>
    </row>
    <row r="7482" spans="1:4" x14ac:dyDescent="0.25">
      <c r="A7482" s="20">
        <v>43867.499999981868</v>
      </c>
      <c r="B7482" s="22">
        <v>1.5494973659515381</v>
      </c>
      <c r="C7482" s="21">
        <v>240578.0002656827</v>
      </c>
      <c r="D7482">
        <f t="shared" si="116"/>
        <v>12</v>
      </c>
    </row>
    <row r="7483" spans="1:4" x14ac:dyDescent="0.25">
      <c r="A7483" s="20">
        <v>43867.541666648533</v>
      </c>
      <c r="B7483" s="22">
        <v>1.5659538507461548</v>
      </c>
      <c r="C7483" s="21">
        <v>243133.06637311052</v>
      </c>
      <c r="D7483">
        <f t="shared" si="116"/>
        <v>13</v>
      </c>
    </row>
    <row r="7484" spans="1:4" x14ac:dyDescent="0.25">
      <c r="A7484" s="20">
        <v>43867.583333315197</v>
      </c>
      <c r="B7484" s="22">
        <v>1.5137284994125366</v>
      </c>
      <c r="C7484" s="21">
        <v>235024.45588876875</v>
      </c>
      <c r="D7484">
        <f t="shared" si="116"/>
        <v>14</v>
      </c>
    </row>
    <row r="7485" spans="1:4" x14ac:dyDescent="0.25">
      <c r="A7485" s="20">
        <v>43867.624999981861</v>
      </c>
      <c r="B7485" s="22">
        <v>1.7162201404571533</v>
      </c>
      <c r="C7485" s="21">
        <v>266463.70525019936</v>
      </c>
      <c r="D7485">
        <f t="shared" si="116"/>
        <v>15</v>
      </c>
    </row>
    <row r="7486" spans="1:4" x14ac:dyDescent="0.25">
      <c r="A7486" s="20">
        <v>43867.666666648525</v>
      </c>
      <c r="B7486" s="22">
        <v>1.6267361640930176</v>
      </c>
      <c r="C7486" s="21">
        <v>252570.24756349641</v>
      </c>
      <c r="D7486">
        <f t="shared" si="116"/>
        <v>16</v>
      </c>
    </row>
    <row r="7487" spans="1:4" x14ac:dyDescent="0.25">
      <c r="A7487" s="20">
        <v>43867.70833331519</v>
      </c>
      <c r="B7487" s="22">
        <v>2.0186259746551514</v>
      </c>
      <c r="C7487" s="21">
        <v>313415.82821515406</v>
      </c>
      <c r="D7487">
        <f t="shared" si="116"/>
        <v>17</v>
      </c>
    </row>
    <row r="7488" spans="1:4" x14ac:dyDescent="0.25">
      <c r="A7488" s="20">
        <v>43867.749999981854</v>
      </c>
      <c r="B7488" s="22">
        <v>1.9118045568466187</v>
      </c>
      <c r="C7488" s="21">
        <v>296830.52536364505</v>
      </c>
      <c r="D7488">
        <f t="shared" si="116"/>
        <v>18</v>
      </c>
    </row>
    <row r="7489" spans="1:4" x14ac:dyDescent="0.25">
      <c r="A7489" s="20">
        <v>43867.791666648518</v>
      </c>
      <c r="B7489" s="22">
        <v>1.9847946166992188</v>
      </c>
      <c r="C7489" s="21">
        <v>308163.10522113164</v>
      </c>
      <c r="D7489">
        <f t="shared" si="116"/>
        <v>19</v>
      </c>
    </row>
    <row r="7490" spans="1:4" x14ac:dyDescent="0.25">
      <c r="A7490" s="20">
        <v>43867.833333315182</v>
      </c>
      <c r="B7490" s="22">
        <v>1.9980088472366333</v>
      </c>
      <c r="C7490" s="21">
        <v>310214.7725731369</v>
      </c>
      <c r="D7490">
        <f t="shared" si="116"/>
        <v>20</v>
      </c>
    </row>
    <row r="7491" spans="1:4" x14ac:dyDescent="0.25">
      <c r="A7491" s="20">
        <v>43867.874999981846</v>
      </c>
      <c r="B7491" s="22">
        <v>2.0394151210784912</v>
      </c>
      <c r="C7491" s="21">
        <v>316643.59186526277</v>
      </c>
      <c r="D7491">
        <f t="shared" si="116"/>
        <v>21</v>
      </c>
    </row>
    <row r="7492" spans="1:4" x14ac:dyDescent="0.25">
      <c r="A7492" s="20">
        <v>43867.916666648511</v>
      </c>
      <c r="B7492" s="22">
        <v>1.9572372436523438</v>
      </c>
      <c r="C7492" s="21">
        <v>303884.49343006138</v>
      </c>
      <c r="D7492">
        <f t="shared" si="116"/>
        <v>22</v>
      </c>
    </row>
    <row r="7493" spans="1:4" x14ac:dyDescent="0.25">
      <c r="A7493" s="20">
        <v>43867.958333315175</v>
      </c>
      <c r="B7493" s="22">
        <v>1.8825819492340088</v>
      </c>
      <c r="C7493" s="21">
        <v>292293.36598766048</v>
      </c>
      <c r="D7493">
        <f t="shared" si="116"/>
        <v>23</v>
      </c>
    </row>
    <row r="7494" spans="1:4" x14ac:dyDescent="0.25">
      <c r="A7494" s="20">
        <v>43867.999999981839</v>
      </c>
      <c r="B7494" s="22">
        <v>1.7927078008651733</v>
      </c>
      <c r="C7494" s="21">
        <v>278339.32943021337</v>
      </c>
      <c r="D7494">
        <f t="shared" si="116"/>
        <v>0</v>
      </c>
    </row>
    <row r="7495" spans="1:4" x14ac:dyDescent="0.25">
      <c r="A7495" s="20">
        <v>43868.041666648503</v>
      </c>
      <c r="B7495" s="22">
        <v>1.7674703598022461</v>
      </c>
      <c r="C7495" s="21">
        <v>274420.91482935112</v>
      </c>
      <c r="D7495">
        <f t="shared" ref="D7495:D7558" si="117">HOUR(A7495)</f>
        <v>1</v>
      </c>
    </row>
    <row r="7496" spans="1:4" x14ac:dyDescent="0.25">
      <c r="A7496" s="20">
        <v>43868.083333315168</v>
      </c>
      <c r="B7496" s="22">
        <v>1.9094494581222534</v>
      </c>
      <c r="C7496" s="21">
        <v>296464.8681163427</v>
      </c>
      <c r="D7496">
        <f t="shared" si="117"/>
        <v>2</v>
      </c>
    </row>
    <row r="7497" spans="1:4" x14ac:dyDescent="0.25">
      <c r="A7497" s="20">
        <v>43868.124999981832</v>
      </c>
      <c r="B7497" s="22">
        <v>1.9781525135040283</v>
      </c>
      <c r="C7497" s="21">
        <v>307131.83925103693</v>
      </c>
      <c r="D7497">
        <f t="shared" si="117"/>
        <v>3</v>
      </c>
    </row>
    <row r="7498" spans="1:4" x14ac:dyDescent="0.25">
      <c r="A7498" s="20">
        <v>43868.166666648496</v>
      </c>
      <c r="B7498" s="22">
        <v>2.1263427734375</v>
      </c>
      <c r="C7498" s="21">
        <v>330140.14967288333</v>
      </c>
      <c r="D7498">
        <f t="shared" si="117"/>
        <v>4</v>
      </c>
    </row>
    <row r="7499" spans="1:4" x14ac:dyDescent="0.25">
      <c r="A7499" s="20">
        <v>43868.20833331516</v>
      </c>
      <c r="B7499" s="22">
        <v>2.2902493476867676</v>
      </c>
      <c r="C7499" s="21">
        <v>355588.60588182451</v>
      </c>
      <c r="D7499">
        <f t="shared" si="117"/>
        <v>5</v>
      </c>
    </row>
    <row r="7500" spans="1:4" x14ac:dyDescent="0.25">
      <c r="A7500" s="20">
        <v>43868.249999981825</v>
      </c>
      <c r="B7500" s="22">
        <v>2.8423376083374023</v>
      </c>
      <c r="C7500" s="21">
        <v>441306.9121120029</v>
      </c>
      <c r="D7500">
        <f t="shared" si="117"/>
        <v>6</v>
      </c>
    </row>
    <row r="7501" spans="1:4" x14ac:dyDescent="0.25">
      <c r="A7501" s="20">
        <v>43868.291666648489</v>
      </c>
      <c r="B7501" s="22">
        <v>2.8191821575164795</v>
      </c>
      <c r="C7501" s="21">
        <v>437711.75139978895</v>
      </c>
      <c r="D7501">
        <f t="shared" si="117"/>
        <v>7</v>
      </c>
    </row>
    <row r="7502" spans="1:4" x14ac:dyDescent="0.25">
      <c r="A7502" s="20">
        <v>43868.333333315153</v>
      </c>
      <c r="B7502" s="22">
        <v>2.5676171779632568</v>
      </c>
      <c r="C7502" s="21">
        <v>398653.27924767527</v>
      </c>
      <c r="D7502">
        <f t="shared" si="117"/>
        <v>8</v>
      </c>
    </row>
    <row r="7503" spans="1:4" x14ac:dyDescent="0.25">
      <c r="A7503" s="20">
        <v>43868.374999981817</v>
      </c>
      <c r="B7503" s="22">
        <v>2.6376852989196777</v>
      </c>
      <c r="C7503" s="21">
        <v>409532.19314096734</v>
      </c>
      <c r="D7503">
        <f t="shared" si="117"/>
        <v>9</v>
      </c>
    </row>
    <row r="7504" spans="1:4" x14ac:dyDescent="0.25">
      <c r="A7504" s="20">
        <v>43868.416666648482</v>
      </c>
      <c r="B7504" s="22">
        <v>2.8195507526397705</v>
      </c>
      <c r="C7504" s="21">
        <v>437768.98020160402</v>
      </c>
      <c r="D7504">
        <f t="shared" si="117"/>
        <v>10</v>
      </c>
    </row>
    <row r="7505" spans="1:4" x14ac:dyDescent="0.25">
      <c r="A7505" s="20">
        <v>43868.458333315146</v>
      </c>
      <c r="B7505" s="22">
        <v>2.8788332939147949</v>
      </c>
      <c r="C7505" s="21">
        <v>446973.30383842083</v>
      </c>
      <c r="D7505">
        <f t="shared" si="117"/>
        <v>11</v>
      </c>
    </row>
    <row r="7506" spans="1:4" x14ac:dyDescent="0.25">
      <c r="A7506" s="20">
        <v>43868.49999998181</v>
      </c>
      <c r="B7506" s="22">
        <v>2.8259952068328857</v>
      </c>
      <c r="C7506" s="21">
        <v>438769.55879996216</v>
      </c>
      <c r="D7506">
        <f t="shared" si="117"/>
        <v>12</v>
      </c>
    </row>
    <row r="7507" spans="1:4" x14ac:dyDescent="0.25">
      <c r="A7507" s="20">
        <v>43868.541666648474</v>
      </c>
      <c r="B7507" s="22">
        <v>2.9189715385437012</v>
      </c>
      <c r="C7507" s="21">
        <v>453205.24642779544</v>
      </c>
      <c r="D7507">
        <f t="shared" si="117"/>
        <v>13</v>
      </c>
    </row>
    <row r="7508" spans="1:4" x14ac:dyDescent="0.25">
      <c r="A7508" s="20">
        <v>43868.583333315139</v>
      </c>
      <c r="B7508" s="22">
        <v>2.84889817237854</v>
      </c>
      <c r="C7508" s="21">
        <v>442325.51815310615</v>
      </c>
      <c r="D7508">
        <f t="shared" si="117"/>
        <v>14</v>
      </c>
    </row>
    <row r="7509" spans="1:4" x14ac:dyDescent="0.25">
      <c r="A7509" s="20">
        <v>43868.624999981803</v>
      </c>
      <c r="B7509" s="22">
        <v>3.1885874271392822</v>
      </c>
      <c r="C7509" s="21">
        <v>495066.33812339016</v>
      </c>
      <c r="D7509">
        <f t="shared" si="117"/>
        <v>15</v>
      </c>
    </row>
    <row r="7510" spans="1:4" x14ac:dyDescent="0.25">
      <c r="A7510" s="20">
        <v>43868.666666648467</v>
      </c>
      <c r="B7510" s="22">
        <v>2.8064653873443604</v>
      </c>
      <c r="C7510" s="21">
        <v>435737.32071983232</v>
      </c>
      <c r="D7510">
        <f t="shared" si="117"/>
        <v>16</v>
      </c>
    </row>
    <row r="7511" spans="1:4" x14ac:dyDescent="0.25">
      <c r="A7511" s="20">
        <v>43868.708333315131</v>
      </c>
      <c r="B7511" s="22">
        <v>2.9057459831237793</v>
      </c>
      <c r="C7511" s="21">
        <v>451151.82075231912</v>
      </c>
      <c r="D7511">
        <f t="shared" si="117"/>
        <v>17</v>
      </c>
    </row>
    <row r="7512" spans="1:4" x14ac:dyDescent="0.25">
      <c r="A7512" s="20">
        <v>43868.749999981796</v>
      </c>
      <c r="B7512" s="22">
        <v>3.1481144428253174</v>
      </c>
      <c r="C7512" s="21">
        <v>488782.42319394555</v>
      </c>
      <c r="D7512">
        <f t="shared" si="117"/>
        <v>18</v>
      </c>
    </row>
    <row r="7513" spans="1:4" x14ac:dyDescent="0.25">
      <c r="A7513" s="20">
        <v>43868.79166664846</v>
      </c>
      <c r="B7513" s="22">
        <v>3.0642819404602051</v>
      </c>
      <c r="C7513" s="21">
        <v>475766.42444529227</v>
      </c>
      <c r="D7513">
        <f t="shared" si="117"/>
        <v>19</v>
      </c>
    </row>
    <row r="7514" spans="1:4" x14ac:dyDescent="0.25">
      <c r="A7514" s="20">
        <v>43868.833333315124</v>
      </c>
      <c r="B7514" s="22">
        <v>2.954829216003418</v>
      </c>
      <c r="C7514" s="21">
        <v>458772.57976245583</v>
      </c>
      <c r="D7514">
        <f t="shared" si="117"/>
        <v>20</v>
      </c>
    </row>
    <row r="7515" spans="1:4" x14ac:dyDescent="0.25">
      <c r="A7515" s="20">
        <v>43868.874999981788</v>
      </c>
      <c r="B7515" s="22">
        <v>3.0056126117706299</v>
      </c>
      <c r="C7515" s="21">
        <v>466657.30939726479</v>
      </c>
      <c r="D7515">
        <f t="shared" si="117"/>
        <v>21</v>
      </c>
    </row>
    <row r="7516" spans="1:4" x14ac:dyDescent="0.25">
      <c r="A7516" s="20">
        <v>43868.916666648453</v>
      </c>
      <c r="B7516" s="22">
        <v>2.8337206840515137</v>
      </c>
      <c r="C7516" s="21">
        <v>439969.03154589632</v>
      </c>
      <c r="D7516">
        <f t="shared" si="117"/>
        <v>22</v>
      </c>
    </row>
    <row r="7517" spans="1:4" x14ac:dyDescent="0.25">
      <c r="A7517" s="20">
        <v>43868.958333315117</v>
      </c>
      <c r="B7517" s="22">
        <v>2.9411027431488037</v>
      </c>
      <c r="C7517" s="21">
        <v>456641.38066355558</v>
      </c>
      <c r="D7517">
        <f t="shared" si="117"/>
        <v>23</v>
      </c>
    </row>
    <row r="7518" spans="1:4" x14ac:dyDescent="0.25">
      <c r="A7518" s="20">
        <v>43868.999999981781</v>
      </c>
      <c r="B7518" s="22">
        <v>3.0174047946929932</v>
      </c>
      <c r="C7518" s="21">
        <v>468488.18684731273</v>
      </c>
      <c r="D7518">
        <f t="shared" si="117"/>
        <v>0</v>
      </c>
    </row>
    <row r="7519" spans="1:4" x14ac:dyDescent="0.25">
      <c r="A7519" s="20">
        <v>43869.041666648445</v>
      </c>
      <c r="B7519" s="22">
        <v>2.774461030960083</v>
      </c>
      <c r="C7519" s="21">
        <v>430768.2615733578</v>
      </c>
      <c r="D7519">
        <f t="shared" si="117"/>
        <v>1</v>
      </c>
    </row>
    <row r="7520" spans="1:4" x14ac:dyDescent="0.25">
      <c r="A7520" s="20">
        <v>43869.083333315109</v>
      </c>
      <c r="B7520" s="22">
        <v>2.6945667266845703</v>
      </c>
      <c r="C7520" s="21">
        <v>418363.71518458903</v>
      </c>
      <c r="D7520">
        <f t="shared" si="117"/>
        <v>2</v>
      </c>
    </row>
    <row r="7521" spans="1:4" x14ac:dyDescent="0.25">
      <c r="A7521" s="20">
        <v>43869.124999981774</v>
      </c>
      <c r="B7521" s="22">
        <v>2.7325515747070313</v>
      </c>
      <c r="C7521" s="21">
        <v>424261.31719311373</v>
      </c>
      <c r="D7521">
        <f t="shared" si="117"/>
        <v>3</v>
      </c>
    </row>
    <row r="7522" spans="1:4" x14ac:dyDescent="0.25">
      <c r="A7522" s="20">
        <v>43869.166666648438</v>
      </c>
      <c r="B7522" s="22">
        <v>2.8101668357849121</v>
      </c>
      <c r="C7522" s="21">
        <v>436312.01486483822</v>
      </c>
      <c r="D7522">
        <f t="shared" si="117"/>
        <v>4</v>
      </c>
    </row>
    <row r="7523" spans="1:4" x14ac:dyDescent="0.25">
      <c r="A7523" s="20">
        <v>43869.208333315102</v>
      </c>
      <c r="B7523" s="22">
        <v>2.9261205196380615</v>
      </c>
      <c r="C7523" s="21">
        <v>454315.21125471988</v>
      </c>
      <c r="D7523">
        <f t="shared" si="117"/>
        <v>5</v>
      </c>
    </row>
    <row r="7524" spans="1:4" x14ac:dyDescent="0.25">
      <c r="A7524" s="20">
        <v>43869.249999981766</v>
      </c>
      <c r="B7524" s="22">
        <v>2.9245049953460693</v>
      </c>
      <c r="C7524" s="21">
        <v>454064.38178441004</v>
      </c>
      <c r="D7524">
        <f t="shared" si="117"/>
        <v>6</v>
      </c>
    </row>
    <row r="7525" spans="1:4" x14ac:dyDescent="0.25">
      <c r="A7525" s="20">
        <v>43869.291666648431</v>
      </c>
      <c r="B7525" s="22">
        <v>2.930889368057251</v>
      </c>
      <c r="C7525" s="21">
        <v>455055.63201403769</v>
      </c>
      <c r="D7525">
        <f t="shared" si="117"/>
        <v>7</v>
      </c>
    </row>
    <row r="7526" spans="1:4" x14ac:dyDescent="0.25">
      <c r="A7526" s="20">
        <v>43869.333333315095</v>
      </c>
      <c r="B7526" s="22">
        <v>2.9277637004852295</v>
      </c>
      <c r="C7526" s="21">
        <v>454570.3347360327</v>
      </c>
      <c r="D7526">
        <f t="shared" si="117"/>
        <v>8</v>
      </c>
    </row>
    <row r="7527" spans="1:4" x14ac:dyDescent="0.25">
      <c r="A7527" s="20">
        <v>43869.374999981759</v>
      </c>
      <c r="B7527" s="22">
        <v>2.9481744766235352</v>
      </c>
      <c r="C7527" s="21">
        <v>457739.35187354073</v>
      </c>
      <c r="D7527">
        <f t="shared" si="117"/>
        <v>9</v>
      </c>
    </row>
    <row r="7528" spans="1:4" x14ac:dyDescent="0.25">
      <c r="A7528" s="20">
        <v>43869.416666648423</v>
      </c>
      <c r="B7528" s="22">
        <v>2.6011991500854492</v>
      </c>
      <c r="C7528" s="21">
        <v>403867.28210799868</v>
      </c>
      <c r="D7528">
        <f t="shared" si="117"/>
        <v>10</v>
      </c>
    </row>
    <row r="7529" spans="1:4" x14ac:dyDescent="0.25">
      <c r="A7529" s="20">
        <v>43869.458333315088</v>
      </c>
      <c r="B7529" s="22">
        <v>2.4980878829956055</v>
      </c>
      <c r="C7529" s="21">
        <v>387858.02453426807</v>
      </c>
      <c r="D7529">
        <f t="shared" si="117"/>
        <v>11</v>
      </c>
    </row>
    <row r="7530" spans="1:4" x14ac:dyDescent="0.25">
      <c r="A7530" s="20">
        <v>43869.499999981752</v>
      </c>
      <c r="B7530" s="22">
        <v>2.497154712677002</v>
      </c>
      <c r="C7530" s="21">
        <v>387713.13868025498</v>
      </c>
      <c r="D7530">
        <f t="shared" si="117"/>
        <v>12</v>
      </c>
    </row>
    <row r="7531" spans="1:4" x14ac:dyDescent="0.25">
      <c r="A7531" s="20">
        <v>43869.541666648416</v>
      </c>
      <c r="B7531" s="22">
        <v>2.3398003578186035</v>
      </c>
      <c r="C7531" s="21">
        <v>363281.99290564895</v>
      </c>
      <c r="D7531">
        <f t="shared" si="117"/>
        <v>13</v>
      </c>
    </row>
    <row r="7532" spans="1:4" x14ac:dyDescent="0.25">
      <c r="A7532" s="20">
        <v>43869.58333331508</v>
      </c>
      <c r="B7532" s="22">
        <v>2.2966554164886475</v>
      </c>
      <c r="C7532" s="21">
        <v>356583.2246890493</v>
      </c>
      <c r="D7532">
        <f t="shared" si="117"/>
        <v>14</v>
      </c>
    </row>
    <row r="7533" spans="1:4" x14ac:dyDescent="0.25">
      <c r="A7533" s="20">
        <v>43869.624999981745</v>
      </c>
      <c r="B7533" s="22">
        <v>2.3846573829650879</v>
      </c>
      <c r="C7533" s="21">
        <v>370246.58261373249</v>
      </c>
      <c r="D7533">
        <f t="shared" si="117"/>
        <v>15</v>
      </c>
    </row>
    <row r="7534" spans="1:4" x14ac:dyDescent="0.25">
      <c r="A7534" s="20">
        <v>43869.666666648409</v>
      </c>
      <c r="B7534" s="22">
        <v>2.3354291915893555</v>
      </c>
      <c r="C7534" s="21">
        <v>362603.31706316659</v>
      </c>
      <c r="D7534">
        <f t="shared" si="117"/>
        <v>16</v>
      </c>
    </row>
    <row r="7535" spans="1:4" x14ac:dyDescent="0.25">
      <c r="A7535" s="20">
        <v>43869.708333315073</v>
      </c>
      <c r="B7535" s="22">
        <v>2.4777915477752686</v>
      </c>
      <c r="C7535" s="21">
        <v>384706.77571815148</v>
      </c>
      <c r="D7535">
        <f t="shared" si="117"/>
        <v>17</v>
      </c>
    </row>
    <row r="7536" spans="1:4" x14ac:dyDescent="0.25">
      <c r="A7536" s="20">
        <v>43869.749999981737</v>
      </c>
      <c r="B7536" s="22">
        <v>2.3271386623382568</v>
      </c>
      <c r="C7536" s="21">
        <v>361316.11323036195</v>
      </c>
      <c r="D7536">
        <f t="shared" si="117"/>
        <v>18</v>
      </c>
    </row>
    <row r="7537" spans="1:4" x14ac:dyDescent="0.25">
      <c r="A7537" s="20">
        <v>43869.791666648402</v>
      </c>
      <c r="B7537" s="22">
        <v>2.5408608913421631</v>
      </c>
      <c r="C7537" s="21">
        <v>394499.04570634535</v>
      </c>
      <c r="D7537">
        <f t="shared" si="117"/>
        <v>19</v>
      </c>
    </row>
    <row r="7538" spans="1:4" x14ac:dyDescent="0.25">
      <c r="A7538" s="20">
        <v>43869.833333315066</v>
      </c>
      <c r="B7538" s="22">
        <v>2.614983081817627</v>
      </c>
      <c r="C7538" s="21">
        <v>406007.40238493093</v>
      </c>
      <c r="D7538">
        <f t="shared" si="117"/>
        <v>20</v>
      </c>
    </row>
    <row r="7539" spans="1:4" x14ac:dyDescent="0.25">
      <c r="A7539" s="20">
        <v>43869.87499998173</v>
      </c>
      <c r="B7539" s="22">
        <v>2.6474688053131104</v>
      </c>
      <c r="C7539" s="21">
        <v>411051.19953325845</v>
      </c>
      <c r="D7539">
        <f t="shared" si="117"/>
        <v>21</v>
      </c>
    </row>
    <row r="7540" spans="1:4" x14ac:dyDescent="0.25">
      <c r="A7540" s="20">
        <v>43869.916666648394</v>
      </c>
      <c r="B7540" s="22">
        <v>2.5156452655792236</v>
      </c>
      <c r="C7540" s="21">
        <v>390584.01819174842</v>
      </c>
      <c r="D7540">
        <f t="shared" si="117"/>
        <v>22</v>
      </c>
    </row>
    <row r="7541" spans="1:4" x14ac:dyDescent="0.25">
      <c r="A7541" s="20">
        <v>43869.958333315059</v>
      </c>
      <c r="B7541" s="22">
        <v>2.6892476081848145</v>
      </c>
      <c r="C7541" s="21">
        <v>417537.85841324716</v>
      </c>
      <c r="D7541">
        <f t="shared" si="117"/>
        <v>23</v>
      </c>
    </row>
    <row r="7542" spans="1:4" x14ac:dyDescent="0.25">
      <c r="A7542" s="20">
        <v>43869.999999981723</v>
      </c>
      <c r="B7542" s="22">
        <v>2.4002211093902588</v>
      </c>
      <c r="C7542" s="21">
        <v>372663.0373056386</v>
      </c>
      <c r="D7542">
        <f t="shared" si="117"/>
        <v>0</v>
      </c>
    </row>
    <row r="7543" spans="1:4" x14ac:dyDescent="0.25">
      <c r="A7543" s="20">
        <v>43870.041666648387</v>
      </c>
      <c r="B7543" s="22">
        <v>2.3778197765350342</v>
      </c>
      <c r="C7543" s="21">
        <v>369184.96242792736</v>
      </c>
      <c r="D7543">
        <f t="shared" si="117"/>
        <v>1</v>
      </c>
    </row>
    <row r="7544" spans="1:4" x14ac:dyDescent="0.25">
      <c r="A7544" s="20">
        <v>43870.083333315051</v>
      </c>
      <c r="B7544" s="22">
        <v>2.441624641418457</v>
      </c>
      <c r="C7544" s="21">
        <v>379091.43089839781</v>
      </c>
      <c r="D7544">
        <f t="shared" si="117"/>
        <v>2</v>
      </c>
    </row>
    <row r="7545" spans="1:4" x14ac:dyDescent="0.25">
      <c r="A7545" s="20">
        <v>43870.124999981716</v>
      </c>
      <c r="B7545" s="22">
        <v>2.3476982116699219</v>
      </c>
      <c r="C7545" s="21">
        <v>364508.229185679</v>
      </c>
      <c r="D7545">
        <f t="shared" si="117"/>
        <v>3</v>
      </c>
    </row>
    <row r="7546" spans="1:4" x14ac:dyDescent="0.25">
      <c r="A7546" s="20">
        <v>43870.16666664838</v>
      </c>
      <c r="B7546" s="22">
        <v>2.4484531879425049</v>
      </c>
      <c r="C7546" s="21">
        <v>380151.64442542614</v>
      </c>
      <c r="D7546">
        <f t="shared" si="117"/>
        <v>4</v>
      </c>
    </row>
    <row r="7547" spans="1:4" x14ac:dyDescent="0.25">
      <c r="A7547" s="20">
        <v>43870.208333315044</v>
      </c>
      <c r="B7547" s="22">
        <v>2.570260763168335</v>
      </c>
      <c r="C7547" s="21">
        <v>399063.72747181862</v>
      </c>
      <c r="D7547">
        <f t="shared" si="117"/>
        <v>5</v>
      </c>
    </row>
    <row r="7548" spans="1:4" x14ac:dyDescent="0.25">
      <c r="A7548" s="20">
        <v>43870.249999981708</v>
      </c>
      <c r="B7548" s="22">
        <v>2.7095992565155029</v>
      </c>
      <c r="C7548" s="21">
        <v>420697.69525136967</v>
      </c>
      <c r="D7548">
        <f t="shared" si="117"/>
        <v>6</v>
      </c>
    </row>
    <row r="7549" spans="1:4" x14ac:dyDescent="0.25">
      <c r="A7549" s="20">
        <v>43870.291666648372</v>
      </c>
      <c r="B7549" s="22">
        <v>2.8195309638977051</v>
      </c>
      <c r="C7549" s="21">
        <v>437765.90776269673</v>
      </c>
      <c r="D7549">
        <f t="shared" si="117"/>
        <v>7</v>
      </c>
    </row>
    <row r="7550" spans="1:4" x14ac:dyDescent="0.25">
      <c r="A7550" s="20">
        <v>43870.333333315037</v>
      </c>
      <c r="B7550" s="22">
        <v>3.1540844440460205</v>
      </c>
      <c r="C7550" s="21">
        <v>489709.33729320148</v>
      </c>
      <c r="D7550">
        <f t="shared" si="117"/>
        <v>8</v>
      </c>
    </row>
    <row r="7551" spans="1:4" x14ac:dyDescent="0.25">
      <c r="A7551" s="20">
        <v>43870.374999981701</v>
      </c>
      <c r="B7551" s="22">
        <v>2.7374899387359619</v>
      </c>
      <c r="C7551" s="21">
        <v>425028.05727849266</v>
      </c>
      <c r="D7551">
        <f t="shared" si="117"/>
        <v>9</v>
      </c>
    </row>
    <row r="7552" spans="1:4" x14ac:dyDescent="0.25">
      <c r="A7552" s="20">
        <v>43870.416666648365</v>
      </c>
      <c r="B7552" s="22">
        <v>2.5227208137512207</v>
      </c>
      <c r="C7552" s="21">
        <v>391682.58167911338</v>
      </c>
      <c r="D7552">
        <f t="shared" si="117"/>
        <v>10</v>
      </c>
    </row>
    <row r="7553" spans="1:4" x14ac:dyDescent="0.25">
      <c r="A7553" s="20">
        <v>43870.458333315029</v>
      </c>
      <c r="B7553" s="22">
        <v>2.2579302787780762</v>
      </c>
      <c r="C7553" s="21">
        <v>350570.68385152344</v>
      </c>
      <c r="D7553">
        <f t="shared" si="117"/>
        <v>11</v>
      </c>
    </row>
    <row r="7554" spans="1:4" x14ac:dyDescent="0.25">
      <c r="A7554" s="20">
        <v>43870.499999981694</v>
      </c>
      <c r="B7554" s="22">
        <v>2.1216626167297363</v>
      </c>
      <c r="C7554" s="21">
        <v>329413.49936264392</v>
      </c>
      <c r="D7554">
        <f t="shared" si="117"/>
        <v>12</v>
      </c>
    </row>
    <row r="7555" spans="1:4" x14ac:dyDescent="0.25">
      <c r="A7555" s="20">
        <v>43870.541666648358</v>
      </c>
      <c r="B7555" s="22">
        <v>1.8396956920623779</v>
      </c>
      <c r="C7555" s="21">
        <v>285634.76158087282</v>
      </c>
      <c r="D7555">
        <f t="shared" si="117"/>
        <v>13</v>
      </c>
    </row>
    <row r="7556" spans="1:4" x14ac:dyDescent="0.25">
      <c r="A7556" s="20">
        <v>43870.583333315022</v>
      </c>
      <c r="B7556" s="22">
        <v>1.8402729034423828</v>
      </c>
      <c r="C7556" s="21">
        <v>285724.38055189117</v>
      </c>
      <c r="D7556">
        <f t="shared" si="117"/>
        <v>14</v>
      </c>
    </row>
    <row r="7557" spans="1:4" x14ac:dyDescent="0.25">
      <c r="A7557" s="20">
        <v>43870.624999981686</v>
      </c>
      <c r="B7557" s="22">
        <v>1.7722296714782715</v>
      </c>
      <c r="C7557" s="21">
        <v>275159.85489521967</v>
      </c>
      <c r="D7557">
        <f t="shared" si="117"/>
        <v>15</v>
      </c>
    </row>
    <row r="7558" spans="1:4" x14ac:dyDescent="0.25">
      <c r="A7558" s="20">
        <v>43870.666666648351</v>
      </c>
      <c r="B7558" s="22">
        <v>1.8372886180877686</v>
      </c>
      <c r="C7558" s="21">
        <v>285261.03455427184</v>
      </c>
      <c r="D7558">
        <f t="shared" si="117"/>
        <v>16</v>
      </c>
    </row>
    <row r="7559" spans="1:4" x14ac:dyDescent="0.25">
      <c r="A7559" s="20">
        <v>43870.708333315015</v>
      </c>
      <c r="B7559" s="22">
        <v>1.8795814514160156</v>
      </c>
      <c r="C7559" s="21">
        <v>291827.5028111774</v>
      </c>
      <c r="D7559">
        <f t="shared" ref="D7559:D7622" si="118">HOUR(A7559)</f>
        <v>17</v>
      </c>
    </row>
    <row r="7560" spans="1:4" x14ac:dyDescent="0.25">
      <c r="A7560" s="20">
        <v>43870.749999981679</v>
      </c>
      <c r="B7560" s="22">
        <v>2.2643532752990723</v>
      </c>
      <c r="C7560" s="21">
        <v>351567.93088962068</v>
      </c>
      <c r="D7560">
        <f t="shared" si="118"/>
        <v>18</v>
      </c>
    </row>
    <row r="7561" spans="1:4" x14ac:dyDescent="0.25">
      <c r="A7561" s="20">
        <v>43870.791666648343</v>
      </c>
      <c r="B7561" s="22">
        <v>2.3071072101593018</v>
      </c>
      <c r="C7561" s="21">
        <v>358205.99067479942</v>
      </c>
      <c r="D7561">
        <f t="shared" si="118"/>
        <v>19</v>
      </c>
    </row>
    <row r="7562" spans="1:4" x14ac:dyDescent="0.25">
      <c r="A7562" s="20">
        <v>43870.833333315008</v>
      </c>
      <c r="B7562" s="22">
        <v>2.4955394268035889</v>
      </c>
      <c r="C7562" s="21">
        <v>387462.34622728138</v>
      </c>
      <c r="D7562">
        <f t="shared" si="118"/>
        <v>20</v>
      </c>
    </row>
    <row r="7563" spans="1:4" x14ac:dyDescent="0.25">
      <c r="A7563" s="20">
        <v>43870.874999981672</v>
      </c>
      <c r="B7563" s="22">
        <v>2.4034507274627686</v>
      </c>
      <c r="C7563" s="21">
        <v>373164.47414224094</v>
      </c>
      <c r="D7563">
        <f t="shared" si="118"/>
        <v>21</v>
      </c>
    </row>
    <row r="7564" spans="1:4" x14ac:dyDescent="0.25">
      <c r="A7564" s="20">
        <v>43870.916666648336</v>
      </c>
      <c r="B7564" s="22">
        <v>2.2463889122009277</v>
      </c>
      <c r="C7564" s="21">
        <v>348778.74863919185</v>
      </c>
      <c r="D7564">
        <f t="shared" si="118"/>
        <v>22</v>
      </c>
    </row>
    <row r="7565" spans="1:4" x14ac:dyDescent="0.25">
      <c r="A7565" s="20">
        <v>43870.958333315</v>
      </c>
      <c r="B7565" s="22">
        <v>1.9779925346374512</v>
      </c>
      <c r="C7565" s="21">
        <v>307107.00061842508</v>
      </c>
      <c r="D7565">
        <f t="shared" si="118"/>
        <v>23</v>
      </c>
    </row>
    <row r="7566" spans="1:4" x14ac:dyDescent="0.25">
      <c r="A7566" s="20">
        <v>43870.999999981665</v>
      </c>
      <c r="B7566" s="22">
        <v>1.8369510173797607</v>
      </c>
      <c r="C7566" s="21">
        <v>285208.61800616694</v>
      </c>
      <c r="D7566">
        <f t="shared" si="118"/>
        <v>0</v>
      </c>
    </row>
    <row r="7567" spans="1:4" x14ac:dyDescent="0.25">
      <c r="A7567" s="20">
        <v>43871.041666648329</v>
      </c>
      <c r="B7567" s="22">
        <v>1.7112972736358643</v>
      </c>
      <c r="C7567" s="21">
        <v>265699.37129167555</v>
      </c>
      <c r="D7567">
        <f t="shared" si="118"/>
        <v>1</v>
      </c>
    </row>
    <row r="7568" spans="1:4" x14ac:dyDescent="0.25">
      <c r="A7568" s="20">
        <v>43871.083333314993</v>
      </c>
      <c r="B7568" s="22">
        <v>1.6706687211990356</v>
      </c>
      <c r="C7568" s="21">
        <v>259391.30255033934</v>
      </c>
      <c r="D7568">
        <f t="shared" si="118"/>
        <v>2</v>
      </c>
    </row>
    <row r="7569" spans="1:4" x14ac:dyDescent="0.25">
      <c r="A7569" s="20">
        <v>43871.124999981657</v>
      </c>
      <c r="B7569" s="22">
        <v>1.5212701559066772</v>
      </c>
      <c r="C7569" s="21">
        <v>236195.38826846782</v>
      </c>
      <c r="D7569">
        <f t="shared" si="118"/>
        <v>3</v>
      </c>
    </row>
    <row r="7570" spans="1:4" x14ac:dyDescent="0.25">
      <c r="A7570" s="20">
        <v>43871.166666648322</v>
      </c>
      <c r="B7570" s="22">
        <v>1.6759169101715088</v>
      </c>
      <c r="C7570" s="21">
        <v>260206.14666415213</v>
      </c>
      <c r="D7570">
        <f t="shared" si="118"/>
        <v>4</v>
      </c>
    </row>
    <row r="7571" spans="1:4" x14ac:dyDescent="0.25">
      <c r="A7571" s="20">
        <v>43871.208333314986</v>
      </c>
      <c r="B7571" s="22">
        <v>1.7691373825073242</v>
      </c>
      <c r="C7571" s="21">
        <v>274679.74004428717</v>
      </c>
      <c r="D7571">
        <f t="shared" si="118"/>
        <v>5</v>
      </c>
    </row>
    <row r="7572" spans="1:4" x14ac:dyDescent="0.25">
      <c r="A7572" s="20">
        <v>43871.24999998165</v>
      </c>
      <c r="B7572" s="22">
        <v>1.9124475717544556</v>
      </c>
      <c r="C7572" s="21">
        <v>296930.36111946346</v>
      </c>
      <c r="D7572">
        <f t="shared" si="118"/>
        <v>6</v>
      </c>
    </row>
    <row r="7573" spans="1:4" x14ac:dyDescent="0.25">
      <c r="A7573" s="20">
        <v>43871.291666648314</v>
      </c>
      <c r="B7573" s="22">
        <v>1.7688314914703369</v>
      </c>
      <c r="C7573" s="21">
        <v>274632.24680190114</v>
      </c>
      <c r="D7573">
        <f t="shared" si="118"/>
        <v>7</v>
      </c>
    </row>
    <row r="7574" spans="1:4" x14ac:dyDescent="0.25">
      <c r="A7574" s="20">
        <v>43871.333333314979</v>
      </c>
      <c r="B7574" s="22">
        <v>1.5329015254974365</v>
      </c>
      <c r="C7574" s="21">
        <v>238001.29752522704</v>
      </c>
      <c r="D7574">
        <f t="shared" si="118"/>
        <v>8</v>
      </c>
    </row>
    <row r="7575" spans="1:4" x14ac:dyDescent="0.25">
      <c r="A7575" s="20">
        <v>43871.374999981643</v>
      </c>
      <c r="B7575" s="22">
        <v>1.5937714576721191</v>
      </c>
      <c r="C7575" s="21">
        <v>247452.08258667833</v>
      </c>
      <c r="D7575">
        <f t="shared" si="118"/>
        <v>9</v>
      </c>
    </row>
    <row r="7576" spans="1:4" x14ac:dyDescent="0.25">
      <c r="A7576" s="20">
        <v>43871.416666648307</v>
      </c>
      <c r="B7576" s="22">
        <v>1.7162292003631592</v>
      </c>
      <c r="C7576" s="21">
        <v>266465.11190897622</v>
      </c>
      <c r="D7576">
        <f t="shared" si="118"/>
        <v>10</v>
      </c>
    </row>
    <row r="7577" spans="1:4" x14ac:dyDescent="0.25">
      <c r="A7577" s="20">
        <v>43871.458333314971</v>
      </c>
      <c r="B7577" s="22">
        <v>1.6805787086486816</v>
      </c>
      <c r="C7577" s="21">
        <v>260929.94663950164</v>
      </c>
      <c r="D7577">
        <f t="shared" si="118"/>
        <v>11</v>
      </c>
    </row>
    <row r="7578" spans="1:4" x14ac:dyDescent="0.25">
      <c r="A7578" s="20">
        <v>43871.499999981635</v>
      </c>
      <c r="B7578" s="22">
        <v>1.5075379610061646</v>
      </c>
      <c r="C7578" s="21">
        <v>234063.30075349796</v>
      </c>
      <c r="D7578">
        <f t="shared" si="118"/>
        <v>12</v>
      </c>
    </row>
    <row r="7579" spans="1:4" x14ac:dyDescent="0.25">
      <c r="A7579" s="20">
        <v>43871.5416666483</v>
      </c>
      <c r="B7579" s="22">
        <v>1.580105185508728</v>
      </c>
      <c r="C7579" s="21">
        <v>245330.23036517671</v>
      </c>
      <c r="D7579">
        <f t="shared" si="118"/>
        <v>13</v>
      </c>
    </row>
    <row r="7580" spans="1:4" x14ac:dyDescent="0.25">
      <c r="A7580" s="20">
        <v>43871.583333314964</v>
      </c>
      <c r="B7580" s="22">
        <v>1.4794422388076782</v>
      </c>
      <c r="C7580" s="21">
        <v>229701.10381721522</v>
      </c>
      <c r="D7580">
        <f t="shared" si="118"/>
        <v>14</v>
      </c>
    </row>
    <row r="7581" spans="1:4" x14ac:dyDescent="0.25">
      <c r="A7581" s="20">
        <v>43871.624999981628</v>
      </c>
      <c r="B7581" s="22">
        <v>1.7387934923171997</v>
      </c>
      <c r="C7581" s="21">
        <v>269968.48813600227</v>
      </c>
      <c r="D7581">
        <f t="shared" si="118"/>
        <v>15</v>
      </c>
    </row>
    <row r="7582" spans="1:4" x14ac:dyDescent="0.25">
      <c r="A7582" s="20">
        <v>43871.666666648292</v>
      </c>
      <c r="B7582" s="22">
        <v>1.7794549465179443</v>
      </c>
      <c r="C7582" s="21">
        <v>276281.66526973853</v>
      </c>
      <c r="D7582">
        <f t="shared" si="118"/>
        <v>16</v>
      </c>
    </row>
    <row r="7583" spans="1:4" x14ac:dyDescent="0.25">
      <c r="A7583" s="20">
        <v>43871.708333314957</v>
      </c>
      <c r="B7583" s="22">
        <v>1.8035457134246826</v>
      </c>
      <c r="C7583" s="21">
        <v>280022.0449919916</v>
      </c>
      <c r="D7583">
        <f t="shared" si="118"/>
        <v>17</v>
      </c>
    </row>
    <row r="7584" spans="1:4" x14ac:dyDescent="0.25">
      <c r="A7584" s="20">
        <v>43871.749999981621</v>
      </c>
      <c r="B7584" s="22">
        <v>1.7744908332824707</v>
      </c>
      <c r="C7584" s="21">
        <v>275510.92731204646</v>
      </c>
      <c r="D7584">
        <f t="shared" si="118"/>
        <v>18</v>
      </c>
    </row>
    <row r="7585" spans="1:4" x14ac:dyDescent="0.25">
      <c r="A7585" s="20">
        <v>43871.791666648285</v>
      </c>
      <c r="B7585" s="22">
        <v>1.8469809293746948</v>
      </c>
      <c r="C7585" s="21">
        <v>286765.88181545405</v>
      </c>
      <c r="D7585">
        <f t="shared" si="118"/>
        <v>19</v>
      </c>
    </row>
    <row r="7586" spans="1:4" x14ac:dyDescent="0.25">
      <c r="A7586" s="20">
        <v>43871.833333314949</v>
      </c>
      <c r="B7586" s="22">
        <v>1.8789280652999878</v>
      </c>
      <c r="C7586" s="21">
        <v>291726.05680123286</v>
      </c>
      <c r="D7586">
        <f t="shared" si="118"/>
        <v>20</v>
      </c>
    </row>
    <row r="7587" spans="1:4" x14ac:dyDescent="0.25">
      <c r="A7587" s="20">
        <v>43871.874999981614</v>
      </c>
      <c r="B7587" s="22">
        <v>1.8448113203048706</v>
      </c>
      <c r="C7587" s="21">
        <v>286429.02405574045</v>
      </c>
      <c r="D7587">
        <f t="shared" si="118"/>
        <v>21</v>
      </c>
    </row>
    <row r="7588" spans="1:4" x14ac:dyDescent="0.25">
      <c r="A7588" s="20">
        <v>43871.916666648278</v>
      </c>
      <c r="B7588" s="22">
        <v>1.6486005783081055</v>
      </c>
      <c r="C7588" s="21">
        <v>255964.95940001265</v>
      </c>
      <c r="D7588">
        <f t="shared" si="118"/>
        <v>22</v>
      </c>
    </row>
    <row r="7589" spans="1:4" x14ac:dyDescent="0.25">
      <c r="A7589" s="20">
        <v>43871.958333314942</v>
      </c>
      <c r="B7589" s="22">
        <v>1.4251364469528198</v>
      </c>
      <c r="C7589" s="21">
        <v>221269.48005691072</v>
      </c>
      <c r="D7589">
        <f t="shared" si="118"/>
        <v>23</v>
      </c>
    </row>
    <row r="7590" spans="1:4" x14ac:dyDescent="0.25">
      <c r="A7590" s="20">
        <v>43871.999999981606</v>
      </c>
      <c r="B7590" s="22">
        <v>1.2042727470397949</v>
      </c>
      <c r="C7590" s="21">
        <v>186977.74880009409</v>
      </c>
      <c r="D7590">
        <f t="shared" si="118"/>
        <v>0</v>
      </c>
    </row>
    <row r="7591" spans="1:4" x14ac:dyDescent="0.25">
      <c r="A7591" s="20">
        <v>43872.041666648271</v>
      </c>
      <c r="B7591" s="22">
        <v>1.2718431949615479</v>
      </c>
      <c r="C7591" s="21">
        <v>197468.86907901699</v>
      </c>
      <c r="D7591">
        <f t="shared" si="118"/>
        <v>1</v>
      </c>
    </row>
    <row r="7592" spans="1:4" x14ac:dyDescent="0.25">
      <c r="A7592" s="20">
        <v>43872.083333314935</v>
      </c>
      <c r="B7592" s="22">
        <v>1.2547260522842407</v>
      </c>
      <c r="C7592" s="21">
        <v>194811.22793288954</v>
      </c>
      <c r="D7592">
        <f t="shared" si="118"/>
        <v>2</v>
      </c>
    </row>
    <row r="7593" spans="1:4" x14ac:dyDescent="0.25">
      <c r="A7593" s="20">
        <v>43872.124999981599</v>
      </c>
      <c r="B7593" s="22">
        <v>1.3262639045715332</v>
      </c>
      <c r="C7593" s="21">
        <v>205918.33519538544</v>
      </c>
      <c r="D7593">
        <f t="shared" si="118"/>
        <v>3</v>
      </c>
    </row>
    <row r="7594" spans="1:4" x14ac:dyDescent="0.25">
      <c r="A7594" s="20">
        <v>43872.166666648263</v>
      </c>
      <c r="B7594" s="22">
        <v>1.3286564350128174</v>
      </c>
      <c r="C7594" s="21">
        <v>206289.80416447626</v>
      </c>
      <c r="D7594">
        <f t="shared" si="118"/>
        <v>4</v>
      </c>
    </row>
    <row r="7595" spans="1:4" x14ac:dyDescent="0.25">
      <c r="A7595" s="20">
        <v>43872.208333314928</v>
      </c>
      <c r="B7595" s="22">
        <v>1.49013352394104</v>
      </c>
      <c r="C7595" s="21">
        <v>231361.05371721063</v>
      </c>
      <c r="D7595">
        <f t="shared" si="118"/>
        <v>5</v>
      </c>
    </row>
    <row r="7596" spans="1:4" x14ac:dyDescent="0.25">
      <c r="A7596" s="20">
        <v>43872.249999981592</v>
      </c>
      <c r="B7596" s="22">
        <v>1.7757376432418823</v>
      </c>
      <c r="C7596" s="21">
        <v>275704.50947187311</v>
      </c>
      <c r="D7596">
        <f t="shared" si="118"/>
        <v>6</v>
      </c>
    </row>
    <row r="7597" spans="1:4" x14ac:dyDescent="0.25">
      <c r="A7597" s="20">
        <v>43872.291666648256</v>
      </c>
      <c r="B7597" s="22">
        <v>1.5594911575317383</v>
      </c>
      <c r="C7597" s="21">
        <v>242129.65594853059</v>
      </c>
      <c r="D7597">
        <f t="shared" si="118"/>
        <v>7</v>
      </c>
    </row>
    <row r="7598" spans="1:4" x14ac:dyDescent="0.25">
      <c r="A7598" s="20">
        <v>43872.33333331492</v>
      </c>
      <c r="B7598" s="22">
        <v>1.5282801389694214</v>
      </c>
      <c r="C7598" s="21">
        <v>237283.77198836888</v>
      </c>
      <c r="D7598">
        <f t="shared" si="118"/>
        <v>8</v>
      </c>
    </row>
    <row r="7599" spans="1:4" x14ac:dyDescent="0.25">
      <c r="A7599" s="20">
        <v>43872.374999981585</v>
      </c>
      <c r="B7599" s="22">
        <v>1.6198906898498535</v>
      </c>
      <c r="C7599" s="21">
        <v>251507.4058055956</v>
      </c>
      <c r="D7599">
        <f t="shared" si="118"/>
        <v>9</v>
      </c>
    </row>
    <row r="7600" spans="1:4" x14ac:dyDescent="0.25">
      <c r="A7600" s="20">
        <v>43872.416666648249</v>
      </c>
      <c r="B7600" s="22">
        <v>1.5472650527954102</v>
      </c>
      <c r="C7600" s="21">
        <v>240231.40694653997</v>
      </c>
      <c r="D7600">
        <f t="shared" si="118"/>
        <v>10</v>
      </c>
    </row>
    <row r="7601" spans="1:4" x14ac:dyDescent="0.25">
      <c r="A7601" s="20">
        <v>43872.458333314913</v>
      </c>
      <c r="B7601" s="22">
        <v>1.5913348197937012</v>
      </c>
      <c r="C7601" s="21">
        <v>247073.76541038454</v>
      </c>
      <c r="D7601">
        <f t="shared" si="118"/>
        <v>11</v>
      </c>
    </row>
    <row r="7602" spans="1:4" x14ac:dyDescent="0.25">
      <c r="A7602" s="20">
        <v>43872.499999981577</v>
      </c>
      <c r="B7602" s="22">
        <v>1.5490130186080933</v>
      </c>
      <c r="C7602" s="21">
        <v>240502.79954712681</v>
      </c>
      <c r="D7602">
        <f t="shared" si="118"/>
        <v>12</v>
      </c>
    </row>
    <row r="7603" spans="1:4" x14ac:dyDescent="0.25">
      <c r="A7603" s="20">
        <v>43872.541666648242</v>
      </c>
      <c r="B7603" s="22">
        <v>1.4698014259338379</v>
      </c>
      <c r="C7603" s="21">
        <v>228204.25230065914</v>
      </c>
      <c r="D7603">
        <f t="shared" si="118"/>
        <v>13</v>
      </c>
    </row>
    <row r="7604" spans="1:4" x14ac:dyDescent="0.25">
      <c r="A7604" s="20">
        <v>43872.583333314906</v>
      </c>
      <c r="B7604" s="22">
        <v>1.5857897996902466</v>
      </c>
      <c r="C7604" s="21">
        <v>246212.83471296262</v>
      </c>
      <c r="D7604">
        <f t="shared" si="118"/>
        <v>14</v>
      </c>
    </row>
    <row r="7605" spans="1:4" x14ac:dyDescent="0.25">
      <c r="A7605" s="20">
        <v>43872.62499998157</v>
      </c>
      <c r="B7605" s="22">
        <v>1.8320811986923218</v>
      </c>
      <c r="C7605" s="21">
        <v>284452.52040495479</v>
      </c>
      <c r="D7605">
        <f t="shared" si="118"/>
        <v>15</v>
      </c>
    </row>
    <row r="7606" spans="1:4" x14ac:dyDescent="0.25">
      <c r="A7606" s="20">
        <v>43872.666666648234</v>
      </c>
      <c r="B7606" s="22">
        <v>1.8461850881576538</v>
      </c>
      <c r="C7606" s="21">
        <v>286642.31794711074</v>
      </c>
      <c r="D7606">
        <f t="shared" si="118"/>
        <v>16</v>
      </c>
    </row>
    <row r="7607" spans="1:4" x14ac:dyDescent="0.25">
      <c r="A7607" s="20">
        <v>43872.708333314898</v>
      </c>
      <c r="B7607" s="22">
        <v>1.9361448287963867</v>
      </c>
      <c r="C7607" s="21">
        <v>300609.64372826525</v>
      </c>
      <c r="D7607">
        <f t="shared" si="118"/>
        <v>17</v>
      </c>
    </row>
    <row r="7608" spans="1:4" x14ac:dyDescent="0.25">
      <c r="A7608" s="20">
        <v>43872.749999981563</v>
      </c>
      <c r="B7608" s="22">
        <v>1.9017740488052368</v>
      </c>
      <c r="C7608" s="21">
        <v>295273.16901101731</v>
      </c>
      <c r="D7608">
        <f t="shared" si="118"/>
        <v>18</v>
      </c>
    </row>
    <row r="7609" spans="1:4" x14ac:dyDescent="0.25">
      <c r="A7609" s="20">
        <v>43872.791666648227</v>
      </c>
      <c r="B7609" s="22">
        <v>1.9629019498825073</v>
      </c>
      <c r="C7609" s="21">
        <v>304764.00683027192</v>
      </c>
      <c r="D7609">
        <f t="shared" si="118"/>
        <v>19</v>
      </c>
    </row>
    <row r="7610" spans="1:4" x14ac:dyDescent="0.25">
      <c r="A7610" s="20">
        <v>43872.833333314891</v>
      </c>
      <c r="B7610" s="22">
        <v>2.153954029083252</v>
      </c>
      <c r="C7610" s="21">
        <v>334427.12738194212</v>
      </c>
      <c r="D7610">
        <f t="shared" si="118"/>
        <v>20</v>
      </c>
    </row>
    <row r="7611" spans="1:4" x14ac:dyDescent="0.25">
      <c r="A7611" s="20">
        <v>43872.874999981555</v>
      </c>
      <c r="B7611" s="22">
        <v>1.9241302013397217</v>
      </c>
      <c r="C7611" s="21">
        <v>298744.2291035126</v>
      </c>
      <c r="D7611">
        <f t="shared" si="118"/>
        <v>21</v>
      </c>
    </row>
    <row r="7612" spans="1:4" x14ac:dyDescent="0.25">
      <c r="A7612" s="20">
        <v>43872.91666664822</v>
      </c>
      <c r="B7612" s="22">
        <v>1.8929803371429443</v>
      </c>
      <c r="C7612" s="21">
        <v>293907.84009009454</v>
      </c>
      <c r="D7612">
        <f t="shared" si="118"/>
        <v>22</v>
      </c>
    </row>
    <row r="7613" spans="1:4" x14ac:dyDescent="0.25">
      <c r="A7613" s="20">
        <v>43872.958333314884</v>
      </c>
      <c r="B7613" s="22">
        <v>1.8369563817977905</v>
      </c>
      <c r="C7613" s="21">
        <v>285209.45089623216</v>
      </c>
      <c r="D7613">
        <f t="shared" si="118"/>
        <v>23</v>
      </c>
    </row>
    <row r="7614" spans="1:4" x14ac:dyDescent="0.25">
      <c r="A7614" s="20">
        <v>43872.999999981548</v>
      </c>
      <c r="B7614" s="22">
        <v>1.7751939296722412</v>
      </c>
      <c r="C7614" s="21">
        <v>275620.09143659542</v>
      </c>
      <c r="D7614">
        <f t="shared" si="118"/>
        <v>0</v>
      </c>
    </row>
    <row r="7615" spans="1:4" x14ac:dyDescent="0.25">
      <c r="A7615" s="20">
        <v>43873.041666648212</v>
      </c>
      <c r="B7615" s="22">
        <v>1.7791467905044556</v>
      </c>
      <c r="C7615" s="21">
        <v>276233.8203626583</v>
      </c>
      <c r="D7615">
        <f t="shared" si="118"/>
        <v>1</v>
      </c>
    </row>
    <row r="7616" spans="1:4" x14ac:dyDescent="0.25">
      <c r="A7616" s="20">
        <v>43873.083333314877</v>
      </c>
      <c r="B7616" s="22">
        <v>1.7849634885787964</v>
      </c>
      <c r="C7616" s="21">
        <v>277136.93231471692</v>
      </c>
      <c r="D7616">
        <f t="shared" si="118"/>
        <v>2</v>
      </c>
    </row>
    <row r="7617" spans="1:4" x14ac:dyDescent="0.25">
      <c r="A7617" s="20">
        <v>43873.124999981541</v>
      </c>
      <c r="B7617" s="22">
        <v>1.9409281015396118</v>
      </c>
      <c r="C7617" s="21">
        <v>301352.30403642502</v>
      </c>
      <c r="D7617">
        <f t="shared" si="118"/>
        <v>3</v>
      </c>
    </row>
    <row r="7618" spans="1:4" x14ac:dyDescent="0.25">
      <c r="A7618" s="20">
        <v>43873.166666648205</v>
      </c>
      <c r="B7618" s="22">
        <v>1.9408388137817383</v>
      </c>
      <c r="C7618" s="21">
        <v>301338.44104400609</v>
      </c>
      <c r="D7618">
        <f t="shared" si="118"/>
        <v>4</v>
      </c>
    </row>
    <row r="7619" spans="1:4" x14ac:dyDescent="0.25">
      <c r="A7619" s="20">
        <v>43873.208333314869</v>
      </c>
      <c r="B7619" s="22">
        <v>2.1607365608215332</v>
      </c>
      <c r="C7619" s="21">
        <v>335480.19656307768</v>
      </c>
      <c r="D7619">
        <f t="shared" si="118"/>
        <v>5</v>
      </c>
    </row>
    <row r="7620" spans="1:4" x14ac:dyDescent="0.25">
      <c r="A7620" s="20">
        <v>43873.249999981534</v>
      </c>
      <c r="B7620" s="22">
        <v>2.3693230152130127</v>
      </c>
      <c r="C7620" s="21">
        <v>367865.73859928182</v>
      </c>
      <c r="D7620">
        <f t="shared" si="118"/>
        <v>6</v>
      </c>
    </row>
    <row r="7621" spans="1:4" x14ac:dyDescent="0.25">
      <c r="A7621" s="20">
        <v>43873.291666648198</v>
      </c>
      <c r="B7621" s="22">
        <v>2.2106907367706299</v>
      </c>
      <c r="C7621" s="21">
        <v>343236.17990247085</v>
      </c>
      <c r="D7621">
        <f t="shared" si="118"/>
        <v>7</v>
      </c>
    </row>
    <row r="7622" spans="1:4" x14ac:dyDescent="0.25">
      <c r="A7622" s="20">
        <v>43873.333333314862</v>
      </c>
      <c r="B7622" s="22">
        <v>2.2352914810180664</v>
      </c>
      <c r="C7622" s="21">
        <v>347055.73970692477</v>
      </c>
      <c r="D7622">
        <f t="shared" si="118"/>
        <v>8</v>
      </c>
    </row>
    <row r="7623" spans="1:4" x14ac:dyDescent="0.25">
      <c r="A7623" s="20">
        <v>43873.374999981526</v>
      </c>
      <c r="B7623" s="22">
        <v>2.1316888332366943</v>
      </c>
      <c r="C7623" s="21">
        <v>330970.1894032195</v>
      </c>
      <c r="D7623">
        <f t="shared" ref="D7623:D7686" si="119">HOUR(A7623)</f>
        <v>9</v>
      </c>
    </row>
    <row r="7624" spans="1:4" x14ac:dyDescent="0.25">
      <c r="A7624" s="20">
        <v>43873.416666648191</v>
      </c>
      <c r="B7624" s="22">
        <v>2.177229642868042</v>
      </c>
      <c r="C7624" s="21">
        <v>338040.94483161718</v>
      </c>
      <c r="D7624">
        <f t="shared" si="119"/>
        <v>10</v>
      </c>
    </row>
    <row r="7625" spans="1:4" x14ac:dyDescent="0.25">
      <c r="A7625" s="20">
        <v>43873.458333314855</v>
      </c>
      <c r="B7625" s="22">
        <v>2.0188632011413574</v>
      </c>
      <c r="C7625" s="21">
        <v>313452.66046470514</v>
      </c>
      <c r="D7625">
        <f t="shared" si="119"/>
        <v>11</v>
      </c>
    </row>
    <row r="7626" spans="1:4" x14ac:dyDescent="0.25">
      <c r="A7626" s="20">
        <v>43873.499999981519</v>
      </c>
      <c r="B7626" s="22">
        <v>2.0471808910369873</v>
      </c>
      <c r="C7626" s="21">
        <v>317849.32054102013</v>
      </c>
      <c r="D7626">
        <f t="shared" si="119"/>
        <v>12</v>
      </c>
    </row>
    <row r="7627" spans="1:4" x14ac:dyDescent="0.25">
      <c r="A7627" s="20">
        <v>43873.541666648183</v>
      </c>
      <c r="B7627" s="22">
        <v>1.8731083869934082</v>
      </c>
      <c r="C7627" s="21">
        <v>290822.48213247134</v>
      </c>
      <c r="D7627">
        <f t="shared" si="119"/>
        <v>13</v>
      </c>
    </row>
    <row r="7628" spans="1:4" x14ac:dyDescent="0.25">
      <c r="A7628" s="20">
        <v>43873.583333314848</v>
      </c>
      <c r="B7628" s="22">
        <v>2.0911664962768555</v>
      </c>
      <c r="C7628" s="21">
        <v>324678.61188517476</v>
      </c>
      <c r="D7628">
        <f t="shared" si="119"/>
        <v>14</v>
      </c>
    </row>
    <row r="7629" spans="1:4" x14ac:dyDescent="0.25">
      <c r="A7629" s="20">
        <v>43873.624999981512</v>
      </c>
      <c r="B7629" s="22">
        <v>2.0192348957061768</v>
      </c>
      <c r="C7629" s="21">
        <v>313510.37049189123</v>
      </c>
      <c r="D7629">
        <f t="shared" si="119"/>
        <v>15</v>
      </c>
    </row>
    <row r="7630" spans="1:4" x14ac:dyDescent="0.25">
      <c r="A7630" s="20">
        <v>43873.666666648176</v>
      </c>
      <c r="B7630" s="22">
        <v>2.1869277954101563</v>
      </c>
      <c r="C7630" s="21">
        <v>339546.69901753706</v>
      </c>
      <c r="D7630">
        <f t="shared" si="119"/>
        <v>16</v>
      </c>
    </row>
    <row r="7631" spans="1:4" x14ac:dyDescent="0.25">
      <c r="A7631" s="20">
        <v>43873.70833331484</v>
      </c>
      <c r="B7631" s="22">
        <v>2.2220795154571533</v>
      </c>
      <c r="C7631" s="21">
        <v>345004.42401961377</v>
      </c>
      <c r="D7631">
        <f t="shared" si="119"/>
        <v>17</v>
      </c>
    </row>
    <row r="7632" spans="1:4" x14ac:dyDescent="0.25">
      <c r="A7632" s="20">
        <v>43873.749999981505</v>
      </c>
      <c r="B7632" s="22">
        <v>2.3406298160552979</v>
      </c>
      <c r="C7632" s="21">
        <v>363410.77621840104</v>
      </c>
      <c r="D7632">
        <f t="shared" si="119"/>
        <v>18</v>
      </c>
    </row>
    <row r="7633" spans="1:4" x14ac:dyDescent="0.25">
      <c r="A7633" s="20">
        <v>43873.791666648169</v>
      </c>
      <c r="B7633" s="22">
        <v>2.1306195259094238</v>
      </c>
      <c r="C7633" s="21">
        <v>330804.16665021778</v>
      </c>
      <c r="D7633">
        <f t="shared" si="119"/>
        <v>19</v>
      </c>
    </row>
    <row r="7634" spans="1:4" x14ac:dyDescent="0.25">
      <c r="A7634" s="20">
        <v>43873.833333314833</v>
      </c>
      <c r="B7634" s="22">
        <v>2.095665454864502</v>
      </c>
      <c r="C7634" s="21">
        <v>325377.12901987758</v>
      </c>
      <c r="D7634">
        <f t="shared" si="119"/>
        <v>20</v>
      </c>
    </row>
    <row r="7635" spans="1:4" x14ac:dyDescent="0.25">
      <c r="A7635" s="20">
        <v>43873.874999981497</v>
      </c>
      <c r="B7635" s="22">
        <v>1.9344778060913086</v>
      </c>
      <c r="C7635" s="21">
        <v>300350.8185133292</v>
      </c>
      <c r="D7635">
        <f t="shared" si="119"/>
        <v>21</v>
      </c>
    </row>
    <row r="7636" spans="1:4" x14ac:dyDescent="0.25">
      <c r="A7636" s="20">
        <v>43873.916666648161</v>
      </c>
      <c r="B7636" s="22">
        <v>1.8888174295425415</v>
      </c>
      <c r="C7636" s="21">
        <v>293261.49889081105</v>
      </c>
      <c r="D7636">
        <f t="shared" si="119"/>
        <v>22</v>
      </c>
    </row>
    <row r="7637" spans="1:4" x14ac:dyDescent="0.25">
      <c r="A7637" s="20">
        <v>43873.958333314826</v>
      </c>
      <c r="B7637" s="22">
        <v>1.7132917642593384</v>
      </c>
      <c r="C7637" s="21">
        <v>266009.03981792653</v>
      </c>
      <c r="D7637">
        <f t="shared" si="119"/>
        <v>23</v>
      </c>
    </row>
    <row r="7638" spans="1:4" x14ac:dyDescent="0.25">
      <c r="A7638" s="20">
        <v>43873.99999998149</v>
      </c>
      <c r="B7638" s="22">
        <v>1.5113937854766846</v>
      </c>
      <c r="C7638" s="21">
        <v>234661.96362371428</v>
      </c>
      <c r="D7638">
        <f t="shared" si="119"/>
        <v>0</v>
      </c>
    </row>
    <row r="7639" spans="1:4" x14ac:dyDescent="0.25">
      <c r="A7639" s="20">
        <v>43874.041666648154</v>
      </c>
      <c r="B7639" s="22">
        <v>1.4061206579208374</v>
      </c>
      <c r="C7639" s="21">
        <v>218317.05135369761</v>
      </c>
      <c r="D7639">
        <f t="shared" si="119"/>
        <v>1</v>
      </c>
    </row>
    <row r="7640" spans="1:4" x14ac:dyDescent="0.25">
      <c r="A7640" s="20">
        <v>43874.083333314818</v>
      </c>
      <c r="B7640" s="22">
        <v>1.371060848236084</v>
      </c>
      <c r="C7640" s="21">
        <v>212873.59653473846</v>
      </c>
      <c r="D7640">
        <f t="shared" si="119"/>
        <v>2</v>
      </c>
    </row>
    <row r="7641" spans="1:4" x14ac:dyDescent="0.25">
      <c r="A7641" s="20">
        <v>43874.124999981483</v>
      </c>
      <c r="B7641" s="22">
        <v>1.3323771953582764</v>
      </c>
      <c r="C7641" s="21">
        <v>206867.496713717</v>
      </c>
      <c r="D7641">
        <f t="shared" si="119"/>
        <v>3</v>
      </c>
    </row>
    <row r="7642" spans="1:4" x14ac:dyDescent="0.25">
      <c r="A7642" s="20">
        <v>43874.166666648147</v>
      </c>
      <c r="B7642" s="22">
        <v>1.5296142101287842</v>
      </c>
      <c r="C7642" s="21">
        <v>237490.90249325658</v>
      </c>
      <c r="D7642">
        <f t="shared" si="119"/>
        <v>4</v>
      </c>
    </row>
    <row r="7643" spans="1:4" x14ac:dyDescent="0.25">
      <c r="A7643" s="20">
        <v>43874.208333314811</v>
      </c>
      <c r="B7643" s="22">
        <v>1.7280212640762329</v>
      </c>
      <c r="C7643" s="21">
        <v>268295.97085035598</v>
      </c>
      <c r="D7643">
        <f t="shared" si="119"/>
        <v>5</v>
      </c>
    </row>
    <row r="7644" spans="1:4" x14ac:dyDescent="0.25">
      <c r="A7644" s="20">
        <v>43874.249999981475</v>
      </c>
      <c r="B7644" s="22">
        <v>1.8283408880233765</v>
      </c>
      <c r="C7644" s="21">
        <v>283871.79243414302</v>
      </c>
      <c r="D7644">
        <f t="shared" si="119"/>
        <v>6</v>
      </c>
    </row>
    <row r="7645" spans="1:4" x14ac:dyDescent="0.25">
      <c r="A7645" s="20">
        <v>43874.29166664814</v>
      </c>
      <c r="B7645" s="22">
        <v>1.4973739385604858</v>
      </c>
      <c r="C7645" s="21">
        <v>232485.21469258019</v>
      </c>
      <c r="D7645">
        <f t="shared" si="119"/>
        <v>7</v>
      </c>
    </row>
    <row r="7646" spans="1:4" x14ac:dyDescent="0.25">
      <c r="A7646" s="20">
        <v>43874.333333314804</v>
      </c>
      <c r="B7646" s="22">
        <v>1.5187864303588867</v>
      </c>
      <c r="C7646" s="21">
        <v>235809.7601682682</v>
      </c>
      <c r="D7646">
        <f t="shared" si="119"/>
        <v>8</v>
      </c>
    </row>
    <row r="7647" spans="1:4" x14ac:dyDescent="0.25">
      <c r="A7647" s="20">
        <v>43874.374999981468</v>
      </c>
      <c r="B7647" s="22">
        <v>1.6962488889694214</v>
      </c>
      <c r="C7647" s="21">
        <v>263362.92957203544</v>
      </c>
      <c r="D7647">
        <f t="shared" si="119"/>
        <v>9</v>
      </c>
    </row>
    <row r="7648" spans="1:4" x14ac:dyDescent="0.25">
      <c r="A7648" s="20">
        <v>43874.416666648132</v>
      </c>
      <c r="B7648" s="22">
        <v>1.7262487411499023</v>
      </c>
      <c r="C7648" s="21">
        <v>268020.76546413725</v>
      </c>
      <c r="D7648">
        <f t="shared" si="119"/>
        <v>10</v>
      </c>
    </row>
    <row r="7649" spans="1:4" x14ac:dyDescent="0.25">
      <c r="A7649" s="20">
        <v>43874.458333314797</v>
      </c>
      <c r="B7649" s="22">
        <v>1.8405784368515015</v>
      </c>
      <c r="C7649" s="21">
        <v>285771.81826827279</v>
      </c>
      <c r="D7649">
        <f t="shared" si="119"/>
        <v>11</v>
      </c>
    </row>
    <row r="7650" spans="1:4" x14ac:dyDescent="0.25">
      <c r="A7650" s="20">
        <v>43874.499999981461</v>
      </c>
      <c r="B7650" s="22">
        <v>1.8523658514022827</v>
      </c>
      <c r="C7650" s="21">
        <v>287601.95537159604</v>
      </c>
      <c r="D7650">
        <f t="shared" si="119"/>
        <v>12</v>
      </c>
    </row>
    <row r="7651" spans="1:4" x14ac:dyDescent="0.25">
      <c r="A7651" s="20">
        <v>43874.541666648125</v>
      </c>
      <c r="B7651" s="22">
        <v>1.9600846767425537</v>
      </c>
      <c r="C7651" s="21">
        <v>304326.59147668333</v>
      </c>
      <c r="D7651">
        <f t="shared" si="119"/>
        <v>13</v>
      </c>
    </row>
    <row r="7652" spans="1:4" x14ac:dyDescent="0.25">
      <c r="A7652" s="20">
        <v>43874.583333314789</v>
      </c>
      <c r="B7652" s="22">
        <v>1.9937756061553955</v>
      </c>
      <c r="C7652" s="21">
        <v>309557.5112596649</v>
      </c>
      <c r="D7652">
        <f t="shared" si="119"/>
        <v>14</v>
      </c>
    </row>
    <row r="7653" spans="1:4" x14ac:dyDescent="0.25">
      <c r="A7653" s="20">
        <v>43874.624999981454</v>
      </c>
      <c r="B7653" s="22">
        <v>1.9194451570510864</v>
      </c>
      <c r="C7653" s="21">
        <v>298016.81993788044</v>
      </c>
      <c r="D7653">
        <f t="shared" si="119"/>
        <v>15</v>
      </c>
    </row>
    <row r="7654" spans="1:4" x14ac:dyDescent="0.25">
      <c r="A7654" s="20">
        <v>43874.666666648118</v>
      </c>
      <c r="B7654" s="22">
        <v>2.0878634452819824</v>
      </c>
      <c r="C7654" s="21">
        <v>324165.77370901295</v>
      </c>
      <c r="D7654">
        <f t="shared" si="119"/>
        <v>16</v>
      </c>
    </row>
    <row r="7655" spans="1:4" x14ac:dyDescent="0.25">
      <c r="A7655" s="20">
        <v>43874.708333314782</v>
      </c>
      <c r="B7655" s="22">
        <v>2.3412837982177734</v>
      </c>
      <c r="C7655" s="21">
        <v>363512.3147716861</v>
      </c>
      <c r="D7655">
        <f t="shared" si="119"/>
        <v>17</v>
      </c>
    </row>
    <row r="7656" spans="1:4" x14ac:dyDescent="0.25">
      <c r="A7656" s="20">
        <v>43874.749999981446</v>
      </c>
      <c r="B7656" s="22">
        <v>2.3895831108093262</v>
      </c>
      <c r="C7656" s="21">
        <v>371011.36078029108</v>
      </c>
      <c r="D7656">
        <f t="shared" si="119"/>
        <v>18</v>
      </c>
    </row>
    <row r="7657" spans="1:4" x14ac:dyDescent="0.25">
      <c r="A7657" s="20">
        <v>43874.791666648111</v>
      </c>
      <c r="B7657" s="22">
        <v>2.3275799751281738</v>
      </c>
      <c r="C7657" s="21">
        <v>361384.63231972791</v>
      </c>
      <c r="D7657">
        <f t="shared" si="119"/>
        <v>19</v>
      </c>
    </row>
    <row r="7658" spans="1:4" x14ac:dyDescent="0.25">
      <c r="A7658" s="20">
        <v>43874.833333314775</v>
      </c>
      <c r="B7658" s="22">
        <v>2.4046173095703125</v>
      </c>
      <c r="C7658" s="21">
        <v>373345.59996842535</v>
      </c>
      <c r="D7658">
        <f t="shared" si="119"/>
        <v>20</v>
      </c>
    </row>
    <row r="7659" spans="1:4" x14ac:dyDescent="0.25">
      <c r="A7659" s="20">
        <v>43874.874999981439</v>
      </c>
      <c r="B7659" s="22">
        <v>2.4554176330566406</v>
      </c>
      <c r="C7659" s="21">
        <v>381232.95783410687</v>
      </c>
      <c r="D7659">
        <f t="shared" si="119"/>
        <v>21</v>
      </c>
    </row>
    <row r="7660" spans="1:4" x14ac:dyDescent="0.25">
      <c r="A7660" s="20">
        <v>43874.916666648103</v>
      </c>
      <c r="B7660" s="22">
        <v>2.2911829948425293</v>
      </c>
      <c r="C7660" s="21">
        <v>355733.56577051006</v>
      </c>
      <c r="D7660">
        <f t="shared" si="119"/>
        <v>22</v>
      </c>
    </row>
    <row r="7661" spans="1:4" x14ac:dyDescent="0.25">
      <c r="A7661" s="20">
        <v>43874.958333314768</v>
      </c>
      <c r="B7661" s="22">
        <v>2.1763229370117188</v>
      </c>
      <c r="C7661" s="21">
        <v>337900.16790192586</v>
      </c>
      <c r="D7661">
        <f t="shared" si="119"/>
        <v>23</v>
      </c>
    </row>
    <row r="7662" spans="1:4" x14ac:dyDescent="0.25">
      <c r="A7662" s="20">
        <v>43874.999999981432</v>
      </c>
      <c r="B7662" s="22">
        <v>2.3325018882751465</v>
      </c>
      <c r="C7662" s="21">
        <v>362148.8182089068</v>
      </c>
      <c r="D7662">
        <f t="shared" si="119"/>
        <v>0</v>
      </c>
    </row>
    <row r="7663" spans="1:4" x14ac:dyDescent="0.25">
      <c r="A7663" s="20">
        <v>43875.041666648096</v>
      </c>
      <c r="B7663" s="22">
        <v>2.5014810562133789</v>
      </c>
      <c r="C7663" s="21">
        <v>388384.85526352568</v>
      </c>
      <c r="D7663">
        <f t="shared" si="119"/>
        <v>1</v>
      </c>
    </row>
    <row r="7664" spans="1:4" x14ac:dyDescent="0.25">
      <c r="A7664" s="20">
        <v>43875.08333331476</v>
      </c>
      <c r="B7664" s="22">
        <v>2.2820925712585449</v>
      </c>
      <c r="C7664" s="21">
        <v>354322.16877464624</v>
      </c>
      <c r="D7664">
        <f t="shared" si="119"/>
        <v>2</v>
      </c>
    </row>
    <row r="7665" spans="1:4" x14ac:dyDescent="0.25">
      <c r="A7665" s="20">
        <v>43875.124999981424</v>
      </c>
      <c r="B7665" s="22">
        <v>2.285775899887085</v>
      </c>
      <c r="C7665" s="21">
        <v>354894.04960209853</v>
      </c>
      <c r="D7665">
        <f t="shared" si="119"/>
        <v>3</v>
      </c>
    </row>
    <row r="7666" spans="1:4" x14ac:dyDescent="0.25">
      <c r="A7666" s="20">
        <v>43875.166666648089</v>
      </c>
      <c r="B7666" s="22">
        <v>2.4406025409698486</v>
      </c>
      <c r="C7666" s="21">
        <v>378932.73757797002</v>
      </c>
      <c r="D7666">
        <f t="shared" si="119"/>
        <v>4</v>
      </c>
    </row>
    <row r="7667" spans="1:4" x14ac:dyDescent="0.25">
      <c r="A7667" s="20">
        <v>43875.208333314753</v>
      </c>
      <c r="B7667" s="22">
        <v>2.7702169418334961</v>
      </c>
      <c r="C7667" s="21">
        <v>430109.3159710872</v>
      </c>
      <c r="D7667">
        <f t="shared" si="119"/>
        <v>5</v>
      </c>
    </row>
    <row r="7668" spans="1:4" x14ac:dyDescent="0.25">
      <c r="A7668" s="20">
        <v>43875.249999981417</v>
      </c>
      <c r="B7668" s="22">
        <v>2.9148917198181152</v>
      </c>
      <c r="C7668" s="21">
        <v>452571.80577018886</v>
      </c>
      <c r="D7668">
        <f t="shared" si="119"/>
        <v>6</v>
      </c>
    </row>
    <row r="7669" spans="1:4" x14ac:dyDescent="0.25">
      <c r="A7669" s="20">
        <v>43875.291666648081</v>
      </c>
      <c r="B7669" s="22">
        <v>2.9496004581451416</v>
      </c>
      <c r="C7669" s="21">
        <v>457960.75256154599</v>
      </c>
      <c r="D7669">
        <f t="shared" si="119"/>
        <v>7</v>
      </c>
    </row>
    <row r="7670" spans="1:4" x14ac:dyDescent="0.25">
      <c r="A7670" s="20">
        <v>43875.333333314746</v>
      </c>
      <c r="B7670" s="22">
        <v>2.9953699111938477</v>
      </c>
      <c r="C7670" s="21">
        <v>465067.00761539041</v>
      </c>
      <c r="D7670">
        <f t="shared" si="119"/>
        <v>8</v>
      </c>
    </row>
    <row r="7671" spans="1:4" x14ac:dyDescent="0.25">
      <c r="A7671" s="20">
        <v>43875.37499998141</v>
      </c>
      <c r="B7671" s="22">
        <v>3.0226333141326904</v>
      </c>
      <c r="C7671" s="21">
        <v>469299.97703088628</v>
      </c>
      <c r="D7671">
        <f t="shared" si="119"/>
        <v>9</v>
      </c>
    </row>
    <row r="7672" spans="1:4" x14ac:dyDescent="0.25">
      <c r="A7672" s="20">
        <v>43875.416666648074</v>
      </c>
      <c r="B7672" s="22">
        <v>2.8996281623840332</v>
      </c>
      <c r="C7672" s="21">
        <v>450201.95590459916</v>
      </c>
      <c r="D7672">
        <f t="shared" si="119"/>
        <v>10</v>
      </c>
    </row>
    <row r="7673" spans="1:4" x14ac:dyDescent="0.25">
      <c r="A7673" s="20">
        <v>43875.458333314738</v>
      </c>
      <c r="B7673" s="22">
        <v>2.7520203590393066</v>
      </c>
      <c r="C7673" s="21">
        <v>427284.07883516815</v>
      </c>
      <c r="D7673">
        <f t="shared" si="119"/>
        <v>11</v>
      </c>
    </row>
    <row r="7674" spans="1:4" x14ac:dyDescent="0.25">
      <c r="A7674" s="20">
        <v>43875.499999981403</v>
      </c>
      <c r="B7674" s="22">
        <v>2.9565694332122803</v>
      </c>
      <c r="C7674" s="21">
        <v>459042.76929961512</v>
      </c>
      <c r="D7674">
        <f t="shared" si="119"/>
        <v>12</v>
      </c>
    </row>
    <row r="7675" spans="1:4" x14ac:dyDescent="0.25">
      <c r="A7675" s="20">
        <v>43875.541666648067</v>
      </c>
      <c r="B7675" s="22">
        <v>2.8644609451293945</v>
      </c>
      <c r="C7675" s="21">
        <v>444741.82477566734</v>
      </c>
      <c r="D7675">
        <f t="shared" si="119"/>
        <v>13</v>
      </c>
    </row>
    <row r="7676" spans="1:4" x14ac:dyDescent="0.25">
      <c r="A7676" s="20">
        <v>43875.583333314731</v>
      </c>
      <c r="B7676" s="22">
        <v>2.9343197345733643</v>
      </c>
      <c r="C7676" s="21">
        <v>455588.23744774755</v>
      </c>
      <c r="D7676">
        <f t="shared" si="119"/>
        <v>14</v>
      </c>
    </row>
    <row r="7677" spans="1:4" x14ac:dyDescent="0.25">
      <c r="A7677" s="20">
        <v>43875.624999981395</v>
      </c>
      <c r="B7677" s="22">
        <v>2.7422206401824951</v>
      </c>
      <c r="C7677" s="21">
        <v>425762.55526401335</v>
      </c>
      <c r="D7677">
        <f t="shared" si="119"/>
        <v>15</v>
      </c>
    </row>
    <row r="7678" spans="1:4" x14ac:dyDescent="0.25">
      <c r="A7678" s="20">
        <v>43875.66666664806</v>
      </c>
      <c r="B7678" s="22">
        <v>2.8725528717041016</v>
      </c>
      <c r="C7678" s="21">
        <v>445998.19316739048</v>
      </c>
      <c r="D7678">
        <f t="shared" si="119"/>
        <v>16</v>
      </c>
    </row>
    <row r="7679" spans="1:4" x14ac:dyDescent="0.25">
      <c r="A7679" s="20">
        <v>43875.708333314724</v>
      </c>
      <c r="B7679" s="22">
        <v>2.9574348926544189</v>
      </c>
      <c r="C7679" s="21">
        <v>459177.14223013818</v>
      </c>
      <c r="D7679">
        <f t="shared" si="119"/>
        <v>17</v>
      </c>
    </row>
    <row r="7680" spans="1:4" x14ac:dyDescent="0.25">
      <c r="A7680" s="20">
        <v>43875.749999981388</v>
      </c>
      <c r="B7680" s="22">
        <v>2.9069437980651855</v>
      </c>
      <c r="C7680" s="21">
        <v>451337.79584954999</v>
      </c>
      <c r="D7680">
        <f t="shared" si="119"/>
        <v>18</v>
      </c>
    </row>
    <row r="7681" spans="1:4" x14ac:dyDescent="0.25">
      <c r="A7681" s="20">
        <v>43875.791666648052</v>
      </c>
      <c r="B7681" s="22">
        <v>3.1236824989318848</v>
      </c>
      <c r="C7681" s="21">
        <v>484989.07166354411</v>
      </c>
      <c r="D7681">
        <f t="shared" si="119"/>
        <v>19</v>
      </c>
    </row>
    <row r="7682" spans="1:4" x14ac:dyDescent="0.25">
      <c r="A7682" s="20">
        <v>43875.833333314717</v>
      </c>
      <c r="B7682" s="22">
        <v>3.2963600158691406</v>
      </c>
      <c r="C7682" s="21">
        <v>511799.32163779793</v>
      </c>
      <c r="D7682">
        <f t="shared" si="119"/>
        <v>20</v>
      </c>
    </row>
    <row r="7683" spans="1:4" x14ac:dyDescent="0.25">
      <c r="A7683" s="20">
        <v>43875.874999981381</v>
      </c>
      <c r="B7683" s="22">
        <v>3.2890355587005615</v>
      </c>
      <c r="C7683" s="21">
        <v>510662.11205140635</v>
      </c>
      <c r="D7683">
        <f t="shared" si="119"/>
        <v>21</v>
      </c>
    </row>
    <row r="7684" spans="1:4" x14ac:dyDescent="0.25">
      <c r="A7684" s="20">
        <v>43875.916666648045</v>
      </c>
      <c r="B7684" s="22">
        <v>3.3255221843719482</v>
      </c>
      <c r="C7684" s="21">
        <v>516327.0971190476</v>
      </c>
      <c r="D7684">
        <f t="shared" si="119"/>
        <v>22</v>
      </c>
    </row>
    <row r="7685" spans="1:4" x14ac:dyDescent="0.25">
      <c r="A7685" s="20">
        <v>43875.958333314709</v>
      </c>
      <c r="B7685" s="22">
        <v>3.3793375492095947</v>
      </c>
      <c r="C7685" s="21">
        <v>524682.57621872227</v>
      </c>
      <c r="D7685">
        <f t="shared" si="119"/>
        <v>23</v>
      </c>
    </row>
    <row r="7686" spans="1:4" x14ac:dyDescent="0.25">
      <c r="A7686" s="20">
        <v>43875.999999981374</v>
      </c>
      <c r="B7686" s="22">
        <v>3.4839804172515869</v>
      </c>
      <c r="C7686" s="21">
        <v>540929.63316040905</v>
      </c>
      <c r="D7686">
        <f t="shared" si="119"/>
        <v>0</v>
      </c>
    </row>
    <row r="7687" spans="1:4" x14ac:dyDescent="0.25">
      <c r="A7687" s="20">
        <v>43876.041666648038</v>
      </c>
      <c r="B7687" s="22">
        <v>3.515620231628418</v>
      </c>
      <c r="C7687" s="21">
        <v>545842.09279978438</v>
      </c>
      <c r="D7687">
        <f t="shared" ref="D7687:D7750" si="120">HOUR(A7687)</f>
        <v>1</v>
      </c>
    </row>
    <row r="7688" spans="1:4" x14ac:dyDescent="0.25">
      <c r="A7688" s="20">
        <v>43876.083333314702</v>
      </c>
      <c r="B7688" s="22">
        <v>3.5216529369354248</v>
      </c>
      <c r="C7688" s="21">
        <v>546778.74245846935</v>
      </c>
      <c r="D7688">
        <f t="shared" si="120"/>
        <v>2</v>
      </c>
    </row>
    <row r="7689" spans="1:4" x14ac:dyDescent="0.25">
      <c r="A7689" s="20">
        <v>43876.124999981366</v>
      </c>
      <c r="B7689" s="22">
        <v>3.6604955196380615</v>
      </c>
      <c r="C7689" s="21">
        <v>568335.71417865739</v>
      </c>
      <c r="D7689">
        <f t="shared" si="120"/>
        <v>3</v>
      </c>
    </row>
    <row r="7690" spans="1:4" x14ac:dyDescent="0.25">
      <c r="A7690" s="20">
        <v>43876.166666648031</v>
      </c>
      <c r="B7690" s="22">
        <v>3.7225298881530762</v>
      </c>
      <c r="C7690" s="21">
        <v>577967.29191026697</v>
      </c>
      <c r="D7690">
        <f t="shared" si="120"/>
        <v>4</v>
      </c>
    </row>
    <row r="7691" spans="1:4" x14ac:dyDescent="0.25">
      <c r="A7691" s="20">
        <v>43876.208333314695</v>
      </c>
      <c r="B7691" s="22">
        <v>3.8079643249511719</v>
      </c>
      <c r="C7691" s="21">
        <v>591232.01014106499</v>
      </c>
      <c r="D7691">
        <f t="shared" si="120"/>
        <v>5</v>
      </c>
    </row>
    <row r="7692" spans="1:4" x14ac:dyDescent="0.25">
      <c r="A7692" s="20">
        <v>43876.249999981359</v>
      </c>
      <c r="B7692" s="22">
        <v>4.1371893882751465</v>
      </c>
      <c r="C7692" s="21">
        <v>642348.13922411471</v>
      </c>
      <c r="D7692">
        <f t="shared" si="120"/>
        <v>6</v>
      </c>
    </row>
    <row r="7693" spans="1:4" x14ac:dyDescent="0.25">
      <c r="A7693" s="20">
        <v>43876.291666648023</v>
      </c>
      <c r="B7693" s="22">
        <v>4.0764250755310059</v>
      </c>
      <c r="C7693" s="21">
        <v>632913.75284261443</v>
      </c>
      <c r="D7693">
        <f t="shared" si="120"/>
        <v>7</v>
      </c>
    </row>
    <row r="7694" spans="1:4" x14ac:dyDescent="0.25">
      <c r="A7694" s="20">
        <v>43876.333333314687</v>
      </c>
      <c r="B7694" s="22">
        <v>4.1803450584411621</v>
      </c>
      <c r="C7694" s="21">
        <v>649048.57322084485</v>
      </c>
      <c r="D7694">
        <f t="shared" si="120"/>
        <v>8</v>
      </c>
    </row>
    <row r="7695" spans="1:4" x14ac:dyDescent="0.25">
      <c r="A7695" s="20">
        <v>43876.374999981352</v>
      </c>
      <c r="B7695" s="22">
        <v>3.4852426052093506</v>
      </c>
      <c r="C7695" s="21">
        <v>541125.60293842258</v>
      </c>
      <c r="D7695">
        <f t="shared" si="120"/>
        <v>9</v>
      </c>
    </row>
    <row r="7696" spans="1:4" x14ac:dyDescent="0.25">
      <c r="A7696" s="20">
        <v>43876.416666648016</v>
      </c>
      <c r="B7696" s="22">
        <v>3.1017277240753174</v>
      </c>
      <c r="C7696" s="21">
        <v>481580.3302565958</v>
      </c>
      <c r="D7696">
        <f t="shared" si="120"/>
        <v>10</v>
      </c>
    </row>
    <row r="7697" spans="1:4" x14ac:dyDescent="0.25">
      <c r="A7697" s="20">
        <v>43876.45833331468</v>
      </c>
      <c r="B7697" s="22">
        <v>2.5113251209259033</v>
      </c>
      <c r="C7697" s="21">
        <v>389913.26405921974</v>
      </c>
      <c r="D7697">
        <f t="shared" si="120"/>
        <v>11</v>
      </c>
    </row>
    <row r="7698" spans="1:4" x14ac:dyDescent="0.25">
      <c r="A7698" s="20">
        <v>43876.499999981344</v>
      </c>
      <c r="B7698" s="22">
        <v>2.479644775390625</v>
      </c>
      <c r="C7698" s="21">
        <v>384994.51147268486</v>
      </c>
      <c r="D7698">
        <f t="shared" si="120"/>
        <v>12</v>
      </c>
    </row>
    <row r="7699" spans="1:4" x14ac:dyDescent="0.25">
      <c r="A7699" s="20">
        <v>43876.541666648009</v>
      </c>
      <c r="B7699" s="22">
        <v>2.0806138515472412</v>
      </c>
      <c r="C7699" s="21">
        <v>323040.18756619841</v>
      </c>
      <c r="D7699">
        <f t="shared" si="120"/>
        <v>13</v>
      </c>
    </row>
    <row r="7700" spans="1:4" x14ac:dyDescent="0.25">
      <c r="A7700" s="20">
        <v>43876.583333314673</v>
      </c>
      <c r="B7700" s="22">
        <v>1.9487204551696777</v>
      </c>
      <c r="C7700" s="21">
        <v>302562.16014517233</v>
      </c>
      <c r="D7700">
        <f t="shared" si="120"/>
        <v>14</v>
      </c>
    </row>
    <row r="7701" spans="1:4" x14ac:dyDescent="0.25">
      <c r="A7701" s="20">
        <v>43876.624999981337</v>
      </c>
      <c r="B7701" s="22">
        <v>1.8952256441116333</v>
      </c>
      <c r="C7701" s="21">
        <v>294256.45085406187</v>
      </c>
      <c r="D7701">
        <f t="shared" si="120"/>
        <v>15</v>
      </c>
    </row>
    <row r="7702" spans="1:4" x14ac:dyDescent="0.25">
      <c r="A7702" s="20">
        <v>43876.666666648001</v>
      </c>
      <c r="B7702" s="22">
        <v>2.0224754810333252</v>
      </c>
      <c r="C7702" s="21">
        <v>314013.51012596017</v>
      </c>
      <c r="D7702">
        <f t="shared" si="120"/>
        <v>16</v>
      </c>
    </row>
    <row r="7703" spans="1:4" x14ac:dyDescent="0.25">
      <c r="A7703" s="20">
        <v>43876.708333314666</v>
      </c>
      <c r="B7703" s="22">
        <v>2.1818718910217285</v>
      </c>
      <c r="C7703" s="21">
        <v>338761.70938539557</v>
      </c>
      <c r="D7703">
        <f t="shared" si="120"/>
        <v>17</v>
      </c>
    </row>
    <row r="7704" spans="1:4" x14ac:dyDescent="0.25">
      <c r="A7704" s="20">
        <v>43876.74999998133</v>
      </c>
      <c r="B7704" s="22">
        <v>2.321303129196167</v>
      </c>
      <c r="C7704" s="21">
        <v>360410.07690874097</v>
      </c>
      <c r="D7704">
        <f t="shared" si="120"/>
        <v>18</v>
      </c>
    </row>
    <row r="7705" spans="1:4" x14ac:dyDescent="0.25">
      <c r="A7705" s="20">
        <v>43876.791666647994</v>
      </c>
      <c r="B7705" s="22">
        <v>2.4719893932342529</v>
      </c>
      <c r="C7705" s="21">
        <v>383805.92182360304</v>
      </c>
      <c r="D7705">
        <f t="shared" si="120"/>
        <v>19</v>
      </c>
    </row>
    <row r="7706" spans="1:4" x14ac:dyDescent="0.25">
      <c r="A7706" s="20">
        <v>43876.833333314658</v>
      </c>
      <c r="B7706" s="22">
        <v>2.4827134609222412</v>
      </c>
      <c r="C7706" s="21">
        <v>385470.96160733036</v>
      </c>
      <c r="D7706">
        <f t="shared" si="120"/>
        <v>20</v>
      </c>
    </row>
    <row r="7707" spans="1:4" x14ac:dyDescent="0.25">
      <c r="A7707" s="20">
        <v>43876.874999981323</v>
      </c>
      <c r="B7707" s="22">
        <v>2.3947000503540039</v>
      </c>
      <c r="C7707" s="21">
        <v>371805.82685050805</v>
      </c>
      <c r="D7707">
        <f t="shared" si="120"/>
        <v>21</v>
      </c>
    </row>
    <row r="7708" spans="1:4" x14ac:dyDescent="0.25">
      <c r="A7708" s="20">
        <v>43876.916666647987</v>
      </c>
      <c r="B7708" s="22">
        <v>2.6432487964630127</v>
      </c>
      <c r="C7708" s="21">
        <v>410395.9926819473</v>
      </c>
      <c r="D7708">
        <f t="shared" si="120"/>
        <v>22</v>
      </c>
    </row>
    <row r="7709" spans="1:4" x14ac:dyDescent="0.25">
      <c r="A7709" s="20">
        <v>43876.958333314651</v>
      </c>
      <c r="B7709" s="22">
        <v>2.4715023040771484</v>
      </c>
      <c r="C7709" s="21">
        <v>383730.29540568049</v>
      </c>
      <c r="D7709">
        <f t="shared" si="120"/>
        <v>23</v>
      </c>
    </row>
    <row r="7710" spans="1:4" x14ac:dyDescent="0.25">
      <c r="A7710" s="20">
        <v>43876.999999981315</v>
      </c>
      <c r="B7710" s="22">
        <v>2.2852146625518799</v>
      </c>
      <c r="C7710" s="21">
        <v>354806.91079260776</v>
      </c>
      <c r="D7710">
        <f t="shared" si="120"/>
        <v>0</v>
      </c>
    </row>
    <row r="7711" spans="1:4" x14ac:dyDescent="0.25">
      <c r="A7711" s="20">
        <v>43877.04166664798</v>
      </c>
      <c r="B7711" s="22">
        <v>2.3627889156341553</v>
      </c>
      <c r="C7711" s="21">
        <v>366851.24148250034</v>
      </c>
      <c r="D7711">
        <f t="shared" si="120"/>
        <v>1</v>
      </c>
    </row>
    <row r="7712" spans="1:4" x14ac:dyDescent="0.25">
      <c r="A7712" s="20">
        <v>43877.083333314644</v>
      </c>
      <c r="B7712" s="22">
        <v>2.2721385955810547</v>
      </c>
      <c r="C7712" s="21">
        <v>352776.69498694909</v>
      </c>
      <c r="D7712">
        <f t="shared" si="120"/>
        <v>2</v>
      </c>
    </row>
    <row r="7713" spans="1:4" x14ac:dyDescent="0.25">
      <c r="A7713" s="20">
        <v>43877.124999981308</v>
      </c>
      <c r="B7713" s="22">
        <v>2.2448813915252686</v>
      </c>
      <c r="C7713" s="21">
        <v>348544.68802219525</v>
      </c>
      <c r="D7713">
        <f t="shared" si="120"/>
        <v>3</v>
      </c>
    </row>
    <row r="7714" spans="1:4" x14ac:dyDescent="0.25">
      <c r="A7714" s="20">
        <v>43877.166666647972</v>
      </c>
      <c r="B7714" s="22">
        <v>2.1435868740081787</v>
      </c>
      <c r="C7714" s="21">
        <v>332817.50255055452</v>
      </c>
      <c r="D7714">
        <f t="shared" si="120"/>
        <v>4</v>
      </c>
    </row>
    <row r="7715" spans="1:4" x14ac:dyDescent="0.25">
      <c r="A7715" s="20">
        <v>43877.208333314637</v>
      </c>
      <c r="B7715" s="22">
        <v>2.2831947803497314</v>
      </c>
      <c r="C7715" s="21">
        <v>354493.29992004798</v>
      </c>
      <c r="D7715">
        <f t="shared" si="120"/>
        <v>5</v>
      </c>
    </row>
    <row r="7716" spans="1:4" x14ac:dyDescent="0.25">
      <c r="A7716" s="20">
        <v>43877.249999981301</v>
      </c>
      <c r="B7716" s="22">
        <v>2.4261536598205566</v>
      </c>
      <c r="C7716" s="21">
        <v>376689.37595028599</v>
      </c>
      <c r="D7716">
        <f t="shared" si="120"/>
        <v>6</v>
      </c>
    </row>
    <row r="7717" spans="1:4" x14ac:dyDescent="0.25">
      <c r="A7717" s="20">
        <v>43877.291666647965</v>
      </c>
      <c r="B7717" s="22">
        <v>2.4183118343353271</v>
      </c>
      <c r="C7717" s="21">
        <v>375471.83874427056</v>
      </c>
      <c r="D7717">
        <f t="shared" si="120"/>
        <v>7</v>
      </c>
    </row>
    <row r="7718" spans="1:4" x14ac:dyDescent="0.25">
      <c r="A7718" s="20">
        <v>43877.333333314629</v>
      </c>
      <c r="B7718" s="22">
        <v>2.6516897678375244</v>
      </c>
      <c r="C7718" s="21">
        <v>411706.55445391446</v>
      </c>
      <c r="D7718">
        <f t="shared" si="120"/>
        <v>8</v>
      </c>
    </row>
    <row r="7719" spans="1:4" x14ac:dyDescent="0.25">
      <c r="A7719" s="20">
        <v>43877.374999981294</v>
      </c>
      <c r="B7719" s="22">
        <v>2.5647053718566895</v>
      </c>
      <c r="C7719" s="21">
        <v>398201.1865202706</v>
      </c>
      <c r="D7719">
        <f t="shared" si="120"/>
        <v>9</v>
      </c>
    </row>
    <row r="7720" spans="1:4" x14ac:dyDescent="0.25">
      <c r="A7720" s="20">
        <v>43877.416666647958</v>
      </c>
      <c r="B7720" s="22">
        <v>2.1925346851348877</v>
      </c>
      <c r="C7720" s="21">
        <v>340417.23571371124</v>
      </c>
      <c r="D7720">
        <f t="shared" si="120"/>
        <v>10</v>
      </c>
    </row>
    <row r="7721" spans="1:4" x14ac:dyDescent="0.25">
      <c r="A7721" s="20">
        <v>43877.458333314622</v>
      </c>
      <c r="B7721" s="22">
        <v>2.0782504081726074</v>
      </c>
      <c r="C7721" s="21">
        <v>322673.23471212795</v>
      </c>
      <c r="D7721">
        <f t="shared" si="120"/>
        <v>11</v>
      </c>
    </row>
    <row r="7722" spans="1:4" x14ac:dyDescent="0.25">
      <c r="A7722" s="20">
        <v>43877.499999981286</v>
      </c>
      <c r="B7722" s="22">
        <v>1.8252811431884766</v>
      </c>
      <c r="C7722" s="21">
        <v>283396.73044960626</v>
      </c>
      <c r="D7722">
        <f t="shared" si="120"/>
        <v>12</v>
      </c>
    </row>
    <row r="7723" spans="1:4" x14ac:dyDescent="0.25">
      <c r="A7723" s="20">
        <v>43877.54166664795</v>
      </c>
      <c r="B7723" s="22">
        <v>1.9194364547729492</v>
      </c>
      <c r="C7723" s="21">
        <v>298015.46880510799</v>
      </c>
      <c r="D7723">
        <f t="shared" si="120"/>
        <v>13</v>
      </c>
    </row>
    <row r="7724" spans="1:4" x14ac:dyDescent="0.25">
      <c r="A7724" s="20">
        <v>43877.583333314615</v>
      </c>
      <c r="B7724" s="22">
        <v>1.7486376762390137</v>
      </c>
      <c r="C7724" s="21">
        <v>271496.91544036445</v>
      </c>
      <c r="D7724">
        <f t="shared" si="120"/>
        <v>14</v>
      </c>
    </row>
    <row r="7725" spans="1:4" x14ac:dyDescent="0.25">
      <c r="A7725" s="20">
        <v>43877.624999981279</v>
      </c>
      <c r="B7725" s="22">
        <v>1.5541563034057617</v>
      </c>
      <c r="C7725" s="21">
        <v>241301.35603299737</v>
      </c>
      <c r="D7725">
        <f t="shared" si="120"/>
        <v>15</v>
      </c>
    </row>
    <row r="7726" spans="1:4" x14ac:dyDescent="0.25">
      <c r="A7726" s="20">
        <v>43877.666666647943</v>
      </c>
      <c r="B7726" s="22">
        <v>1.6652467250823975</v>
      </c>
      <c r="C7726" s="21">
        <v>258549.47279841325</v>
      </c>
      <c r="D7726">
        <f t="shared" si="120"/>
        <v>16</v>
      </c>
    </row>
    <row r="7727" spans="1:4" x14ac:dyDescent="0.25">
      <c r="A7727" s="20">
        <v>43877.708333314607</v>
      </c>
      <c r="B7727" s="22">
        <v>1.8554680347442627</v>
      </c>
      <c r="C7727" s="21">
        <v>288083.60644198215</v>
      </c>
      <c r="D7727">
        <f t="shared" si="120"/>
        <v>17</v>
      </c>
    </row>
    <row r="7728" spans="1:4" x14ac:dyDescent="0.25">
      <c r="A7728" s="20">
        <v>43877.749999981272</v>
      </c>
      <c r="B7728" s="22">
        <v>1.9421367645263672</v>
      </c>
      <c r="C7728" s="21">
        <v>301539.96342245449</v>
      </c>
      <c r="D7728">
        <f t="shared" si="120"/>
        <v>18</v>
      </c>
    </row>
    <row r="7729" spans="1:4" x14ac:dyDescent="0.25">
      <c r="A7729" s="20">
        <v>43877.791666647936</v>
      </c>
      <c r="B7729" s="22">
        <v>1.9362754821777344</v>
      </c>
      <c r="C7729" s="21">
        <v>300629.92922852049</v>
      </c>
      <c r="D7729">
        <f t="shared" si="120"/>
        <v>19</v>
      </c>
    </row>
    <row r="7730" spans="1:4" x14ac:dyDescent="0.25">
      <c r="A7730" s="20">
        <v>43877.8333333146</v>
      </c>
      <c r="B7730" s="22">
        <v>1.8996162414550781</v>
      </c>
      <c r="C7730" s="21">
        <v>294938.14360944723</v>
      </c>
      <c r="D7730">
        <f t="shared" si="120"/>
        <v>20</v>
      </c>
    </row>
    <row r="7731" spans="1:4" x14ac:dyDescent="0.25">
      <c r="A7731" s="20">
        <v>43877.874999981264</v>
      </c>
      <c r="B7731" s="22">
        <v>2.0817124843597412</v>
      </c>
      <c r="C7731" s="21">
        <v>323210.76345155668</v>
      </c>
      <c r="D7731">
        <f t="shared" si="120"/>
        <v>21</v>
      </c>
    </row>
    <row r="7732" spans="1:4" x14ac:dyDescent="0.25">
      <c r="A7732" s="20">
        <v>43877.916666647929</v>
      </c>
      <c r="B7732" s="22">
        <v>2.0335297584533691</v>
      </c>
      <c r="C7732" s="21">
        <v>315729.81892036926</v>
      </c>
      <c r="D7732">
        <f t="shared" si="120"/>
        <v>22</v>
      </c>
    </row>
    <row r="7733" spans="1:4" x14ac:dyDescent="0.25">
      <c r="A7733" s="20">
        <v>43877.958333314593</v>
      </c>
      <c r="B7733" s="22">
        <v>1.8150371313095093</v>
      </c>
      <c r="C7733" s="21">
        <v>281806.22507238254</v>
      </c>
      <c r="D7733">
        <f t="shared" si="120"/>
        <v>23</v>
      </c>
    </row>
    <row r="7734" spans="1:4" x14ac:dyDescent="0.25">
      <c r="A7734" s="20">
        <v>43877.999999981257</v>
      </c>
      <c r="B7734" s="22">
        <v>1.9293227195739746</v>
      </c>
      <c r="C7734" s="21">
        <v>299550.42966931517</v>
      </c>
      <c r="D7734">
        <f t="shared" si="120"/>
        <v>0</v>
      </c>
    </row>
    <row r="7735" spans="1:4" x14ac:dyDescent="0.25">
      <c r="A7735" s="20">
        <v>43878.041666647921</v>
      </c>
      <c r="B7735" s="22">
        <v>2.1029338836669922</v>
      </c>
      <c r="C7735" s="21">
        <v>326505.63953225448</v>
      </c>
      <c r="D7735">
        <f t="shared" si="120"/>
        <v>1</v>
      </c>
    </row>
    <row r="7736" spans="1:4" x14ac:dyDescent="0.25">
      <c r="A7736" s="20">
        <v>43878.083333314586</v>
      </c>
      <c r="B7736" s="22">
        <v>2.1966762542724609</v>
      </c>
      <c r="C7736" s="21">
        <v>341060.263861402</v>
      </c>
      <c r="D7736">
        <f t="shared" si="120"/>
        <v>2</v>
      </c>
    </row>
    <row r="7737" spans="1:4" x14ac:dyDescent="0.25">
      <c r="A7737" s="20">
        <v>43878.12499998125</v>
      </c>
      <c r="B7737" s="22">
        <v>2.2247953414916992</v>
      </c>
      <c r="C7737" s="21">
        <v>345426.08849663549</v>
      </c>
      <c r="D7737">
        <f t="shared" si="120"/>
        <v>3</v>
      </c>
    </row>
    <row r="7738" spans="1:4" x14ac:dyDescent="0.25">
      <c r="A7738" s="20">
        <v>43878.166666647914</v>
      </c>
      <c r="B7738" s="22">
        <v>2.2565162181854248</v>
      </c>
      <c r="C7738" s="21">
        <v>350351.13403032982</v>
      </c>
      <c r="D7738">
        <f t="shared" si="120"/>
        <v>4</v>
      </c>
    </row>
    <row r="7739" spans="1:4" x14ac:dyDescent="0.25">
      <c r="A7739" s="20">
        <v>43878.208333314578</v>
      </c>
      <c r="B7739" s="22">
        <v>2.5877096652984619</v>
      </c>
      <c r="C7739" s="21">
        <v>401772.87824131333</v>
      </c>
      <c r="D7739">
        <f t="shared" si="120"/>
        <v>5</v>
      </c>
    </row>
    <row r="7740" spans="1:4" x14ac:dyDescent="0.25">
      <c r="A7740" s="20">
        <v>43878.249999981243</v>
      </c>
      <c r="B7740" s="22">
        <v>2.7928881645202637</v>
      </c>
      <c r="C7740" s="21">
        <v>433629.29447341344</v>
      </c>
      <c r="D7740">
        <f t="shared" si="120"/>
        <v>6</v>
      </c>
    </row>
    <row r="7741" spans="1:4" x14ac:dyDescent="0.25">
      <c r="A7741" s="20">
        <v>43878.291666647907</v>
      </c>
      <c r="B7741" s="22">
        <v>2.8446500301361084</v>
      </c>
      <c r="C7741" s="21">
        <v>441665.94325611962</v>
      </c>
      <c r="D7741">
        <f t="shared" si="120"/>
        <v>7</v>
      </c>
    </row>
    <row r="7742" spans="1:4" x14ac:dyDescent="0.25">
      <c r="A7742" s="20">
        <v>43878.333333314571</v>
      </c>
      <c r="B7742" s="22">
        <v>2.4976005554199219</v>
      </c>
      <c r="C7742" s="21">
        <v>387782.36109900929</v>
      </c>
      <c r="D7742">
        <f t="shared" si="120"/>
        <v>8</v>
      </c>
    </row>
    <row r="7743" spans="1:4" x14ac:dyDescent="0.25">
      <c r="A7743" s="20">
        <v>43878.374999981235</v>
      </c>
      <c r="B7743" s="22">
        <v>2.2308757305145264</v>
      </c>
      <c r="C7743" s="21">
        <v>346370.14162256697</v>
      </c>
      <c r="D7743">
        <f t="shared" si="120"/>
        <v>9</v>
      </c>
    </row>
    <row r="7744" spans="1:4" x14ac:dyDescent="0.25">
      <c r="A7744" s="20">
        <v>43878.4166666479</v>
      </c>
      <c r="B7744" s="22">
        <v>1.8689712285995483</v>
      </c>
      <c r="C7744" s="21">
        <v>290180.13880550093</v>
      </c>
      <c r="D7744">
        <f t="shared" si="120"/>
        <v>10</v>
      </c>
    </row>
    <row r="7745" spans="1:4" x14ac:dyDescent="0.25">
      <c r="A7745" s="20">
        <v>43878.458333314564</v>
      </c>
      <c r="B7745" s="22">
        <v>1.8422155380249023</v>
      </c>
      <c r="C7745" s="21">
        <v>286025.99780751165</v>
      </c>
      <c r="D7745">
        <f t="shared" si="120"/>
        <v>11</v>
      </c>
    </row>
    <row r="7746" spans="1:4" x14ac:dyDescent="0.25">
      <c r="A7746" s="20">
        <v>43878.499999981228</v>
      </c>
      <c r="B7746" s="22">
        <v>1.6497887372970581</v>
      </c>
      <c r="C7746" s="21">
        <v>256149.43529512617</v>
      </c>
      <c r="D7746">
        <f t="shared" si="120"/>
        <v>12</v>
      </c>
    </row>
    <row r="7747" spans="1:4" x14ac:dyDescent="0.25">
      <c r="A7747" s="20">
        <v>43878.541666647892</v>
      </c>
      <c r="B7747" s="22">
        <v>1.4399162530899048</v>
      </c>
      <c r="C7747" s="21">
        <v>223564.22174728516</v>
      </c>
      <c r="D7747">
        <f t="shared" si="120"/>
        <v>13</v>
      </c>
    </row>
    <row r="7748" spans="1:4" x14ac:dyDescent="0.25">
      <c r="A7748" s="20">
        <v>43878.583333314557</v>
      </c>
      <c r="B7748" s="22">
        <v>1.3640047311782837</v>
      </c>
      <c r="C7748" s="21">
        <v>211778.0499602764</v>
      </c>
      <c r="D7748">
        <f t="shared" si="120"/>
        <v>14</v>
      </c>
    </row>
    <row r="7749" spans="1:4" x14ac:dyDescent="0.25">
      <c r="A7749" s="20">
        <v>43878.624999981221</v>
      </c>
      <c r="B7749" s="22">
        <v>1.2830957174301147</v>
      </c>
      <c r="C7749" s="21">
        <v>199215.95778850318</v>
      </c>
      <c r="D7749">
        <f t="shared" si="120"/>
        <v>15</v>
      </c>
    </row>
    <row r="7750" spans="1:4" x14ac:dyDescent="0.25">
      <c r="A7750" s="20">
        <v>43878.666666647885</v>
      </c>
      <c r="B7750" s="22">
        <v>1.2514365911483765</v>
      </c>
      <c r="C7750" s="21">
        <v>194300.49974489294</v>
      </c>
      <c r="D7750">
        <f t="shared" si="120"/>
        <v>16</v>
      </c>
    </row>
    <row r="7751" spans="1:4" x14ac:dyDescent="0.25">
      <c r="A7751" s="20">
        <v>43878.708333314549</v>
      </c>
      <c r="B7751" s="22">
        <v>1.4443163871765137</v>
      </c>
      <c r="C7751" s="21">
        <v>224247.39519611973</v>
      </c>
      <c r="D7751">
        <f t="shared" ref="D7751:D7814" si="121">HOUR(A7751)</f>
        <v>17</v>
      </c>
    </row>
    <row r="7752" spans="1:4" x14ac:dyDescent="0.25">
      <c r="A7752" s="20">
        <v>43878.749999981213</v>
      </c>
      <c r="B7752" s="22">
        <v>1.6418554782867432</v>
      </c>
      <c r="C7752" s="21">
        <v>254917.70194066557</v>
      </c>
      <c r="D7752">
        <f t="shared" si="121"/>
        <v>18</v>
      </c>
    </row>
    <row r="7753" spans="1:4" x14ac:dyDescent="0.25">
      <c r="A7753" s="20">
        <v>43878.791666647878</v>
      </c>
      <c r="B7753" s="22">
        <v>1.9827792644500732</v>
      </c>
      <c r="C7753" s="21">
        <v>307850.19767796033</v>
      </c>
      <c r="D7753">
        <f t="shared" si="121"/>
        <v>19</v>
      </c>
    </row>
    <row r="7754" spans="1:4" x14ac:dyDescent="0.25">
      <c r="A7754" s="20">
        <v>43878.833333314542</v>
      </c>
      <c r="B7754" s="22">
        <v>2.0030879974365234</v>
      </c>
      <c r="C7754" s="21">
        <v>311003.37139556097</v>
      </c>
      <c r="D7754">
        <f t="shared" si="121"/>
        <v>20</v>
      </c>
    </row>
    <row r="7755" spans="1:4" x14ac:dyDescent="0.25">
      <c r="A7755" s="20">
        <v>43878.874999981206</v>
      </c>
      <c r="B7755" s="22">
        <v>1.714531421661377</v>
      </c>
      <c r="C7755" s="21">
        <v>266201.51145766623</v>
      </c>
      <c r="D7755">
        <f t="shared" si="121"/>
        <v>21</v>
      </c>
    </row>
    <row r="7756" spans="1:4" x14ac:dyDescent="0.25">
      <c r="A7756" s="20">
        <v>43878.91666664787</v>
      </c>
      <c r="B7756" s="22">
        <v>1.5859163999557495</v>
      </c>
      <c r="C7756" s="21">
        <v>246232.49091850192</v>
      </c>
      <c r="D7756">
        <f t="shared" si="121"/>
        <v>22</v>
      </c>
    </row>
    <row r="7757" spans="1:4" x14ac:dyDescent="0.25">
      <c r="A7757" s="20">
        <v>43878.958333314535</v>
      </c>
      <c r="B7757" s="22">
        <v>1.5661611557006836</v>
      </c>
      <c r="C7757" s="21">
        <v>243165.25294696444</v>
      </c>
      <c r="D7757">
        <f t="shared" si="121"/>
        <v>23</v>
      </c>
    </row>
    <row r="7758" spans="1:4" x14ac:dyDescent="0.25">
      <c r="A7758" s="20">
        <v>43878.999999981199</v>
      </c>
      <c r="B7758" s="22">
        <v>1.600536584854126</v>
      </c>
      <c r="C7758" s="21">
        <v>248502.44950226886</v>
      </c>
      <c r="D7758">
        <f t="shared" si="121"/>
        <v>0</v>
      </c>
    </row>
    <row r="7759" spans="1:4" x14ac:dyDescent="0.25">
      <c r="A7759" s="20">
        <v>43879.041666647863</v>
      </c>
      <c r="B7759" s="22">
        <v>1.5577520132064819</v>
      </c>
      <c r="C7759" s="21">
        <v>241859.63298938432</v>
      </c>
      <c r="D7759">
        <f t="shared" si="121"/>
        <v>1</v>
      </c>
    </row>
    <row r="7760" spans="1:4" x14ac:dyDescent="0.25">
      <c r="A7760" s="20">
        <v>43879.083333314527</v>
      </c>
      <c r="B7760" s="22">
        <v>1.6689265966415405</v>
      </c>
      <c r="C7760" s="21">
        <v>259120.81687449018</v>
      </c>
      <c r="D7760">
        <f t="shared" si="121"/>
        <v>2</v>
      </c>
    </row>
    <row r="7761" spans="1:4" x14ac:dyDescent="0.25">
      <c r="A7761" s="20">
        <v>43879.124999981192</v>
      </c>
      <c r="B7761" s="22">
        <v>1.5925489664077759</v>
      </c>
      <c r="C7761" s="21">
        <v>247262.27619514737</v>
      </c>
      <c r="D7761">
        <f t="shared" si="121"/>
        <v>3</v>
      </c>
    </row>
    <row r="7762" spans="1:4" x14ac:dyDescent="0.25">
      <c r="A7762" s="20">
        <v>43879.166666647856</v>
      </c>
      <c r="B7762" s="22">
        <v>1.6535481214523315</v>
      </c>
      <c r="C7762" s="21">
        <v>256733.12465283653</v>
      </c>
      <c r="D7762">
        <f t="shared" si="121"/>
        <v>4</v>
      </c>
    </row>
    <row r="7763" spans="1:4" x14ac:dyDescent="0.25">
      <c r="A7763" s="20">
        <v>43879.20833331452</v>
      </c>
      <c r="B7763" s="22">
        <v>1.8119641542434692</v>
      </c>
      <c r="C7763" s="21">
        <v>281329.10862568486</v>
      </c>
      <c r="D7763">
        <f t="shared" si="121"/>
        <v>5</v>
      </c>
    </row>
    <row r="7764" spans="1:4" x14ac:dyDescent="0.25">
      <c r="A7764" s="20">
        <v>43879.249999981184</v>
      </c>
      <c r="B7764" s="22">
        <v>2.0823688507080078</v>
      </c>
      <c r="C7764" s="21">
        <v>323312.67217820411</v>
      </c>
      <c r="D7764">
        <f t="shared" si="121"/>
        <v>6</v>
      </c>
    </row>
    <row r="7765" spans="1:4" x14ac:dyDescent="0.25">
      <c r="A7765" s="20">
        <v>43879.291666647849</v>
      </c>
      <c r="B7765" s="22">
        <v>1.8387808799743652</v>
      </c>
      <c r="C7765" s="21">
        <v>285492.72606174962</v>
      </c>
      <c r="D7765">
        <f t="shared" si="121"/>
        <v>7</v>
      </c>
    </row>
    <row r="7766" spans="1:4" x14ac:dyDescent="0.25">
      <c r="A7766" s="20">
        <v>43879.333333314513</v>
      </c>
      <c r="B7766" s="22">
        <v>1.8852940797805786</v>
      </c>
      <c r="C7766" s="21">
        <v>292714.45669597061</v>
      </c>
      <c r="D7766">
        <f t="shared" si="121"/>
        <v>8</v>
      </c>
    </row>
    <row r="7767" spans="1:4" x14ac:dyDescent="0.25">
      <c r="A7767" s="20">
        <v>43879.374999981177</v>
      </c>
      <c r="B7767" s="22">
        <v>1.7687453031539917</v>
      </c>
      <c r="C7767" s="21">
        <v>274618.86503485317</v>
      </c>
      <c r="D7767">
        <f t="shared" si="121"/>
        <v>9</v>
      </c>
    </row>
    <row r="7768" spans="1:4" x14ac:dyDescent="0.25">
      <c r="A7768" s="20">
        <v>43879.416666647841</v>
      </c>
      <c r="B7768" s="22">
        <v>1.6747812032699585</v>
      </c>
      <c r="C7768" s="21">
        <v>260029.81458300969</v>
      </c>
      <c r="D7768">
        <f t="shared" si="121"/>
        <v>10</v>
      </c>
    </row>
    <row r="7769" spans="1:4" x14ac:dyDescent="0.25">
      <c r="A7769" s="20">
        <v>43879.458333314506</v>
      </c>
      <c r="B7769" s="22">
        <v>1.4739899635314941</v>
      </c>
      <c r="C7769" s="21">
        <v>228854.57286358764</v>
      </c>
      <c r="D7769">
        <f t="shared" si="121"/>
        <v>11</v>
      </c>
    </row>
    <row r="7770" spans="1:4" x14ac:dyDescent="0.25">
      <c r="A7770" s="20">
        <v>43879.49999998117</v>
      </c>
      <c r="B7770" s="22">
        <v>1.4904320240020752</v>
      </c>
      <c r="C7770" s="21">
        <v>231407.39942217345</v>
      </c>
      <c r="D7770">
        <f t="shared" si="121"/>
        <v>12</v>
      </c>
    </row>
    <row r="7771" spans="1:4" x14ac:dyDescent="0.25">
      <c r="A7771" s="20">
        <v>43879.541666647834</v>
      </c>
      <c r="B7771" s="22">
        <v>1.4556363821029663</v>
      </c>
      <c r="C7771" s="21">
        <v>226004.95981175965</v>
      </c>
      <c r="D7771">
        <f t="shared" si="121"/>
        <v>13</v>
      </c>
    </row>
    <row r="7772" spans="1:4" x14ac:dyDescent="0.25">
      <c r="A7772" s="20">
        <v>43879.583333314498</v>
      </c>
      <c r="B7772" s="22">
        <v>1.7208387851715088</v>
      </c>
      <c r="C7772" s="21">
        <v>267180.80508769082</v>
      </c>
      <c r="D7772">
        <f t="shared" si="121"/>
        <v>14</v>
      </c>
    </row>
    <row r="7773" spans="1:4" x14ac:dyDescent="0.25">
      <c r="A7773" s="20">
        <v>43879.624999981163</v>
      </c>
      <c r="B7773" s="22">
        <v>1.5314453840255737</v>
      </c>
      <c r="C7773" s="21">
        <v>237775.21414418847</v>
      </c>
      <c r="D7773">
        <f t="shared" si="121"/>
        <v>15</v>
      </c>
    </row>
    <row r="7774" spans="1:4" x14ac:dyDescent="0.25">
      <c r="A7774" s="20">
        <v>43879.666666647827</v>
      </c>
      <c r="B7774" s="22">
        <v>1.4784418344497681</v>
      </c>
      <c r="C7774" s="21">
        <v>229545.77907438463</v>
      </c>
      <c r="D7774">
        <f t="shared" si="121"/>
        <v>16</v>
      </c>
    </row>
    <row r="7775" spans="1:4" x14ac:dyDescent="0.25">
      <c r="A7775" s="20">
        <v>43879.708333314491</v>
      </c>
      <c r="B7775" s="22">
        <v>1.809736967086792</v>
      </c>
      <c r="C7775" s="21">
        <v>280983.31117927108</v>
      </c>
      <c r="D7775">
        <f t="shared" si="121"/>
        <v>17</v>
      </c>
    </row>
    <row r="7776" spans="1:4" x14ac:dyDescent="0.25">
      <c r="A7776" s="20">
        <v>43879.749999981155</v>
      </c>
      <c r="B7776" s="22">
        <v>1.7231283187866211</v>
      </c>
      <c r="C7776" s="21">
        <v>267536.2825675293</v>
      </c>
      <c r="D7776">
        <f t="shared" si="121"/>
        <v>18</v>
      </c>
    </row>
    <row r="7777" spans="1:4" x14ac:dyDescent="0.25">
      <c r="A7777" s="20">
        <v>43879.79166664782</v>
      </c>
      <c r="B7777" s="22">
        <v>1.8665827512741089</v>
      </c>
      <c r="C7777" s="21">
        <v>289809.29913112608</v>
      </c>
      <c r="D7777">
        <f t="shared" si="121"/>
        <v>19</v>
      </c>
    </row>
    <row r="7778" spans="1:4" x14ac:dyDescent="0.25">
      <c r="A7778" s="20">
        <v>43879.833333314484</v>
      </c>
      <c r="B7778" s="22">
        <v>1.8781012296676636</v>
      </c>
      <c r="C7778" s="21">
        <v>291597.68067917938</v>
      </c>
      <c r="D7778">
        <f t="shared" si="121"/>
        <v>20</v>
      </c>
    </row>
    <row r="7779" spans="1:4" x14ac:dyDescent="0.25">
      <c r="A7779" s="20">
        <v>43879.874999981148</v>
      </c>
      <c r="B7779" s="22">
        <v>1.7281163930892944</v>
      </c>
      <c r="C7779" s="21">
        <v>268310.7407675127</v>
      </c>
      <c r="D7779">
        <f t="shared" si="121"/>
        <v>21</v>
      </c>
    </row>
    <row r="7780" spans="1:4" x14ac:dyDescent="0.25">
      <c r="A7780" s="20">
        <v>43879.916666647812</v>
      </c>
      <c r="B7780" s="22">
        <v>1.6893850564956665</v>
      </c>
      <c r="C7780" s="21">
        <v>262297.23747924477</v>
      </c>
      <c r="D7780">
        <f t="shared" si="121"/>
        <v>22</v>
      </c>
    </row>
    <row r="7781" spans="1:4" x14ac:dyDescent="0.25">
      <c r="A7781" s="20">
        <v>43879.958333314476</v>
      </c>
      <c r="B7781" s="22">
        <v>1.7139455080032349</v>
      </c>
      <c r="C7781" s="21">
        <v>266110.54135387548</v>
      </c>
      <c r="D7781">
        <f t="shared" si="121"/>
        <v>23</v>
      </c>
    </row>
    <row r="7782" spans="1:4" x14ac:dyDescent="0.25">
      <c r="A7782" s="20">
        <v>43879.999999981141</v>
      </c>
      <c r="B7782" s="22">
        <v>1.4670839309692383</v>
      </c>
      <c r="C7782" s="21">
        <v>227782.32870228382</v>
      </c>
      <c r="D7782">
        <f t="shared" si="121"/>
        <v>0</v>
      </c>
    </row>
    <row r="7783" spans="1:4" x14ac:dyDescent="0.25">
      <c r="A7783" s="20">
        <v>43880.041666647805</v>
      </c>
      <c r="B7783" s="22">
        <v>1.6058218479156494</v>
      </c>
      <c r="C7783" s="21">
        <v>249323.04981186579</v>
      </c>
      <c r="D7783">
        <f t="shared" si="121"/>
        <v>1</v>
      </c>
    </row>
    <row r="7784" spans="1:4" x14ac:dyDescent="0.25">
      <c r="A7784" s="20">
        <v>43880.083333314469</v>
      </c>
      <c r="B7784" s="22">
        <v>1.6576858758926392</v>
      </c>
      <c r="C7784" s="21">
        <v>257375.56052314752</v>
      </c>
      <c r="D7784">
        <f t="shared" si="121"/>
        <v>2</v>
      </c>
    </row>
    <row r="7785" spans="1:4" x14ac:dyDescent="0.25">
      <c r="A7785" s="20">
        <v>43880.124999981133</v>
      </c>
      <c r="B7785" s="22">
        <v>1.6511985063552856</v>
      </c>
      <c r="C7785" s="21">
        <v>256368.31880426753</v>
      </c>
      <c r="D7785">
        <f t="shared" si="121"/>
        <v>3</v>
      </c>
    </row>
    <row r="7786" spans="1:4" x14ac:dyDescent="0.25">
      <c r="A7786" s="20">
        <v>43880.166666647798</v>
      </c>
      <c r="B7786" s="22">
        <v>1.78917396068573</v>
      </c>
      <c r="C7786" s="21">
        <v>277790.65847257874</v>
      </c>
      <c r="D7786">
        <f t="shared" si="121"/>
        <v>4</v>
      </c>
    </row>
    <row r="7787" spans="1:4" x14ac:dyDescent="0.25">
      <c r="A7787" s="20">
        <v>43880.208333314462</v>
      </c>
      <c r="B7787" s="22">
        <v>2.0542800426483154</v>
      </c>
      <c r="C7787" s="21">
        <v>318951.54874467209</v>
      </c>
      <c r="D7787">
        <f t="shared" si="121"/>
        <v>5</v>
      </c>
    </row>
    <row r="7788" spans="1:4" x14ac:dyDescent="0.25">
      <c r="A7788" s="20">
        <v>43880.249999981126</v>
      </c>
      <c r="B7788" s="22">
        <v>2.3708412647247314</v>
      </c>
      <c r="C7788" s="21">
        <v>368101.46499640885</v>
      </c>
      <c r="D7788">
        <f t="shared" si="121"/>
        <v>6</v>
      </c>
    </row>
    <row r="7789" spans="1:4" x14ac:dyDescent="0.25">
      <c r="A7789" s="20">
        <v>43880.29166664779</v>
      </c>
      <c r="B7789" s="22">
        <v>2.3899917602539063</v>
      </c>
      <c r="C7789" s="21">
        <v>371074.80849459319</v>
      </c>
      <c r="D7789">
        <f t="shared" si="121"/>
        <v>7</v>
      </c>
    </row>
    <row r="7790" spans="1:4" x14ac:dyDescent="0.25">
      <c r="A7790" s="20">
        <v>43880.333333314455</v>
      </c>
      <c r="B7790" s="22">
        <v>2.2971880435943604</v>
      </c>
      <c r="C7790" s="21">
        <v>356665.92141819221</v>
      </c>
      <c r="D7790">
        <f t="shared" si="121"/>
        <v>8</v>
      </c>
    </row>
    <row r="7791" spans="1:4" x14ac:dyDescent="0.25">
      <c r="A7791" s="20">
        <v>43880.374999981119</v>
      </c>
      <c r="B7791" s="22">
        <v>2.47981858253479</v>
      </c>
      <c r="C7791" s="21">
        <v>385021.4971107982</v>
      </c>
      <c r="D7791">
        <f t="shared" si="121"/>
        <v>9</v>
      </c>
    </row>
    <row r="7792" spans="1:4" x14ac:dyDescent="0.25">
      <c r="A7792" s="20">
        <v>43880.416666647783</v>
      </c>
      <c r="B7792" s="22">
        <v>2.3101084232330322</v>
      </c>
      <c r="C7792" s="21">
        <v>358671.96490329114</v>
      </c>
      <c r="D7792">
        <f t="shared" si="121"/>
        <v>10</v>
      </c>
    </row>
    <row r="7793" spans="1:4" x14ac:dyDescent="0.25">
      <c r="A7793" s="20">
        <v>43880.458333314447</v>
      </c>
      <c r="B7793" s="22">
        <v>2.0879623889923096</v>
      </c>
      <c r="C7793" s="21">
        <v>324181.13590354932</v>
      </c>
      <c r="D7793">
        <f t="shared" si="121"/>
        <v>11</v>
      </c>
    </row>
    <row r="7794" spans="1:4" x14ac:dyDescent="0.25">
      <c r="A7794" s="20">
        <v>43880.499999981112</v>
      </c>
      <c r="B7794" s="22">
        <v>1.9481115341186523</v>
      </c>
      <c r="C7794" s="21">
        <v>302467.6178684351</v>
      </c>
      <c r="D7794">
        <f t="shared" si="121"/>
        <v>12</v>
      </c>
    </row>
    <row r="7795" spans="1:4" x14ac:dyDescent="0.25">
      <c r="A7795" s="20">
        <v>43880.541666647776</v>
      </c>
      <c r="B7795" s="22">
        <v>1.6774177551269531</v>
      </c>
      <c r="C7795" s="21">
        <v>260439.17079573424</v>
      </c>
      <c r="D7795">
        <f t="shared" si="121"/>
        <v>13</v>
      </c>
    </row>
    <row r="7796" spans="1:4" x14ac:dyDescent="0.25">
      <c r="A7796" s="20">
        <v>43880.58333331444</v>
      </c>
      <c r="B7796" s="22">
        <v>1.5426695346832275</v>
      </c>
      <c r="C7796" s="21">
        <v>239517.89779066303</v>
      </c>
      <c r="D7796">
        <f t="shared" si="121"/>
        <v>14</v>
      </c>
    </row>
    <row r="7797" spans="1:4" x14ac:dyDescent="0.25">
      <c r="A7797" s="20">
        <v>43880.624999981104</v>
      </c>
      <c r="B7797" s="22">
        <v>1.6677144765853882</v>
      </c>
      <c r="C7797" s="21">
        <v>258932.62073708535</v>
      </c>
      <c r="D7797">
        <f t="shared" si="121"/>
        <v>15</v>
      </c>
    </row>
    <row r="7798" spans="1:4" x14ac:dyDescent="0.25">
      <c r="A7798" s="20">
        <v>43880.666666647769</v>
      </c>
      <c r="B7798" s="22">
        <v>1.6373230218887329</v>
      </c>
      <c r="C7798" s="21">
        <v>254213.98387022212</v>
      </c>
      <c r="D7798">
        <f t="shared" si="121"/>
        <v>16</v>
      </c>
    </row>
    <row r="7799" spans="1:4" x14ac:dyDescent="0.25">
      <c r="A7799" s="20">
        <v>43880.708333314433</v>
      </c>
      <c r="B7799" s="22">
        <v>1.9913142919540405</v>
      </c>
      <c r="C7799" s="21">
        <v>309175.36278907111</v>
      </c>
      <c r="D7799">
        <f t="shared" si="121"/>
        <v>17</v>
      </c>
    </row>
    <row r="7800" spans="1:4" x14ac:dyDescent="0.25">
      <c r="A7800" s="20">
        <v>43880.749999981097</v>
      </c>
      <c r="B7800" s="22">
        <v>2.0986690521240234</v>
      </c>
      <c r="C7800" s="21">
        <v>325843.47342173167</v>
      </c>
      <c r="D7800">
        <f t="shared" si="121"/>
        <v>18</v>
      </c>
    </row>
    <row r="7801" spans="1:4" x14ac:dyDescent="0.25">
      <c r="A7801" s="20">
        <v>43880.791666647761</v>
      </c>
      <c r="B7801" s="22">
        <v>2.2342042922973633</v>
      </c>
      <c r="C7801" s="21">
        <v>346886.94065370568</v>
      </c>
      <c r="D7801">
        <f t="shared" si="121"/>
        <v>19</v>
      </c>
    </row>
    <row r="7802" spans="1:4" x14ac:dyDescent="0.25">
      <c r="A7802" s="20">
        <v>43880.833333314426</v>
      </c>
      <c r="B7802" s="22">
        <v>2.3030529022216797</v>
      </c>
      <c r="C7802" s="21">
        <v>357576.51087216975</v>
      </c>
      <c r="D7802">
        <f t="shared" si="121"/>
        <v>20</v>
      </c>
    </row>
    <row r="7803" spans="1:4" x14ac:dyDescent="0.25">
      <c r="A7803" s="20">
        <v>43880.87499998109</v>
      </c>
      <c r="B7803" s="22">
        <v>2.8537952899932861</v>
      </c>
      <c r="C7803" s="21">
        <v>443085.85423931689</v>
      </c>
      <c r="D7803">
        <f t="shared" si="121"/>
        <v>21</v>
      </c>
    </row>
    <row r="7804" spans="1:4" x14ac:dyDescent="0.25">
      <c r="A7804" s="20">
        <v>43880.916666647754</v>
      </c>
      <c r="B7804" s="22">
        <v>2.6130242347717285</v>
      </c>
      <c r="C7804" s="21">
        <v>405703.26795044664</v>
      </c>
      <c r="D7804">
        <f t="shared" si="121"/>
        <v>22</v>
      </c>
    </row>
    <row r="7805" spans="1:4" x14ac:dyDescent="0.25">
      <c r="A7805" s="20">
        <v>43880.958333314418</v>
      </c>
      <c r="B7805" s="22">
        <v>2.5033502578735352</v>
      </c>
      <c r="C7805" s="21">
        <v>388675.07117958664</v>
      </c>
      <c r="D7805">
        <f t="shared" si="121"/>
        <v>23</v>
      </c>
    </row>
    <row r="7806" spans="1:4" x14ac:dyDescent="0.25">
      <c r="A7806" s="20">
        <v>43880.999999981083</v>
      </c>
      <c r="B7806" s="22">
        <v>2.4069638252258301</v>
      </c>
      <c r="C7806" s="21">
        <v>373709.92459162336</v>
      </c>
      <c r="D7806">
        <f t="shared" si="121"/>
        <v>0</v>
      </c>
    </row>
    <row r="7807" spans="1:4" x14ac:dyDescent="0.25">
      <c r="A7807" s="20">
        <v>43881.041666647747</v>
      </c>
      <c r="B7807" s="22">
        <v>2.3580403327941895</v>
      </c>
      <c r="C7807" s="21">
        <v>366113.96719676227</v>
      </c>
      <c r="D7807">
        <f t="shared" si="121"/>
        <v>1</v>
      </c>
    </row>
    <row r="7808" spans="1:4" x14ac:dyDescent="0.25">
      <c r="A7808" s="20">
        <v>43881.083333314411</v>
      </c>
      <c r="B7808" s="22">
        <v>2.4515583515167236</v>
      </c>
      <c r="C7808" s="21">
        <v>380633.75821251515</v>
      </c>
      <c r="D7808">
        <f t="shared" si="121"/>
        <v>2</v>
      </c>
    </row>
    <row r="7809" spans="1:4" x14ac:dyDescent="0.25">
      <c r="A7809" s="20">
        <v>43881.124999981075</v>
      </c>
      <c r="B7809" s="22">
        <v>2.4073159694671631</v>
      </c>
      <c r="C7809" s="21">
        <v>373764.59919723839</v>
      </c>
      <c r="D7809">
        <f t="shared" si="121"/>
        <v>3</v>
      </c>
    </row>
    <row r="7810" spans="1:4" x14ac:dyDescent="0.25">
      <c r="A7810" s="20">
        <v>43881.166666647739</v>
      </c>
      <c r="B7810" s="22">
        <v>2.3616573810577393</v>
      </c>
      <c r="C7810" s="21">
        <v>366675.55720474198</v>
      </c>
      <c r="D7810">
        <f t="shared" si="121"/>
        <v>4</v>
      </c>
    </row>
    <row r="7811" spans="1:4" x14ac:dyDescent="0.25">
      <c r="A7811" s="20">
        <v>43881.208333314404</v>
      </c>
      <c r="B7811" s="22">
        <v>2.7462313175201416</v>
      </c>
      <c r="C7811" s="21">
        <v>426385.26089411246</v>
      </c>
      <c r="D7811">
        <f t="shared" si="121"/>
        <v>5</v>
      </c>
    </row>
    <row r="7812" spans="1:4" x14ac:dyDescent="0.25">
      <c r="A7812" s="20">
        <v>43881.249999981068</v>
      </c>
      <c r="B7812" s="22">
        <v>2.6969704627990723</v>
      </c>
      <c r="C7812" s="21">
        <v>418736.92396848276</v>
      </c>
      <c r="D7812">
        <f t="shared" si="121"/>
        <v>6</v>
      </c>
    </row>
    <row r="7813" spans="1:4" x14ac:dyDescent="0.25">
      <c r="A7813" s="20">
        <v>43881.291666647732</v>
      </c>
      <c r="B7813" s="22">
        <v>2.5834293365478516</v>
      </c>
      <c r="C7813" s="21">
        <v>401108.3060039354</v>
      </c>
      <c r="D7813">
        <f t="shared" si="121"/>
        <v>7</v>
      </c>
    </row>
    <row r="7814" spans="1:4" x14ac:dyDescent="0.25">
      <c r="A7814" s="20">
        <v>43881.333333314396</v>
      </c>
      <c r="B7814" s="22">
        <v>2.4713842868804932</v>
      </c>
      <c r="C7814" s="21">
        <v>383711.97182424553</v>
      </c>
      <c r="D7814">
        <f t="shared" si="121"/>
        <v>8</v>
      </c>
    </row>
    <row r="7815" spans="1:4" x14ac:dyDescent="0.25">
      <c r="A7815" s="20">
        <v>43881.374999981061</v>
      </c>
      <c r="B7815" s="22">
        <v>2.6114809513092041</v>
      </c>
      <c r="C7815" s="21">
        <v>405463.65473301517</v>
      </c>
      <c r="D7815">
        <f t="shared" ref="D7815:D7878" si="122">HOUR(A7815)</f>
        <v>9</v>
      </c>
    </row>
    <row r="7816" spans="1:4" x14ac:dyDescent="0.25">
      <c r="A7816" s="20">
        <v>43881.416666647725</v>
      </c>
      <c r="B7816" s="22">
        <v>2.5955889225006104</v>
      </c>
      <c r="C7816" s="21">
        <v>402996.22716911725</v>
      </c>
      <c r="D7816">
        <f t="shared" si="122"/>
        <v>10</v>
      </c>
    </row>
    <row r="7817" spans="1:4" x14ac:dyDescent="0.25">
      <c r="A7817" s="20">
        <v>43881.458333314389</v>
      </c>
      <c r="B7817" s="22">
        <v>2.3764481544494629</v>
      </c>
      <c r="C7817" s="21">
        <v>368972.00169258309</v>
      </c>
      <c r="D7817">
        <f t="shared" si="122"/>
        <v>11</v>
      </c>
    </row>
    <row r="7818" spans="1:4" x14ac:dyDescent="0.25">
      <c r="A7818" s="20">
        <v>43881.499999981053</v>
      </c>
      <c r="B7818" s="22">
        <v>2.2578396797180176</v>
      </c>
      <c r="C7818" s="21">
        <v>350556.61726375518</v>
      </c>
      <c r="D7818">
        <f t="shared" si="122"/>
        <v>12</v>
      </c>
    </row>
    <row r="7819" spans="1:4" x14ac:dyDescent="0.25">
      <c r="A7819" s="20">
        <v>43881.541666647718</v>
      </c>
      <c r="B7819" s="22">
        <v>2.1598513126373291</v>
      </c>
      <c r="C7819" s="21">
        <v>335342.75119364727</v>
      </c>
      <c r="D7819">
        <f t="shared" si="122"/>
        <v>13</v>
      </c>
    </row>
    <row r="7820" spans="1:4" x14ac:dyDescent="0.25">
      <c r="A7820" s="20">
        <v>43881.583333314382</v>
      </c>
      <c r="B7820" s="22">
        <v>2.1682806015014648</v>
      </c>
      <c r="C7820" s="21">
        <v>336651.49911613902</v>
      </c>
      <c r="D7820">
        <f t="shared" si="122"/>
        <v>14</v>
      </c>
    </row>
    <row r="7821" spans="1:4" x14ac:dyDescent="0.25">
      <c r="A7821" s="20">
        <v>43881.624999981046</v>
      </c>
      <c r="B7821" s="22">
        <v>2.1836743354797363</v>
      </c>
      <c r="C7821" s="21">
        <v>339041.56044731155</v>
      </c>
      <c r="D7821">
        <f t="shared" si="122"/>
        <v>15</v>
      </c>
    </row>
    <row r="7822" spans="1:4" x14ac:dyDescent="0.25">
      <c r="A7822" s="20">
        <v>43881.66666664771</v>
      </c>
      <c r="B7822" s="22">
        <v>2.2057497501373291</v>
      </c>
      <c r="C7822" s="21">
        <v>342469.03262639331</v>
      </c>
      <c r="D7822">
        <f t="shared" si="122"/>
        <v>16</v>
      </c>
    </row>
    <row r="7823" spans="1:4" x14ac:dyDescent="0.25">
      <c r="A7823" s="20">
        <v>43881.708333314375</v>
      </c>
      <c r="B7823" s="22">
        <v>2.694650411605835</v>
      </c>
      <c r="C7823" s="21">
        <v>418376.70826960658</v>
      </c>
      <c r="D7823">
        <f t="shared" si="122"/>
        <v>17</v>
      </c>
    </row>
    <row r="7824" spans="1:4" x14ac:dyDescent="0.25">
      <c r="A7824" s="20">
        <v>43881.749999981039</v>
      </c>
      <c r="B7824" s="22">
        <v>2.5631396770477295</v>
      </c>
      <c r="C7824" s="21">
        <v>397958.09367323329</v>
      </c>
      <c r="D7824">
        <f t="shared" si="122"/>
        <v>18</v>
      </c>
    </row>
    <row r="7825" spans="1:4" x14ac:dyDescent="0.25">
      <c r="A7825" s="20">
        <v>43881.791666647703</v>
      </c>
      <c r="B7825" s="22">
        <v>2.656397819519043</v>
      </c>
      <c r="C7825" s="21">
        <v>412437.53579249303</v>
      </c>
      <c r="D7825">
        <f t="shared" si="122"/>
        <v>19</v>
      </c>
    </row>
    <row r="7826" spans="1:4" x14ac:dyDescent="0.25">
      <c r="A7826" s="20">
        <v>43881.833333314367</v>
      </c>
      <c r="B7826" s="22">
        <v>2.8996372222900391</v>
      </c>
      <c r="C7826" s="21">
        <v>450203.36256337597</v>
      </c>
      <c r="D7826">
        <f t="shared" si="122"/>
        <v>20</v>
      </c>
    </row>
    <row r="7827" spans="1:4" x14ac:dyDescent="0.25">
      <c r="A7827" s="20">
        <v>43881.874999981032</v>
      </c>
      <c r="B7827" s="22">
        <v>2.8569536209106445</v>
      </c>
      <c r="C7827" s="21">
        <v>443576.22289238579</v>
      </c>
      <c r="D7827">
        <f t="shared" si="122"/>
        <v>21</v>
      </c>
    </row>
    <row r="7828" spans="1:4" x14ac:dyDescent="0.25">
      <c r="A7828" s="20">
        <v>43881.916666647696</v>
      </c>
      <c r="B7828" s="22">
        <v>2.8398952484130859</v>
      </c>
      <c r="C7828" s="21">
        <v>440927.70651963959</v>
      </c>
      <c r="D7828">
        <f t="shared" si="122"/>
        <v>22</v>
      </c>
    </row>
    <row r="7829" spans="1:4" x14ac:dyDescent="0.25">
      <c r="A7829" s="20">
        <v>43881.95833331436</v>
      </c>
      <c r="B7829" s="22">
        <v>2.7514770030975342</v>
      </c>
      <c r="C7829" s="21">
        <v>427199.71632589481</v>
      </c>
      <c r="D7829">
        <f t="shared" si="122"/>
        <v>23</v>
      </c>
    </row>
    <row r="7830" spans="1:4" x14ac:dyDescent="0.25">
      <c r="A7830" s="20">
        <v>43881.999999981024</v>
      </c>
      <c r="B7830" s="22">
        <v>2.7709345817565918</v>
      </c>
      <c r="C7830" s="21">
        <v>430220.73815314635</v>
      </c>
      <c r="D7830">
        <f t="shared" si="122"/>
        <v>0</v>
      </c>
    </row>
    <row r="7831" spans="1:4" x14ac:dyDescent="0.25">
      <c r="A7831" s="20">
        <v>43882.041666647689</v>
      </c>
      <c r="B7831" s="22">
        <v>2.908097505569458</v>
      </c>
      <c r="C7831" s="21">
        <v>451516.92273957795</v>
      </c>
      <c r="D7831">
        <f t="shared" si="122"/>
        <v>1</v>
      </c>
    </row>
    <row r="7832" spans="1:4" x14ac:dyDescent="0.25">
      <c r="A7832" s="20">
        <v>43882.083333314353</v>
      </c>
      <c r="B7832" s="22">
        <v>2.8983120918273926</v>
      </c>
      <c r="C7832" s="21">
        <v>449997.62020859699</v>
      </c>
      <c r="D7832">
        <f t="shared" si="122"/>
        <v>2</v>
      </c>
    </row>
    <row r="7833" spans="1:4" x14ac:dyDescent="0.25">
      <c r="A7833" s="20">
        <v>43882.124999981017</v>
      </c>
      <c r="B7833" s="22">
        <v>2.8693258762359619</v>
      </c>
      <c r="C7833" s="21">
        <v>445497.16352148674</v>
      </c>
      <c r="D7833">
        <f t="shared" si="122"/>
        <v>3</v>
      </c>
    </row>
    <row r="7834" spans="1:4" x14ac:dyDescent="0.25">
      <c r="A7834" s="20">
        <v>43882.166666647681</v>
      </c>
      <c r="B7834" s="22">
        <v>2.9943692684173584</v>
      </c>
      <c r="C7834" s="21">
        <v>464911.64585522364</v>
      </c>
      <c r="D7834">
        <f t="shared" si="122"/>
        <v>4</v>
      </c>
    </row>
    <row r="7835" spans="1:4" x14ac:dyDescent="0.25">
      <c r="A7835" s="20">
        <v>43882.208333314346</v>
      </c>
      <c r="B7835" s="22">
        <v>3.2917475700378418</v>
      </c>
      <c r="C7835" s="21">
        <v>511083.18425104843</v>
      </c>
      <c r="D7835">
        <f t="shared" si="122"/>
        <v>5</v>
      </c>
    </row>
    <row r="7836" spans="1:4" x14ac:dyDescent="0.25">
      <c r="A7836" s="20">
        <v>43882.24999998101</v>
      </c>
      <c r="B7836" s="22">
        <v>3.6424446105957031</v>
      </c>
      <c r="C7836" s="21">
        <v>565533.09463517624</v>
      </c>
      <c r="D7836">
        <f t="shared" si="122"/>
        <v>6</v>
      </c>
    </row>
    <row r="7837" spans="1:4" x14ac:dyDescent="0.25">
      <c r="A7837" s="20">
        <v>43882.291666647674</v>
      </c>
      <c r="B7837" s="22">
        <v>3.693342924118042</v>
      </c>
      <c r="C7837" s="21">
        <v>573435.66662604921</v>
      </c>
      <c r="D7837">
        <f t="shared" si="122"/>
        <v>7</v>
      </c>
    </row>
    <row r="7838" spans="1:4" x14ac:dyDescent="0.25">
      <c r="A7838" s="20">
        <v>43882.333333314338</v>
      </c>
      <c r="B7838" s="22">
        <v>3.6942336559295654</v>
      </c>
      <c r="C7838" s="21">
        <v>573573.96339421289</v>
      </c>
      <c r="D7838">
        <f t="shared" si="122"/>
        <v>8</v>
      </c>
    </row>
    <row r="7839" spans="1:4" x14ac:dyDescent="0.25">
      <c r="A7839" s="20">
        <v>43882.374999981002</v>
      </c>
      <c r="B7839" s="22">
        <v>3.2198982238769531</v>
      </c>
      <c r="C7839" s="21">
        <v>499927.71383876505</v>
      </c>
      <c r="D7839">
        <f t="shared" si="122"/>
        <v>9</v>
      </c>
    </row>
    <row r="7840" spans="1:4" x14ac:dyDescent="0.25">
      <c r="A7840" s="20">
        <v>43882.416666647667</v>
      </c>
      <c r="B7840" s="22">
        <v>2.959388256072998</v>
      </c>
      <c r="C7840" s="21">
        <v>459480.42526588927</v>
      </c>
      <c r="D7840">
        <f t="shared" si="122"/>
        <v>10</v>
      </c>
    </row>
    <row r="7841" spans="1:4" x14ac:dyDescent="0.25">
      <c r="A7841" s="20">
        <v>43882.458333314331</v>
      </c>
      <c r="B7841" s="22">
        <v>2.4371321201324463</v>
      </c>
      <c r="C7841" s="21">
        <v>378393.91323177319</v>
      </c>
      <c r="D7841">
        <f t="shared" si="122"/>
        <v>11</v>
      </c>
    </row>
    <row r="7842" spans="1:4" x14ac:dyDescent="0.25">
      <c r="A7842" s="20">
        <v>43882.499999980995</v>
      </c>
      <c r="B7842" s="22">
        <v>2.3425164222717285</v>
      </c>
      <c r="C7842" s="21">
        <v>363703.69440000691</v>
      </c>
      <c r="D7842">
        <f t="shared" si="122"/>
        <v>12</v>
      </c>
    </row>
    <row r="7843" spans="1:4" x14ac:dyDescent="0.25">
      <c r="A7843" s="20">
        <v>43882.541666647659</v>
      </c>
      <c r="B7843" s="22">
        <v>2.1559662818908691</v>
      </c>
      <c r="C7843" s="21">
        <v>334739.55369974242</v>
      </c>
      <c r="D7843">
        <f t="shared" si="122"/>
        <v>13</v>
      </c>
    </row>
    <row r="7844" spans="1:4" x14ac:dyDescent="0.25">
      <c r="A7844" s="20">
        <v>43882.583333314324</v>
      </c>
      <c r="B7844" s="22">
        <v>1.953183650970459</v>
      </c>
      <c r="C7844" s="21">
        <v>303255.12467944034</v>
      </c>
      <c r="D7844">
        <f t="shared" si="122"/>
        <v>14</v>
      </c>
    </row>
    <row r="7845" spans="1:4" x14ac:dyDescent="0.25">
      <c r="A7845" s="20">
        <v>43882.624999980988</v>
      </c>
      <c r="B7845" s="22">
        <v>1.8757630586624146</v>
      </c>
      <c r="C7845" s="21">
        <v>291234.65166274947</v>
      </c>
      <c r="D7845">
        <f t="shared" si="122"/>
        <v>15</v>
      </c>
    </row>
    <row r="7846" spans="1:4" x14ac:dyDescent="0.25">
      <c r="A7846" s="20">
        <v>43882.666666647652</v>
      </c>
      <c r="B7846" s="22">
        <v>2.1521999835968018</v>
      </c>
      <c r="C7846" s="21">
        <v>334154.79083928134</v>
      </c>
      <c r="D7846">
        <f t="shared" si="122"/>
        <v>16</v>
      </c>
    </row>
    <row r="7847" spans="1:4" x14ac:dyDescent="0.25">
      <c r="A7847" s="20">
        <v>43882.708333314316</v>
      </c>
      <c r="B7847" s="22">
        <v>2.1348893642425537</v>
      </c>
      <c r="C7847" s="21">
        <v>331467.1101248014</v>
      </c>
      <c r="D7847">
        <f t="shared" si="122"/>
        <v>17</v>
      </c>
    </row>
    <row r="7848" spans="1:4" x14ac:dyDescent="0.25">
      <c r="A7848" s="20">
        <v>43882.749999980981</v>
      </c>
      <c r="B7848" s="22">
        <v>2.6581082344055176</v>
      </c>
      <c r="C7848" s="21">
        <v>412703.09816262336</v>
      </c>
      <c r="D7848">
        <f t="shared" si="122"/>
        <v>18</v>
      </c>
    </row>
    <row r="7849" spans="1:4" x14ac:dyDescent="0.25">
      <c r="A7849" s="20">
        <v>43882.791666647645</v>
      </c>
      <c r="B7849" s="22">
        <v>2.7263860702514648</v>
      </c>
      <c r="C7849" s="21">
        <v>423304.04887814733</v>
      </c>
      <c r="D7849">
        <f t="shared" si="122"/>
        <v>19</v>
      </c>
    </row>
    <row r="7850" spans="1:4" x14ac:dyDescent="0.25">
      <c r="A7850" s="20">
        <v>43882.833333314309</v>
      </c>
      <c r="B7850" s="22">
        <v>2.8879153728485107</v>
      </c>
      <c r="C7850" s="21">
        <v>448383.40522751654</v>
      </c>
      <c r="D7850">
        <f t="shared" si="122"/>
        <v>20</v>
      </c>
    </row>
    <row r="7851" spans="1:4" x14ac:dyDescent="0.25">
      <c r="A7851" s="20">
        <v>43882.874999980973</v>
      </c>
      <c r="B7851" s="22">
        <v>3.0293605327606201</v>
      </c>
      <c r="C7851" s="21">
        <v>470344.45819001592</v>
      </c>
      <c r="D7851">
        <f t="shared" si="122"/>
        <v>21</v>
      </c>
    </row>
    <row r="7852" spans="1:4" x14ac:dyDescent="0.25">
      <c r="A7852" s="20">
        <v>43882.916666647638</v>
      </c>
      <c r="B7852" s="22">
        <v>2.9103841781616211</v>
      </c>
      <c r="C7852" s="21">
        <v>451871.95601138164</v>
      </c>
      <c r="D7852">
        <f t="shared" si="122"/>
        <v>22</v>
      </c>
    </row>
    <row r="7853" spans="1:4" x14ac:dyDescent="0.25">
      <c r="A7853" s="20">
        <v>43882.958333314302</v>
      </c>
      <c r="B7853" s="22">
        <v>3.1171927452087402</v>
      </c>
      <c r="C7853" s="21">
        <v>483981.45977130177</v>
      </c>
      <c r="D7853">
        <f t="shared" si="122"/>
        <v>23</v>
      </c>
    </row>
    <row r="7854" spans="1:4" x14ac:dyDescent="0.25">
      <c r="A7854" s="20">
        <v>43882.999999980966</v>
      </c>
      <c r="B7854" s="22">
        <v>2.8725528717041016</v>
      </c>
      <c r="C7854" s="21">
        <v>445998.19316739048</v>
      </c>
      <c r="D7854">
        <f t="shared" si="122"/>
        <v>0</v>
      </c>
    </row>
    <row r="7855" spans="1:4" x14ac:dyDescent="0.25">
      <c r="A7855" s="20">
        <v>43883.04166664763</v>
      </c>
      <c r="B7855" s="22">
        <v>3.191370964050293</v>
      </c>
      <c r="C7855" s="21">
        <v>495498.51552390191</v>
      </c>
      <c r="D7855">
        <f t="shared" si="122"/>
        <v>1</v>
      </c>
    </row>
    <row r="7856" spans="1:4" x14ac:dyDescent="0.25">
      <c r="A7856" s="20">
        <v>43883.083333314295</v>
      </c>
      <c r="B7856" s="22">
        <v>3.1150922775268555</v>
      </c>
      <c r="C7856" s="21">
        <v>483655.33703909547</v>
      </c>
      <c r="D7856">
        <f t="shared" si="122"/>
        <v>2</v>
      </c>
    </row>
    <row r="7857" spans="1:4" x14ac:dyDescent="0.25">
      <c r="A7857" s="20">
        <v>43883.124999980959</v>
      </c>
      <c r="B7857" s="22">
        <v>3.3261077404022217</v>
      </c>
      <c r="C7857" s="21">
        <v>516418.01169683394</v>
      </c>
      <c r="D7857">
        <f t="shared" si="122"/>
        <v>3</v>
      </c>
    </row>
    <row r="7858" spans="1:4" x14ac:dyDescent="0.25">
      <c r="A7858" s="20">
        <v>43883.166666647623</v>
      </c>
      <c r="B7858" s="22">
        <v>3.4894177913665771</v>
      </c>
      <c r="C7858" s="21">
        <v>541773.85053052206</v>
      </c>
      <c r="D7858">
        <f t="shared" si="122"/>
        <v>4</v>
      </c>
    </row>
    <row r="7859" spans="1:4" x14ac:dyDescent="0.25">
      <c r="A7859" s="20">
        <v>43883.208333314287</v>
      </c>
      <c r="B7859" s="22">
        <v>3.5747826099395752</v>
      </c>
      <c r="C7859" s="21">
        <v>555027.75969914009</v>
      </c>
      <c r="D7859">
        <f t="shared" si="122"/>
        <v>5</v>
      </c>
    </row>
    <row r="7860" spans="1:4" x14ac:dyDescent="0.25">
      <c r="A7860" s="20">
        <v>43883.249999980952</v>
      </c>
      <c r="B7860" s="22">
        <v>3.8811852931976318</v>
      </c>
      <c r="C7860" s="21">
        <v>602600.44128869253</v>
      </c>
      <c r="D7860">
        <f t="shared" si="122"/>
        <v>6</v>
      </c>
    </row>
    <row r="7861" spans="1:4" x14ac:dyDescent="0.25">
      <c r="A7861" s="20">
        <v>43883.291666647616</v>
      </c>
      <c r="B7861" s="22">
        <v>4.0081005096435547</v>
      </c>
      <c r="C7861" s="21">
        <v>622305.54672918888</v>
      </c>
      <c r="D7861">
        <f t="shared" si="122"/>
        <v>7</v>
      </c>
    </row>
    <row r="7862" spans="1:4" x14ac:dyDescent="0.25">
      <c r="A7862" s="20">
        <v>43883.33333331428</v>
      </c>
      <c r="B7862" s="22">
        <v>3.8489866256713867</v>
      </c>
      <c r="C7862" s="21">
        <v>597601.21301318868</v>
      </c>
      <c r="D7862">
        <f t="shared" si="122"/>
        <v>8</v>
      </c>
    </row>
    <row r="7863" spans="1:4" x14ac:dyDescent="0.25">
      <c r="A7863" s="20">
        <v>43883.374999980944</v>
      </c>
      <c r="B7863" s="22">
        <v>3.2984039783477783</v>
      </c>
      <c r="C7863" s="21">
        <v>512116.6712613171</v>
      </c>
      <c r="D7863">
        <f t="shared" si="122"/>
        <v>9</v>
      </c>
    </row>
    <row r="7864" spans="1:4" x14ac:dyDescent="0.25">
      <c r="A7864" s="20">
        <v>43883.416666647609</v>
      </c>
      <c r="B7864" s="22">
        <v>2.8012547492980957</v>
      </c>
      <c r="C7864" s="21">
        <v>434928.30683647614</v>
      </c>
      <c r="D7864">
        <f t="shared" si="122"/>
        <v>10</v>
      </c>
    </row>
    <row r="7865" spans="1:4" x14ac:dyDescent="0.25">
      <c r="A7865" s="20">
        <v>43883.458333314273</v>
      </c>
      <c r="B7865" s="22">
        <v>2.408604621887207</v>
      </c>
      <c r="C7865" s="21">
        <v>373964.67789957381</v>
      </c>
      <c r="D7865">
        <f t="shared" si="122"/>
        <v>11</v>
      </c>
    </row>
    <row r="7866" spans="1:4" x14ac:dyDescent="0.25">
      <c r="A7866" s="20">
        <v>43883.499999980937</v>
      </c>
      <c r="B7866" s="22">
        <v>2.0953369140625</v>
      </c>
      <c r="C7866" s="21">
        <v>325326.11913054954</v>
      </c>
      <c r="D7866">
        <f t="shared" si="122"/>
        <v>12</v>
      </c>
    </row>
    <row r="7867" spans="1:4" x14ac:dyDescent="0.25">
      <c r="A7867" s="20">
        <v>43883.541666647601</v>
      </c>
      <c r="B7867" s="22">
        <v>1.792235255241394</v>
      </c>
      <c r="C7867" s="21">
        <v>278265.96106980101</v>
      </c>
      <c r="D7867">
        <f t="shared" si="122"/>
        <v>13</v>
      </c>
    </row>
    <row r="7868" spans="1:4" x14ac:dyDescent="0.25">
      <c r="A7868" s="20">
        <v>43883.583333314265</v>
      </c>
      <c r="B7868" s="22">
        <v>1.5647388696670532</v>
      </c>
      <c r="C7868" s="21">
        <v>242944.42602767088</v>
      </c>
      <c r="D7868">
        <f t="shared" si="122"/>
        <v>14</v>
      </c>
    </row>
    <row r="7869" spans="1:4" x14ac:dyDescent="0.25">
      <c r="A7869" s="20">
        <v>43883.62499998093</v>
      </c>
      <c r="B7869" s="22">
        <v>1.5688073635101318</v>
      </c>
      <c r="C7869" s="21">
        <v>243576.1083618064</v>
      </c>
      <c r="D7869">
        <f t="shared" si="122"/>
        <v>15</v>
      </c>
    </row>
    <row r="7870" spans="1:4" x14ac:dyDescent="0.25">
      <c r="A7870" s="20">
        <v>43883.666666647594</v>
      </c>
      <c r="B7870" s="22">
        <v>1.6444871425628662</v>
      </c>
      <c r="C7870" s="21">
        <v>255326.29929799735</v>
      </c>
      <c r="D7870">
        <f t="shared" si="122"/>
        <v>16</v>
      </c>
    </row>
    <row r="7871" spans="1:4" x14ac:dyDescent="0.25">
      <c r="A7871" s="20">
        <v>43883.708333314258</v>
      </c>
      <c r="B7871" s="22">
        <v>1.8565279245376587</v>
      </c>
      <c r="C7871" s="21">
        <v>288248.16701020271</v>
      </c>
      <c r="D7871">
        <f t="shared" si="122"/>
        <v>17</v>
      </c>
    </row>
    <row r="7872" spans="1:4" x14ac:dyDescent="0.25">
      <c r="A7872" s="20">
        <v>43883.749999980922</v>
      </c>
      <c r="B7872" s="22">
        <v>2.240931510925293</v>
      </c>
      <c r="C7872" s="21">
        <v>347931.42181283527</v>
      </c>
      <c r="D7872">
        <f t="shared" si="122"/>
        <v>18</v>
      </c>
    </row>
    <row r="7873" spans="1:4" x14ac:dyDescent="0.25">
      <c r="A7873" s="20">
        <v>43883.791666647587</v>
      </c>
      <c r="B7873" s="22">
        <v>2.4173381328582764</v>
      </c>
      <c r="C7873" s="21">
        <v>375320.65994309797</v>
      </c>
      <c r="D7873">
        <f t="shared" si="122"/>
        <v>19</v>
      </c>
    </row>
    <row r="7874" spans="1:4" x14ac:dyDescent="0.25">
      <c r="A7874" s="20">
        <v>43883.833333314251</v>
      </c>
      <c r="B7874" s="22">
        <v>2.657055139541626</v>
      </c>
      <c r="C7874" s="21">
        <v>412539.59258848539</v>
      </c>
      <c r="D7874">
        <f t="shared" si="122"/>
        <v>20</v>
      </c>
    </row>
    <row r="7875" spans="1:4" x14ac:dyDescent="0.25">
      <c r="A7875" s="20">
        <v>43883.874999980915</v>
      </c>
      <c r="B7875" s="22">
        <v>2.6022965908050537</v>
      </c>
      <c r="C7875" s="21">
        <v>404037.67290667584</v>
      </c>
      <c r="D7875">
        <f t="shared" si="122"/>
        <v>21</v>
      </c>
    </row>
    <row r="7876" spans="1:4" x14ac:dyDescent="0.25">
      <c r="A7876" s="20">
        <v>43883.916666647579</v>
      </c>
      <c r="B7876" s="22">
        <v>2.8124592304229736</v>
      </c>
      <c r="C7876" s="21">
        <v>436667.93655271147</v>
      </c>
      <c r="D7876">
        <f t="shared" si="122"/>
        <v>22</v>
      </c>
    </row>
    <row r="7877" spans="1:4" x14ac:dyDescent="0.25">
      <c r="A7877" s="20">
        <v>43883.958333314244</v>
      </c>
      <c r="B7877" s="22">
        <v>2.9320740699768066</v>
      </c>
      <c r="C7877" s="21">
        <v>455239.57115777582</v>
      </c>
      <c r="D7877">
        <f t="shared" si="122"/>
        <v>23</v>
      </c>
    </row>
    <row r="7878" spans="1:4" x14ac:dyDescent="0.25">
      <c r="A7878" s="20">
        <v>43883.999999980908</v>
      </c>
      <c r="B7878" s="22">
        <v>2.7900784015655518</v>
      </c>
      <c r="C7878" s="21">
        <v>433193.04516591615</v>
      </c>
      <c r="D7878">
        <f t="shared" si="122"/>
        <v>0</v>
      </c>
    </row>
    <row r="7879" spans="1:4" x14ac:dyDescent="0.25">
      <c r="A7879" s="20">
        <v>43884.041666647572</v>
      </c>
      <c r="B7879" s="22">
        <v>2.8195829391479492</v>
      </c>
      <c r="C7879" s="21">
        <v>437773.97754199541</v>
      </c>
      <c r="D7879">
        <f t="shared" ref="D7879:D7942" si="123">HOUR(A7879)</f>
        <v>1</v>
      </c>
    </row>
    <row r="7880" spans="1:4" x14ac:dyDescent="0.25">
      <c r="A7880" s="20">
        <v>43884.083333314236</v>
      </c>
      <c r="B7880" s="22">
        <v>2.8790335655212402</v>
      </c>
      <c r="C7880" s="21">
        <v>447004.39840085595</v>
      </c>
      <c r="D7880">
        <f t="shared" si="123"/>
        <v>2</v>
      </c>
    </row>
    <row r="7881" spans="1:4" x14ac:dyDescent="0.25">
      <c r="A7881" s="20">
        <v>43884.124999980901</v>
      </c>
      <c r="B7881" s="22">
        <v>3.2617015838623047</v>
      </c>
      <c r="C7881" s="21">
        <v>506418.18550438574</v>
      </c>
      <c r="D7881">
        <f t="shared" si="123"/>
        <v>3</v>
      </c>
    </row>
    <row r="7882" spans="1:4" x14ac:dyDescent="0.25">
      <c r="A7882" s="20">
        <v>43884.166666647565</v>
      </c>
      <c r="B7882" s="22">
        <v>3.1618611812591553</v>
      </c>
      <c r="C7882" s="21">
        <v>490916.76876642561</v>
      </c>
      <c r="D7882">
        <f t="shared" si="123"/>
        <v>4</v>
      </c>
    </row>
    <row r="7883" spans="1:4" x14ac:dyDescent="0.25">
      <c r="A7883" s="20">
        <v>43884.208333314229</v>
      </c>
      <c r="B7883" s="22">
        <v>3.2885468006134033</v>
      </c>
      <c r="C7883" s="21">
        <v>510586.22651213029</v>
      </c>
      <c r="D7883">
        <f t="shared" si="123"/>
        <v>5</v>
      </c>
    </row>
    <row r="7884" spans="1:4" x14ac:dyDescent="0.25">
      <c r="A7884" s="20">
        <v>43884.249999980893</v>
      </c>
      <c r="B7884" s="22">
        <v>3.4644222259521484</v>
      </c>
      <c r="C7884" s="21">
        <v>537892.99001726741</v>
      </c>
      <c r="D7884">
        <f t="shared" si="123"/>
        <v>6</v>
      </c>
    </row>
    <row r="7885" spans="1:4" x14ac:dyDescent="0.25">
      <c r="A7885" s="20">
        <v>43884.291666647558</v>
      </c>
      <c r="B7885" s="22">
        <v>3.5473074913024902</v>
      </c>
      <c r="C7885" s="21">
        <v>550761.91888906993</v>
      </c>
      <c r="D7885">
        <f t="shared" si="123"/>
        <v>7</v>
      </c>
    </row>
    <row r="7886" spans="1:4" x14ac:dyDescent="0.25">
      <c r="A7886" s="20">
        <v>43884.333333314222</v>
      </c>
      <c r="B7886" s="22">
        <v>3.2059414386749268</v>
      </c>
      <c r="C7886" s="21">
        <v>497760.75599306443</v>
      </c>
      <c r="D7886">
        <f t="shared" si="123"/>
        <v>8</v>
      </c>
    </row>
    <row r="7887" spans="1:4" x14ac:dyDescent="0.25">
      <c r="A7887" s="20">
        <v>43884.374999980886</v>
      </c>
      <c r="B7887" s="22">
        <v>3.0487356185913086</v>
      </c>
      <c r="C7887" s="21">
        <v>473352.67201893113</v>
      </c>
      <c r="D7887">
        <f t="shared" si="123"/>
        <v>9</v>
      </c>
    </row>
    <row r="7888" spans="1:4" x14ac:dyDescent="0.25">
      <c r="A7888" s="20">
        <v>43884.41666664755</v>
      </c>
      <c r="B7888" s="22">
        <v>2.4992449283599854</v>
      </c>
      <c r="C7888" s="21">
        <v>388037.66966700327</v>
      </c>
      <c r="D7888">
        <f t="shared" si="123"/>
        <v>10</v>
      </c>
    </row>
    <row r="7889" spans="1:4" x14ac:dyDescent="0.25">
      <c r="A7889" s="20">
        <v>43884.458333314215</v>
      </c>
      <c r="B7889" s="22">
        <v>2.3561115264892578</v>
      </c>
      <c r="C7889" s="21">
        <v>365814.49694664322</v>
      </c>
      <c r="D7889">
        <f t="shared" si="123"/>
        <v>11</v>
      </c>
    </row>
    <row r="7890" spans="1:4" x14ac:dyDescent="0.25">
      <c r="A7890" s="20">
        <v>43884.499999980879</v>
      </c>
      <c r="B7890" s="22">
        <v>1.9336240291595459</v>
      </c>
      <c r="C7890" s="21">
        <v>300218.25943228148</v>
      </c>
      <c r="D7890">
        <f t="shared" si="123"/>
        <v>12</v>
      </c>
    </row>
    <row r="7891" spans="1:4" x14ac:dyDescent="0.25">
      <c r="A7891" s="20">
        <v>43884.541666647543</v>
      </c>
      <c r="B7891" s="22">
        <v>1.7757464647293091</v>
      </c>
      <c r="C7891" s="21">
        <v>275705.87911331368</v>
      </c>
      <c r="D7891">
        <f t="shared" si="123"/>
        <v>13</v>
      </c>
    </row>
    <row r="7892" spans="1:4" x14ac:dyDescent="0.25">
      <c r="A7892" s="20">
        <v>43884.583333314207</v>
      </c>
      <c r="B7892" s="22">
        <v>1.6301474571228027</v>
      </c>
      <c r="C7892" s="21">
        <v>253099.89161030768</v>
      </c>
      <c r="D7892">
        <f t="shared" si="123"/>
        <v>14</v>
      </c>
    </row>
    <row r="7893" spans="1:4" x14ac:dyDescent="0.25">
      <c r="A7893" s="20">
        <v>43884.624999980872</v>
      </c>
      <c r="B7893" s="22">
        <v>1.5471006631851196</v>
      </c>
      <c r="C7893" s="21">
        <v>240205.8834932078</v>
      </c>
      <c r="D7893">
        <f t="shared" si="123"/>
        <v>15</v>
      </c>
    </row>
    <row r="7894" spans="1:4" x14ac:dyDescent="0.25">
      <c r="A7894" s="20">
        <v>43884.666666647536</v>
      </c>
      <c r="B7894" s="22">
        <v>1.8201370239257813</v>
      </c>
      <c r="C7894" s="21">
        <v>282598.04440305883</v>
      </c>
      <c r="D7894">
        <f t="shared" si="123"/>
        <v>16</v>
      </c>
    </row>
    <row r="7895" spans="1:4" x14ac:dyDescent="0.25">
      <c r="A7895" s="20">
        <v>43884.7083333142</v>
      </c>
      <c r="B7895" s="22">
        <v>1.9130487442016602</v>
      </c>
      <c r="C7895" s="21">
        <v>297023.70033277309</v>
      </c>
      <c r="D7895">
        <f t="shared" si="123"/>
        <v>17</v>
      </c>
    </row>
    <row r="7896" spans="1:4" x14ac:dyDescent="0.25">
      <c r="A7896" s="20">
        <v>43884.749999980864</v>
      </c>
      <c r="B7896" s="22">
        <v>1.9176454544067383</v>
      </c>
      <c r="C7896" s="21">
        <v>297737.39457533119</v>
      </c>
      <c r="D7896">
        <f t="shared" si="123"/>
        <v>18</v>
      </c>
    </row>
    <row r="7897" spans="1:4" x14ac:dyDescent="0.25">
      <c r="A7897" s="20">
        <v>43884.791666647528</v>
      </c>
      <c r="B7897" s="22">
        <v>2.218311071395874</v>
      </c>
      <c r="C7897" s="21">
        <v>344419.32800312655</v>
      </c>
      <c r="D7897">
        <f t="shared" si="123"/>
        <v>19</v>
      </c>
    </row>
    <row r="7898" spans="1:4" x14ac:dyDescent="0.25">
      <c r="A7898" s="20">
        <v>43884.833333314193</v>
      </c>
      <c r="B7898" s="22">
        <v>2.1565413475036621</v>
      </c>
      <c r="C7898" s="21">
        <v>334828.83951473469</v>
      </c>
      <c r="D7898">
        <f t="shared" si="123"/>
        <v>20</v>
      </c>
    </row>
    <row r="7899" spans="1:4" x14ac:dyDescent="0.25">
      <c r="A7899" s="20">
        <v>43884.874999980857</v>
      </c>
      <c r="B7899" s="22">
        <v>2.1035933494567871</v>
      </c>
      <c r="C7899" s="21">
        <v>326608.02948427293</v>
      </c>
      <c r="D7899">
        <f t="shared" si="123"/>
        <v>21</v>
      </c>
    </row>
    <row r="7900" spans="1:4" x14ac:dyDescent="0.25">
      <c r="A7900" s="20">
        <v>43884.916666647521</v>
      </c>
      <c r="B7900" s="22">
        <v>1.8660305738449097</v>
      </c>
      <c r="C7900" s="21">
        <v>289723.56698041217</v>
      </c>
      <c r="D7900">
        <f t="shared" si="123"/>
        <v>22</v>
      </c>
    </row>
    <row r="7901" spans="1:4" x14ac:dyDescent="0.25">
      <c r="A7901" s="20">
        <v>43884.958333314185</v>
      </c>
      <c r="B7901" s="22">
        <v>1.9389247894287109</v>
      </c>
      <c r="C7901" s="21">
        <v>301041.26586873346</v>
      </c>
      <c r="D7901">
        <f t="shared" si="123"/>
        <v>23</v>
      </c>
    </row>
    <row r="7902" spans="1:4" x14ac:dyDescent="0.25">
      <c r="A7902" s="20">
        <v>43884.99999998085</v>
      </c>
      <c r="B7902" s="22">
        <v>1.8928369283676147</v>
      </c>
      <c r="C7902" s="21">
        <v>293885.57416235079</v>
      </c>
      <c r="D7902">
        <f t="shared" si="123"/>
        <v>0</v>
      </c>
    </row>
    <row r="7903" spans="1:4" x14ac:dyDescent="0.25">
      <c r="A7903" s="20">
        <v>43885.041666647514</v>
      </c>
      <c r="B7903" s="22">
        <v>1.872907280921936</v>
      </c>
      <c r="C7903" s="21">
        <v>290791.25800935942</v>
      </c>
      <c r="D7903">
        <f t="shared" si="123"/>
        <v>1</v>
      </c>
    </row>
    <row r="7904" spans="1:4" x14ac:dyDescent="0.25">
      <c r="A7904" s="20">
        <v>43885.083333314178</v>
      </c>
      <c r="B7904" s="22">
        <v>1.8755559921264648</v>
      </c>
      <c r="C7904" s="21">
        <v>291202.50210623181</v>
      </c>
      <c r="D7904">
        <f t="shared" si="123"/>
        <v>2</v>
      </c>
    </row>
    <row r="7905" spans="1:4" x14ac:dyDescent="0.25">
      <c r="A7905" s="20">
        <v>43885.124999980842</v>
      </c>
      <c r="B7905" s="22">
        <v>1.9041967391967773</v>
      </c>
      <c r="C7905" s="21">
        <v>295649.32067314151</v>
      </c>
      <c r="D7905">
        <f t="shared" si="123"/>
        <v>3</v>
      </c>
    </row>
    <row r="7906" spans="1:4" x14ac:dyDescent="0.25">
      <c r="A7906" s="20">
        <v>43885.166666647507</v>
      </c>
      <c r="B7906" s="22">
        <v>1.9900540113449097</v>
      </c>
      <c r="C7906" s="21">
        <v>308979.68914974731</v>
      </c>
      <c r="D7906">
        <f t="shared" si="123"/>
        <v>4</v>
      </c>
    </row>
    <row r="7907" spans="1:4" x14ac:dyDescent="0.25">
      <c r="A7907" s="20">
        <v>43885.208333314171</v>
      </c>
      <c r="B7907" s="22">
        <v>2.2702212333679199</v>
      </c>
      <c r="C7907" s="21">
        <v>352479.00156896922</v>
      </c>
      <c r="D7907">
        <f t="shared" si="123"/>
        <v>5</v>
      </c>
    </row>
    <row r="7908" spans="1:4" x14ac:dyDescent="0.25">
      <c r="A7908" s="20">
        <v>43885.249999980835</v>
      </c>
      <c r="B7908" s="22">
        <v>2.2638826370239258</v>
      </c>
      <c r="C7908" s="21">
        <v>351494.85866789817</v>
      </c>
      <c r="D7908">
        <f t="shared" si="123"/>
        <v>6</v>
      </c>
    </row>
    <row r="7909" spans="1:4" x14ac:dyDescent="0.25">
      <c r="A7909" s="20">
        <v>43885.291666647499</v>
      </c>
      <c r="B7909" s="22">
        <v>2.2372252941131592</v>
      </c>
      <c r="C7909" s="21">
        <v>347355.98732110468</v>
      </c>
      <c r="D7909">
        <f t="shared" si="123"/>
        <v>7</v>
      </c>
    </row>
    <row r="7910" spans="1:4" x14ac:dyDescent="0.25">
      <c r="A7910" s="20">
        <v>43885.333333314164</v>
      </c>
      <c r="B7910" s="22">
        <v>2.2839882373809814</v>
      </c>
      <c r="C7910" s="21">
        <v>354616.49361502897</v>
      </c>
      <c r="D7910">
        <f t="shared" si="123"/>
        <v>8</v>
      </c>
    </row>
    <row r="7911" spans="1:4" x14ac:dyDescent="0.25">
      <c r="A7911" s="20">
        <v>43885.374999980828</v>
      </c>
      <c r="B7911" s="22">
        <v>2.2169806957244873</v>
      </c>
      <c r="C7911" s="21">
        <v>344212.77126695047</v>
      </c>
      <c r="D7911">
        <f t="shared" si="123"/>
        <v>9</v>
      </c>
    </row>
    <row r="7912" spans="1:4" x14ac:dyDescent="0.25">
      <c r="A7912" s="20">
        <v>43885.416666647492</v>
      </c>
      <c r="B7912" s="22">
        <v>2.090919017791748</v>
      </c>
      <c r="C7912" s="21">
        <v>324640.18789016566</v>
      </c>
      <c r="D7912">
        <f t="shared" si="123"/>
        <v>10</v>
      </c>
    </row>
    <row r="7913" spans="1:4" x14ac:dyDescent="0.25">
      <c r="A7913" s="20">
        <v>43885.458333314156</v>
      </c>
      <c r="B7913" s="22">
        <v>1.9953274726867676</v>
      </c>
      <c r="C7913" s="21">
        <v>309798.45710120077</v>
      </c>
      <c r="D7913">
        <f t="shared" si="123"/>
        <v>11</v>
      </c>
    </row>
    <row r="7914" spans="1:4" x14ac:dyDescent="0.25">
      <c r="A7914" s="20">
        <v>43885.499999980821</v>
      </c>
      <c r="B7914" s="22">
        <v>1.8559322357177734</v>
      </c>
      <c r="C7914" s="21">
        <v>288155.67919562641</v>
      </c>
      <c r="D7914">
        <f t="shared" si="123"/>
        <v>12</v>
      </c>
    </row>
    <row r="7915" spans="1:4" x14ac:dyDescent="0.25">
      <c r="A7915" s="20">
        <v>43885.541666647485</v>
      </c>
      <c r="B7915" s="22">
        <v>1.6656830310821533</v>
      </c>
      <c r="C7915" s="21">
        <v>258617.21452371831</v>
      </c>
      <c r="D7915">
        <f t="shared" si="123"/>
        <v>13</v>
      </c>
    </row>
    <row r="7916" spans="1:4" x14ac:dyDescent="0.25">
      <c r="A7916" s="20">
        <v>43885.583333314149</v>
      </c>
      <c r="B7916" s="22">
        <v>1.7440218925476074</v>
      </c>
      <c r="C7916" s="21">
        <v>270780.25981090771</v>
      </c>
      <c r="D7916">
        <f t="shared" si="123"/>
        <v>14</v>
      </c>
    </row>
    <row r="7917" spans="1:4" x14ac:dyDescent="0.25">
      <c r="A7917" s="20">
        <v>43885.624999980813</v>
      </c>
      <c r="B7917" s="22">
        <v>1.9154735803604126</v>
      </c>
      <c r="C7917" s="21">
        <v>297400.18515092332</v>
      </c>
      <c r="D7917">
        <f t="shared" si="123"/>
        <v>15</v>
      </c>
    </row>
    <row r="7918" spans="1:4" x14ac:dyDescent="0.25">
      <c r="A7918" s="20">
        <v>43885.666666647478</v>
      </c>
      <c r="B7918" s="22">
        <v>1.9407162666320801</v>
      </c>
      <c r="C7918" s="21">
        <v>301319.41413318273</v>
      </c>
      <c r="D7918">
        <f t="shared" si="123"/>
        <v>16</v>
      </c>
    </row>
    <row r="7919" spans="1:4" x14ac:dyDescent="0.25">
      <c r="A7919" s="20">
        <v>43885.708333314142</v>
      </c>
      <c r="B7919" s="22">
        <v>1.9812663793563843</v>
      </c>
      <c r="C7919" s="21">
        <v>307615.30417089845</v>
      </c>
      <c r="D7919">
        <f t="shared" si="123"/>
        <v>17</v>
      </c>
    </row>
    <row r="7920" spans="1:4" x14ac:dyDescent="0.25">
      <c r="A7920" s="20">
        <v>43885.749999980806</v>
      </c>
      <c r="B7920" s="22">
        <v>1.8743857145309448</v>
      </c>
      <c r="C7920" s="21">
        <v>291020.8025113357</v>
      </c>
      <c r="D7920">
        <f t="shared" si="123"/>
        <v>18</v>
      </c>
    </row>
    <row r="7921" spans="1:4" x14ac:dyDescent="0.25">
      <c r="A7921" s="20">
        <v>43885.79166664747</v>
      </c>
      <c r="B7921" s="22">
        <v>1.9951574802398682</v>
      </c>
      <c r="C7921" s="21">
        <v>309772.06374046713</v>
      </c>
      <c r="D7921">
        <f t="shared" si="123"/>
        <v>19</v>
      </c>
    </row>
    <row r="7922" spans="1:4" x14ac:dyDescent="0.25">
      <c r="A7922" s="20">
        <v>43885.833333314135</v>
      </c>
      <c r="B7922" s="22">
        <v>2.169243335723877</v>
      </c>
      <c r="C7922" s="21">
        <v>336800.97511984489</v>
      </c>
      <c r="D7922">
        <f t="shared" si="123"/>
        <v>20</v>
      </c>
    </row>
    <row r="7923" spans="1:4" x14ac:dyDescent="0.25">
      <c r="A7923" s="20">
        <v>43885.874999980799</v>
      </c>
      <c r="B7923" s="22">
        <v>2.1752655506134033</v>
      </c>
      <c r="C7923" s="21">
        <v>337735.99601573573</v>
      </c>
      <c r="D7923">
        <f t="shared" si="123"/>
        <v>21</v>
      </c>
    </row>
    <row r="7924" spans="1:4" x14ac:dyDescent="0.25">
      <c r="A7924" s="20">
        <v>43885.916666647463</v>
      </c>
      <c r="B7924" s="22">
        <v>1.8276208639144897</v>
      </c>
      <c r="C7924" s="21">
        <v>283760.00007872155</v>
      </c>
      <c r="D7924">
        <f t="shared" si="123"/>
        <v>22</v>
      </c>
    </row>
    <row r="7925" spans="1:4" x14ac:dyDescent="0.25">
      <c r="A7925" s="20">
        <v>43885.958333314127</v>
      </c>
      <c r="B7925" s="22">
        <v>1.7379478216171265</v>
      </c>
      <c r="C7925" s="21">
        <v>269837.18764438643</v>
      </c>
      <c r="D7925">
        <f t="shared" si="123"/>
        <v>23</v>
      </c>
    </row>
    <row r="7926" spans="1:4" x14ac:dyDescent="0.25">
      <c r="A7926" s="20">
        <v>43885.999999980791</v>
      </c>
      <c r="B7926" s="22">
        <v>1.5446749925613403</v>
      </c>
      <c r="C7926" s="21">
        <v>239829.2691143807</v>
      </c>
      <c r="D7926">
        <f t="shared" si="123"/>
        <v>0</v>
      </c>
    </row>
    <row r="7927" spans="1:4" x14ac:dyDescent="0.25">
      <c r="A7927" s="20">
        <v>43886.041666647456</v>
      </c>
      <c r="B7927" s="22">
        <v>1.5247020721435547</v>
      </c>
      <c r="C7927" s="21">
        <v>236728.23431486319</v>
      </c>
      <c r="D7927">
        <f t="shared" si="123"/>
        <v>1</v>
      </c>
    </row>
    <row r="7928" spans="1:4" x14ac:dyDescent="0.25">
      <c r="A7928" s="20">
        <v>43886.08333331412</v>
      </c>
      <c r="B7928" s="22">
        <v>1.4603570699691772</v>
      </c>
      <c r="C7928" s="21">
        <v>226737.90306915849</v>
      </c>
      <c r="D7928">
        <f t="shared" si="123"/>
        <v>2</v>
      </c>
    </row>
    <row r="7929" spans="1:4" x14ac:dyDescent="0.25">
      <c r="A7929" s="20">
        <v>43886.124999980784</v>
      </c>
      <c r="B7929" s="22">
        <v>1.4319380521774292</v>
      </c>
      <c r="C7929" s="21">
        <v>222325.51062494481</v>
      </c>
      <c r="D7929">
        <f t="shared" si="123"/>
        <v>3</v>
      </c>
    </row>
    <row r="7930" spans="1:4" x14ac:dyDescent="0.25">
      <c r="A7930" s="20">
        <v>43886.166666647448</v>
      </c>
      <c r="B7930" s="22">
        <v>1.6570119857788086</v>
      </c>
      <c r="C7930" s="21">
        <v>257270.93102228703</v>
      </c>
      <c r="D7930">
        <f t="shared" si="123"/>
        <v>4</v>
      </c>
    </row>
    <row r="7931" spans="1:4" x14ac:dyDescent="0.25">
      <c r="A7931" s="20">
        <v>43886.208333314113</v>
      </c>
      <c r="B7931" s="22">
        <v>1.6697045564651489</v>
      </c>
      <c r="C7931" s="21">
        <v>259241.60444261608</v>
      </c>
      <c r="D7931">
        <f t="shared" si="123"/>
        <v>5</v>
      </c>
    </row>
    <row r="7932" spans="1:4" x14ac:dyDescent="0.25">
      <c r="A7932" s="20">
        <v>43886.249999980777</v>
      </c>
      <c r="B7932" s="22">
        <v>1.9361443519592285</v>
      </c>
      <c r="C7932" s="21">
        <v>300609.56969359273</v>
      </c>
      <c r="D7932">
        <f t="shared" si="123"/>
        <v>6</v>
      </c>
    </row>
    <row r="7933" spans="1:4" x14ac:dyDescent="0.25">
      <c r="A7933" s="20">
        <v>43886.291666647441</v>
      </c>
      <c r="B7933" s="22">
        <v>1.8781715631484985</v>
      </c>
      <c r="C7933" s="21">
        <v>291608.60079336783</v>
      </c>
      <c r="D7933">
        <f t="shared" si="123"/>
        <v>7</v>
      </c>
    </row>
    <row r="7934" spans="1:4" x14ac:dyDescent="0.25">
      <c r="A7934" s="20">
        <v>43886.333333314105</v>
      </c>
      <c r="B7934" s="22">
        <v>1.625546932220459</v>
      </c>
      <c r="C7934" s="21">
        <v>252385.60509036985</v>
      </c>
      <c r="D7934">
        <f t="shared" si="123"/>
        <v>8</v>
      </c>
    </row>
    <row r="7935" spans="1:4" x14ac:dyDescent="0.25">
      <c r="A7935" s="20">
        <v>43886.37499998077</v>
      </c>
      <c r="B7935" s="22">
        <v>1.7172393798828125</v>
      </c>
      <c r="C7935" s="21">
        <v>266621.95436259237</v>
      </c>
      <c r="D7935">
        <f t="shared" si="123"/>
        <v>9</v>
      </c>
    </row>
    <row r="7936" spans="1:4" x14ac:dyDescent="0.25">
      <c r="A7936" s="20">
        <v>43886.416666647434</v>
      </c>
      <c r="B7936" s="22">
        <v>1.3192118406295776</v>
      </c>
      <c r="C7936" s="21">
        <v>204823.41791563935</v>
      </c>
      <c r="D7936">
        <f t="shared" si="123"/>
        <v>10</v>
      </c>
    </row>
    <row r="7937" spans="1:4" x14ac:dyDescent="0.25">
      <c r="A7937" s="20">
        <v>43886.458333314098</v>
      </c>
      <c r="B7937" s="22">
        <v>1.1283782720565796</v>
      </c>
      <c r="C7937" s="21">
        <v>175194.22375262599</v>
      </c>
      <c r="D7937">
        <f t="shared" si="123"/>
        <v>11</v>
      </c>
    </row>
    <row r="7938" spans="1:4" x14ac:dyDescent="0.25">
      <c r="A7938" s="20">
        <v>43886.499999980762</v>
      </c>
      <c r="B7938" s="22">
        <v>1.0608875751495361</v>
      </c>
      <c r="C7938" s="21">
        <v>164715.48577267281</v>
      </c>
      <c r="D7938">
        <f t="shared" si="123"/>
        <v>12</v>
      </c>
    </row>
    <row r="7939" spans="1:4" x14ac:dyDescent="0.25">
      <c r="A7939" s="20">
        <v>43886.541666647427</v>
      </c>
      <c r="B7939" s="22">
        <v>1.0955437421798706</v>
      </c>
      <c r="C7939" s="21">
        <v>170096.27024139071</v>
      </c>
      <c r="D7939">
        <f t="shared" si="123"/>
        <v>13</v>
      </c>
    </row>
    <row r="7940" spans="1:4" x14ac:dyDescent="0.25">
      <c r="A7940" s="20">
        <v>43886.583333314091</v>
      </c>
      <c r="B7940" s="22">
        <v>1.087532639503479</v>
      </c>
      <c r="C7940" s="21">
        <v>168852.45072665031</v>
      </c>
      <c r="D7940">
        <f t="shared" si="123"/>
        <v>14</v>
      </c>
    </row>
    <row r="7941" spans="1:4" x14ac:dyDescent="0.25">
      <c r="A7941" s="20">
        <v>43886.624999980755</v>
      </c>
      <c r="B7941" s="22">
        <v>1.1389672756195068</v>
      </c>
      <c r="C7941" s="21">
        <v>176838.29321537775</v>
      </c>
      <c r="D7941">
        <f t="shared" si="123"/>
        <v>15</v>
      </c>
    </row>
    <row r="7942" spans="1:4" x14ac:dyDescent="0.25">
      <c r="A7942" s="20">
        <v>43886.666666647419</v>
      </c>
      <c r="B7942" s="22">
        <v>1.1587302684783936</v>
      </c>
      <c r="C7942" s="21">
        <v>179906.73425034279</v>
      </c>
      <c r="D7942">
        <f t="shared" si="123"/>
        <v>16</v>
      </c>
    </row>
    <row r="7943" spans="1:4" x14ac:dyDescent="0.25">
      <c r="A7943" s="20">
        <v>43886.708333314084</v>
      </c>
      <c r="B7943" s="22">
        <v>1.2126553058624268</v>
      </c>
      <c r="C7943" s="21">
        <v>188279.24132468435</v>
      </c>
      <c r="D7943">
        <f t="shared" ref="D7943:D8006" si="124">HOUR(A7943)</f>
        <v>17</v>
      </c>
    </row>
    <row r="7944" spans="1:4" x14ac:dyDescent="0.25">
      <c r="A7944" s="20">
        <v>43886.749999980748</v>
      </c>
      <c r="B7944" s="22">
        <v>1.3768161535263062</v>
      </c>
      <c r="C7944" s="21">
        <v>213767.17652271726</v>
      </c>
      <c r="D7944">
        <f t="shared" si="124"/>
        <v>18</v>
      </c>
    </row>
    <row r="7945" spans="1:4" x14ac:dyDescent="0.25">
      <c r="A7945" s="20">
        <v>43886.791666647412</v>
      </c>
      <c r="B7945" s="22">
        <v>1.5446623563766479</v>
      </c>
      <c r="C7945" s="21">
        <v>239827.30719556042</v>
      </c>
      <c r="D7945">
        <f t="shared" si="124"/>
        <v>19</v>
      </c>
    </row>
    <row r="7946" spans="1:4" x14ac:dyDescent="0.25">
      <c r="A7946" s="20">
        <v>43886.833333314076</v>
      </c>
      <c r="B7946" s="22">
        <v>1.7136358022689819</v>
      </c>
      <c r="C7946" s="21">
        <v>266062.45583410969</v>
      </c>
      <c r="D7946">
        <f t="shared" si="124"/>
        <v>20</v>
      </c>
    </row>
    <row r="7947" spans="1:4" x14ac:dyDescent="0.25">
      <c r="A7947" s="20">
        <v>43886.874999980741</v>
      </c>
      <c r="B7947" s="22">
        <v>1.6620115041732788</v>
      </c>
      <c r="C7947" s="21">
        <v>258047.16605440949</v>
      </c>
      <c r="D7947">
        <f t="shared" si="124"/>
        <v>21</v>
      </c>
    </row>
    <row r="7948" spans="1:4" x14ac:dyDescent="0.25">
      <c r="A7948" s="20">
        <v>43886.916666647405</v>
      </c>
      <c r="B7948" s="22">
        <v>1.6162656545639038</v>
      </c>
      <c r="C7948" s="21">
        <v>250944.57571685209</v>
      </c>
      <c r="D7948">
        <f t="shared" si="124"/>
        <v>22</v>
      </c>
    </row>
    <row r="7949" spans="1:4" x14ac:dyDescent="0.25">
      <c r="A7949" s="20">
        <v>43886.958333314069</v>
      </c>
      <c r="B7949" s="22">
        <v>1.4562523365020752</v>
      </c>
      <c r="C7949" s="21">
        <v>226100.5940999157</v>
      </c>
      <c r="D7949">
        <f t="shared" si="124"/>
        <v>23</v>
      </c>
    </row>
    <row r="7950" spans="1:4" x14ac:dyDescent="0.25">
      <c r="A7950" s="20">
        <v>43886.999999980733</v>
      </c>
      <c r="B7950" s="22">
        <v>1.2895218133926392</v>
      </c>
      <c r="C7950" s="21">
        <v>200213.68605197142</v>
      </c>
      <c r="D7950">
        <f t="shared" si="124"/>
        <v>0</v>
      </c>
    </row>
    <row r="7951" spans="1:4" x14ac:dyDescent="0.25">
      <c r="A7951" s="20">
        <v>43887.041666647398</v>
      </c>
      <c r="B7951" s="22">
        <v>1.2602512836456299</v>
      </c>
      <c r="C7951" s="21">
        <v>195669.08619140417</v>
      </c>
      <c r="D7951">
        <f t="shared" si="124"/>
        <v>1</v>
      </c>
    </row>
    <row r="7952" spans="1:4" x14ac:dyDescent="0.25">
      <c r="A7952" s="20">
        <v>43887.083333314062</v>
      </c>
      <c r="B7952" s="22">
        <v>1.2499909400939941</v>
      </c>
      <c r="C7952" s="21">
        <v>194076.04512664859</v>
      </c>
      <c r="D7952">
        <f t="shared" si="124"/>
        <v>2</v>
      </c>
    </row>
    <row r="7953" spans="1:4" x14ac:dyDescent="0.25">
      <c r="A7953" s="20">
        <v>43887.124999980726</v>
      </c>
      <c r="B7953" s="22">
        <v>1.316031813621521</v>
      </c>
      <c r="C7953" s="21">
        <v>204329.6806849734</v>
      </c>
      <c r="D7953">
        <f t="shared" si="124"/>
        <v>3</v>
      </c>
    </row>
    <row r="7954" spans="1:4" x14ac:dyDescent="0.25">
      <c r="A7954" s="20">
        <v>43887.16666664739</v>
      </c>
      <c r="B7954" s="22">
        <v>1.5214493274688721</v>
      </c>
      <c r="C7954" s="21">
        <v>236223.20679664635</v>
      </c>
      <c r="D7954">
        <f t="shared" si="124"/>
        <v>4</v>
      </c>
    </row>
    <row r="7955" spans="1:4" x14ac:dyDescent="0.25">
      <c r="A7955" s="20">
        <v>43887.208333314054</v>
      </c>
      <c r="B7955" s="22">
        <v>1.5781993865966797</v>
      </c>
      <c r="C7955" s="21">
        <v>245034.33228800405</v>
      </c>
      <c r="D7955">
        <f t="shared" si="124"/>
        <v>5</v>
      </c>
    </row>
    <row r="7956" spans="1:4" x14ac:dyDescent="0.25">
      <c r="A7956" s="20">
        <v>43887.249999980719</v>
      </c>
      <c r="B7956" s="22">
        <v>1.8035455942153931</v>
      </c>
      <c r="C7956" s="21">
        <v>280022.02648332354</v>
      </c>
      <c r="D7956">
        <f t="shared" si="124"/>
        <v>6</v>
      </c>
    </row>
    <row r="7957" spans="1:4" x14ac:dyDescent="0.25">
      <c r="A7957" s="20">
        <v>43887.291666647383</v>
      </c>
      <c r="B7957" s="22">
        <v>1.6676950454711914</v>
      </c>
      <c r="C7957" s="21">
        <v>258929.60382418238</v>
      </c>
      <c r="D7957">
        <f t="shared" si="124"/>
        <v>7</v>
      </c>
    </row>
    <row r="7958" spans="1:4" x14ac:dyDescent="0.25">
      <c r="A7958" s="20">
        <v>43887.333333314047</v>
      </c>
      <c r="B7958" s="22">
        <v>1.5687060356140137</v>
      </c>
      <c r="C7958" s="21">
        <v>243560.37599390768</v>
      </c>
      <c r="D7958">
        <f t="shared" si="124"/>
        <v>8</v>
      </c>
    </row>
    <row r="7959" spans="1:4" x14ac:dyDescent="0.25">
      <c r="A7959" s="20">
        <v>43887.374999980711</v>
      </c>
      <c r="B7959" s="22">
        <v>1.5798250436782837</v>
      </c>
      <c r="C7959" s="21">
        <v>245286.73499510379</v>
      </c>
      <c r="D7959">
        <f t="shared" si="124"/>
        <v>9</v>
      </c>
    </row>
    <row r="7960" spans="1:4" x14ac:dyDescent="0.25">
      <c r="A7960" s="20">
        <v>43887.416666647376</v>
      </c>
      <c r="B7960" s="22">
        <v>1.5439059734344482</v>
      </c>
      <c r="C7960" s="21">
        <v>239709.86969636354</v>
      </c>
      <c r="D7960">
        <f t="shared" si="124"/>
        <v>10</v>
      </c>
    </row>
    <row r="7961" spans="1:4" x14ac:dyDescent="0.25">
      <c r="A7961" s="20">
        <v>43887.45833331404</v>
      </c>
      <c r="B7961" s="22">
        <v>1.5311414003372192</v>
      </c>
      <c r="C7961" s="21">
        <v>237728.01704049233</v>
      </c>
      <c r="D7961">
        <f t="shared" si="124"/>
        <v>11</v>
      </c>
    </row>
    <row r="7962" spans="1:4" x14ac:dyDescent="0.25">
      <c r="A7962" s="20">
        <v>43887.499999980704</v>
      </c>
      <c r="B7962" s="22">
        <v>1.4076582193374634</v>
      </c>
      <c r="C7962" s="21">
        <v>218555.77615505949</v>
      </c>
      <c r="D7962">
        <f t="shared" si="124"/>
        <v>12</v>
      </c>
    </row>
    <row r="7963" spans="1:4" x14ac:dyDescent="0.25">
      <c r="A7963" s="20">
        <v>43887.541666647368</v>
      </c>
      <c r="B7963" s="22">
        <v>1.3764411211013794</v>
      </c>
      <c r="C7963" s="21">
        <v>213708.9482528239</v>
      </c>
      <c r="D7963">
        <f t="shared" si="124"/>
        <v>13</v>
      </c>
    </row>
    <row r="7964" spans="1:4" x14ac:dyDescent="0.25">
      <c r="A7964" s="20">
        <v>43887.583333314033</v>
      </c>
      <c r="B7964" s="22">
        <v>1.562488317489624</v>
      </c>
      <c r="C7964" s="21">
        <v>242595.00088230637</v>
      </c>
      <c r="D7964">
        <f t="shared" si="124"/>
        <v>14</v>
      </c>
    </row>
    <row r="7965" spans="1:4" x14ac:dyDescent="0.25">
      <c r="A7965" s="20">
        <v>43887.624999980697</v>
      </c>
      <c r="B7965" s="22">
        <v>1.8687124252319336</v>
      </c>
      <c r="C7965" s="21">
        <v>290139.95648702083</v>
      </c>
      <c r="D7965">
        <f t="shared" si="124"/>
        <v>15</v>
      </c>
    </row>
    <row r="7966" spans="1:4" x14ac:dyDescent="0.25">
      <c r="A7966" s="20">
        <v>43887.666666647361</v>
      </c>
      <c r="B7966" s="22">
        <v>1.9552069902420044</v>
      </c>
      <c r="C7966" s="21">
        <v>303569.27230337553</v>
      </c>
      <c r="D7966">
        <f t="shared" si="124"/>
        <v>16</v>
      </c>
    </row>
    <row r="7967" spans="1:4" x14ac:dyDescent="0.25">
      <c r="A7967" s="20">
        <v>43887.708333314025</v>
      </c>
      <c r="B7967" s="22">
        <v>2.1257603168487549</v>
      </c>
      <c r="C7967" s="21">
        <v>330049.71632046794</v>
      </c>
      <c r="D7967">
        <f t="shared" si="124"/>
        <v>17</v>
      </c>
    </row>
    <row r="7968" spans="1:4" x14ac:dyDescent="0.25">
      <c r="A7968" s="20">
        <v>43887.74999998069</v>
      </c>
      <c r="B7968" s="22">
        <v>2.197162389755249</v>
      </c>
      <c r="C7968" s="21">
        <v>341135.74220997957</v>
      </c>
      <c r="D7968">
        <f t="shared" si="124"/>
        <v>18</v>
      </c>
    </row>
    <row r="7969" spans="1:4" x14ac:dyDescent="0.25">
      <c r="A7969" s="20">
        <v>43887.791666647354</v>
      </c>
      <c r="B7969" s="22">
        <v>2.5045123100280762</v>
      </c>
      <c r="C7969" s="21">
        <v>388855.49367638276</v>
      </c>
      <c r="D7969">
        <f t="shared" si="124"/>
        <v>19</v>
      </c>
    </row>
    <row r="7970" spans="1:4" x14ac:dyDescent="0.25">
      <c r="A7970" s="20">
        <v>43887.833333314018</v>
      </c>
      <c r="B7970" s="22">
        <v>2.4412755966186523</v>
      </c>
      <c r="C7970" s="21">
        <v>379037.23751815374</v>
      </c>
      <c r="D7970">
        <f t="shared" si="124"/>
        <v>20</v>
      </c>
    </row>
    <row r="7971" spans="1:4" x14ac:dyDescent="0.25">
      <c r="A7971" s="20">
        <v>43887.874999980682</v>
      </c>
      <c r="B7971" s="22">
        <v>2.4747822284698486</v>
      </c>
      <c r="C7971" s="21">
        <v>384239.54290022783</v>
      </c>
      <c r="D7971">
        <f t="shared" si="124"/>
        <v>21</v>
      </c>
    </row>
    <row r="7972" spans="1:4" x14ac:dyDescent="0.25">
      <c r="A7972" s="20">
        <v>43887.916666647347</v>
      </c>
      <c r="B7972" s="22">
        <v>2.4289290904998779</v>
      </c>
      <c r="C7972" s="21">
        <v>377120.29476136586</v>
      </c>
      <c r="D7972">
        <f t="shared" si="124"/>
        <v>22</v>
      </c>
    </row>
    <row r="7973" spans="1:4" x14ac:dyDescent="0.25">
      <c r="A7973" s="20">
        <v>43887.958333314011</v>
      </c>
      <c r="B7973" s="22">
        <v>2.3814342021942139</v>
      </c>
      <c r="C7973" s="21">
        <v>369746.14524520846</v>
      </c>
      <c r="D7973">
        <f t="shared" si="124"/>
        <v>23</v>
      </c>
    </row>
    <row r="7974" spans="1:4" x14ac:dyDescent="0.25">
      <c r="A7974" s="20">
        <v>43887.999999980675</v>
      </c>
      <c r="B7974" s="22">
        <v>2.3624966144561768</v>
      </c>
      <c r="C7974" s="21">
        <v>366805.85822827951</v>
      </c>
      <c r="D7974">
        <f t="shared" si="124"/>
        <v>0</v>
      </c>
    </row>
    <row r="7975" spans="1:4" x14ac:dyDescent="0.25">
      <c r="A7975" s="20">
        <v>43888.041666647339</v>
      </c>
      <c r="B7975" s="22">
        <v>2.3526363372802734</v>
      </c>
      <c r="C7975" s="21">
        <v>365274.93225372169</v>
      </c>
      <c r="D7975">
        <f t="shared" si="124"/>
        <v>1</v>
      </c>
    </row>
    <row r="7976" spans="1:4" x14ac:dyDescent="0.25">
      <c r="A7976" s="20">
        <v>43888.083333314004</v>
      </c>
      <c r="B7976" s="22">
        <v>2.4471197128295898</v>
      </c>
      <c r="C7976" s="21">
        <v>379944.60646387906</v>
      </c>
      <c r="D7976">
        <f t="shared" si="124"/>
        <v>2</v>
      </c>
    </row>
    <row r="7977" spans="1:4" x14ac:dyDescent="0.25">
      <c r="A7977" s="20">
        <v>43888.124999980668</v>
      </c>
      <c r="B7977" s="22">
        <v>2.4611420631408691</v>
      </c>
      <c r="C7977" s="21">
        <v>382121.74407704355</v>
      </c>
      <c r="D7977">
        <f t="shared" si="124"/>
        <v>3</v>
      </c>
    </row>
    <row r="7978" spans="1:4" x14ac:dyDescent="0.25">
      <c r="A7978" s="20">
        <v>43888.166666647332</v>
      </c>
      <c r="B7978" s="22">
        <v>2.6443350315093994</v>
      </c>
      <c r="C7978" s="21">
        <v>410564.64366582152</v>
      </c>
      <c r="D7978">
        <f t="shared" si="124"/>
        <v>4</v>
      </c>
    </row>
    <row r="7979" spans="1:4" x14ac:dyDescent="0.25">
      <c r="A7979" s="20">
        <v>43888.208333313996</v>
      </c>
      <c r="B7979" s="22">
        <v>2.7280404567718506</v>
      </c>
      <c r="C7979" s="21">
        <v>423560.91217426304</v>
      </c>
      <c r="D7979">
        <f t="shared" si="124"/>
        <v>5</v>
      </c>
    </row>
    <row r="7980" spans="1:4" x14ac:dyDescent="0.25">
      <c r="A7980" s="20">
        <v>43888.249999980661</v>
      </c>
      <c r="B7980" s="22">
        <v>3.0805900096893311</v>
      </c>
      <c r="C7980" s="21">
        <v>478298.44726091548</v>
      </c>
      <c r="D7980">
        <f t="shared" si="124"/>
        <v>6</v>
      </c>
    </row>
    <row r="7981" spans="1:4" x14ac:dyDescent="0.25">
      <c r="A7981" s="20">
        <v>43888.291666647325</v>
      </c>
      <c r="B7981" s="22">
        <v>2.9960422515869141</v>
      </c>
      <c r="C7981" s="21">
        <v>465171.39650356537</v>
      </c>
      <c r="D7981">
        <f t="shared" si="124"/>
        <v>7</v>
      </c>
    </row>
    <row r="7982" spans="1:4" x14ac:dyDescent="0.25">
      <c r="A7982" s="20">
        <v>43888.333333313989</v>
      </c>
      <c r="B7982" s="22">
        <v>2.7738046646118164</v>
      </c>
      <c r="C7982" s="21">
        <v>430666.35284671036</v>
      </c>
      <c r="D7982">
        <f t="shared" si="124"/>
        <v>8</v>
      </c>
    </row>
    <row r="7983" spans="1:4" x14ac:dyDescent="0.25">
      <c r="A7983" s="20">
        <v>43888.374999980653</v>
      </c>
      <c r="B7983" s="22">
        <v>2.9191250801086426</v>
      </c>
      <c r="C7983" s="21">
        <v>453229.08559232904</v>
      </c>
      <c r="D7983">
        <f t="shared" si="124"/>
        <v>9</v>
      </c>
    </row>
    <row r="7984" spans="1:4" x14ac:dyDescent="0.25">
      <c r="A7984" s="20">
        <v>43888.416666647317</v>
      </c>
      <c r="B7984" s="22">
        <v>2.9147114753723145</v>
      </c>
      <c r="C7984" s="21">
        <v>452543.82066399726</v>
      </c>
      <c r="D7984">
        <f t="shared" si="124"/>
        <v>10</v>
      </c>
    </row>
    <row r="7985" spans="1:4" x14ac:dyDescent="0.25">
      <c r="A7985" s="20">
        <v>43888.458333313982</v>
      </c>
      <c r="B7985" s="22">
        <v>2.6532683372497559</v>
      </c>
      <c r="C7985" s="21">
        <v>411951.64623710827</v>
      </c>
      <c r="D7985">
        <f t="shared" si="124"/>
        <v>11</v>
      </c>
    </row>
    <row r="7986" spans="1:4" x14ac:dyDescent="0.25">
      <c r="A7986" s="20">
        <v>43888.499999980646</v>
      </c>
      <c r="B7986" s="22">
        <v>2.5971329212188721</v>
      </c>
      <c r="C7986" s="21">
        <v>403235.95143855741</v>
      </c>
      <c r="D7986">
        <f t="shared" si="124"/>
        <v>12</v>
      </c>
    </row>
    <row r="7987" spans="1:4" x14ac:dyDescent="0.25">
      <c r="A7987" s="20">
        <v>43888.54166664731</v>
      </c>
      <c r="B7987" s="22">
        <v>2.516038179397583</v>
      </c>
      <c r="C7987" s="21">
        <v>390645.02276185917</v>
      </c>
      <c r="D7987">
        <f t="shared" si="124"/>
        <v>13</v>
      </c>
    </row>
    <row r="7988" spans="1:4" x14ac:dyDescent="0.25">
      <c r="A7988" s="20">
        <v>43888.583333313974</v>
      </c>
      <c r="B7988" s="22">
        <v>2.5466225147247314</v>
      </c>
      <c r="C7988" s="21">
        <v>395393.60665373428</v>
      </c>
      <c r="D7988">
        <f t="shared" si="124"/>
        <v>14</v>
      </c>
    </row>
    <row r="7989" spans="1:4" x14ac:dyDescent="0.25">
      <c r="A7989" s="20">
        <v>43888.624999980639</v>
      </c>
      <c r="B7989" s="22">
        <v>2.4605484008789063</v>
      </c>
      <c r="C7989" s="21">
        <v>382029.57090982527</v>
      </c>
      <c r="D7989">
        <f t="shared" si="124"/>
        <v>15</v>
      </c>
    </row>
    <row r="7990" spans="1:4" x14ac:dyDescent="0.25">
      <c r="A7990" s="20">
        <v>43888.666666647303</v>
      </c>
      <c r="B7990" s="22">
        <v>2.4623723030090332</v>
      </c>
      <c r="C7990" s="21">
        <v>382312.7535320021</v>
      </c>
      <c r="D7990">
        <f t="shared" si="124"/>
        <v>16</v>
      </c>
    </row>
    <row r="7991" spans="1:4" x14ac:dyDescent="0.25">
      <c r="A7991" s="20">
        <v>43888.708333313967</v>
      </c>
      <c r="B7991" s="22">
        <v>2.4914062023162842</v>
      </c>
      <c r="C7991" s="21">
        <v>386820.61368635885</v>
      </c>
      <c r="D7991">
        <f t="shared" si="124"/>
        <v>17</v>
      </c>
    </row>
    <row r="7992" spans="1:4" x14ac:dyDescent="0.25">
      <c r="A7992" s="20">
        <v>43888.749999980631</v>
      </c>
      <c r="B7992" s="22">
        <v>3.0023913383483887</v>
      </c>
      <c r="C7992" s="21">
        <v>466157.16816743062</v>
      </c>
      <c r="D7992">
        <f t="shared" si="124"/>
        <v>18</v>
      </c>
    </row>
    <row r="7993" spans="1:4" x14ac:dyDescent="0.25">
      <c r="A7993" s="20">
        <v>43888.791666647296</v>
      </c>
      <c r="B7993" s="22">
        <v>2.9023005962371826</v>
      </c>
      <c r="C7993" s="21">
        <v>450616.88322642661</v>
      </c>
      <c r="D7993">
        <f t="shared" si="124"/>
        <v>19</v>
      </c>
    </row>
    <row r="7994" spans="1:4" x14ac:dyDescent="0.25">
      <c r="A7994" s="20">
        <v>43888.83333331396</v>
      </c>
      <c r="B7994" s="22">
        <v>2.8089501857757568</v>
      </c>
      <c r="C7994" s="21">
        <v>436123.11539804499</v>
      </c>
      <c r="D7994">
        <f t="shared" si="124"/>
        <v>20</v>
      </c>
    </row>
    <row r="7995" spans="1:4" x14ac:dyDescent="0.25">
      <c r="A7995" s="20">
        <v>43888.874999980624</v>
      </c>
      <c r="B7995" s="22">
        <v>2.7614121437072754</v>
      </c>
      <c r="C7995" s="21">
        <v>428742.2657440296</v>
      </c>
      <c r="D7995">
        <f t="shared" si="124"/>
        <v>21</v>
      </c>
    </row>
    <row r="7996" spans="1:4" x14ac:dyDescent="0.25">
      <c r="A7996" s="20">
        <v>43888.916666647288</v>
      </c>
      <c r="B7996" s="22">
        <v>2.7921743392944336</v>
      </c>
      <c r="C7996" s="21">
        <v>433518.46456873399</v>
      </c>
      <c r="D7996">
        <f t="shared" si="124"/>
        <v>22</v>
      </c>
    </row>
    <row r="7997" spans="1:4" x14ac:dyDescent="0.25">
      <c r="A7997" s="20">
        <v>43888.958333313953</v>
      </c>
      <c r="B7997" s="22">
        <v>2.7198100090026855</v>
      </c>
      <c r="C7997" s="21">
        <v>422283.03671018896</v>
      </c>
      <c r="D7997">
        <f t="shared" si="124"/>
        <v>23</v>
      </c>
    </row>
    <row r="7998" spans="1:4" x14ac:dyDescent="0.25">
      <c r="A7998" s="20">
        <v>43888.999999980617</v>
      </c>
      <c r="B7998" s="22">
        <v>2.8302862644195557</v>
      </c>
      <c r="C7998" s="21">
        <v>439435.79681747052</v>
      </c>
      <c r="D7998">
        <f t="shared" si="124"/>
        <v>0</v>
      </c>
    </row>
    <row r="7999" spans="1:4" x14ac:dyDescent="0.25">
      <c r="A7999" s="20">
        <v>43889.041666647281</v>
      </c>
      <c r="B7999" s="22">
        <v>2.6987845897674561</v>
      </c>
      <c r="C7999" s="21">
        <v>419018.58887987409</v>
      </c>
      <c r="D7999">
        <f t="shared" si="124"/>
        <v>1</v>
      </c>
    </row>
    <row r="8000" spans="1:4" x14ac:dyDescent="0.25">
      <c r="A8000" s="20">
        <v>43889.083333313945</v>
      </c>
      <c r="B8000" s="22">
        <v>2.6172397136688232</v>
      </c>
      <c r="C8000" s="21">
        <v>406357.77147236938</v>
      </c>
      <c r="D8000">
        <f t="shared" si="124"/>
        <v>2</v>
      </c>
    </row>
    <row r="8001" spans="1:4" x14ac:dyDescent="0.25">
      <c r="A8001" s="20">
        <v>43889.12499998061</v>
      </c>
      <c r="B8001" s="22">
        <v>2.716322660446167</v>
      </c>
      <c r="C8001" s="21">
        <v>421741.58413311961</v>
      </c>
      <c r="D8001">
        <f t="shared" si="124"/>
        <v>3</v>
      </c>
    </row>
    <row r="8002" spans="1:4" x14ac:dyDescent="0.25">
      <c r="A8002" s="20">
        <v>43889.166666647274</v>
      </c>
      <c r="B8002" s="22">
        <v>2.5377371311187744</v>
      </c>
      <c r="C8002" s="21">
        <v>394014.04456703021</v>
      </c>
      <c r="D8002">
        <f t="shared" si="124"/>
        <v>4</v>
      </c>
    </row>
    <row r="8003" spans="1:4" x14ac:dyDescent="0.25">
      <c r="A8003" s="20">
        <v>43889.208333313938</v>
      </c>
      <c r="B8003" s="22">
        <v>2.68168044090271</v>
      </c>
      <c r="C8003" s="21">
        <v>416362.96517857129</v>
      </c>
      <c r="D8003">
        <f t="shared" si="124"/>
        <v>5</v>
      </c>
    </row>
    <row r="8004" spans="1:4" x14ac:dyDescent="0.25">
      <c r="A8004" s="20">
        <v>43889.249999980602</v>
      </c>
      <c r="B8004" s="22">
        <v>2.5370562076568604</v>
      </c>
      <c r="C8004" s="21">
        <v>393908.32305475092</v>
      </c>
      <c r="D8004">
        <f t="shared" si="124"/>
        <v>6</v>
      </c>
    </row>
    <row r="8005" spans="1:4" x14ac:dyDescent="0.25">
      <c r="A8005" s="20">
        <v>43889.291666647267</v>
      </c>
      <c r="B8005" s="22">
        <v>2.926551342010498</v>
      </c>
      <c r="C8005" s="21">
        <v>454382.10158129164</v>
      </c>
      <c r="D8005">
        <f t="shared" si="124"/>
        <v>7</v>
      </c>
    </row>
    <row r="8006" spans="1:4" x14ac:dyDescent="0.25">
      <c r="A8006" s="20">
        <v>43889.333333313931</v>
      </c>
      <c r="B8006" s="22">
        <v>2.9258782863616943</v>
      </c>
      <c r="C8006" s="21">
        <v>454277.60164110799</v>
      </c>
      <c r="D8006">
        <f t="shared" si="124"/>
        <v>8</v>
      </c>
    </row>
    <row r="8007" spans="1:4" x14ac:dyDescent="0.25">
      <c r="A8007" s="20">
        <v>43889.374999980595</v>
      </c>
      <c r="B8007" s="22">
        <v>2.6834719181060791</v>
      </c>
      <c r="C8007" s="21">
        <v>416641.11344302056</v>
      </c>
      <c r="D8007">
        <f t="shared" ref="D8007:D8070" si="125">HOUR(A8007)</f>
        <v>9</v>
      </c>
    </row>
    <row r="8008" spans="1:4" x14ac:dyDescent="0.25">
      <c r="A8008" s="20">
        <v>43889.416666647259</v>
      </c>
      <c r="B8008" s="22">
        <v>2.7784273624420166</v>
      </c>
      <c r="C8008" s="21">
        <v>431384.08197891776</v>
      </c>
      <c r="D8008">
        <f t="shared" si="125"/>
        <v>10</v>
      </c>
    </row>
    <row r="8009" spans="1:4" x14ac:dyDescent="0.25">
      <c r="A8009" s="20">
        <v>43889.458333313924</v>
      </c>
      <c r="B8009" s="22">
        <v>2.4290051460266113</v>
      </c>
      <c r="C8009" s="21">
        <v>377132.10329162393</v>
      </c>
      <c r="D8009">
        <f t="shared" si="125"/>
        <v>11</v>
      </c>
    </row>
    <row r="8010" spans="1:4" x14ac:dyDescent="0.25">
      <c r="A8010" s="20">
        <v>43889.499999980588</v>
      </c>
      <c r="B8010" s="22">
        <v>2.2428326606750488</v>
      </c>
      <c r="C8010" s="21">
        <v>348226.59805195138</v>
      </c>
      <c r="D8010">
        <f t="shared" si="125"/>
        <v>12</v>
      </c>
    </row>
    <row r="8011" spans="1:4" x14ac:dyDescent="0.25">
      <c r="A8011" s="20">
        <v>43889.541666647252</v>
      </c>
      <c r="B8011" s="22">
        <v>2.1254005432128906</v>
      </c>
      <c r="C8011" s="21">
        <v>329993.85716009344</v>
      </c>
      <c r="D8011">
        <f t="shared" si="125"/>
        <v>13</v>
      </c>
    </row>
    <row r="8012" spans="1:4" x14ac:dyDescent="0.25">
      <c r="A8012" s="20">
        <v>43889.583333313916</v>
      </c>
      <c r="B8012" s="22">
        <v>2.2134160995483398</v>
      </c>
      <c r="C8012" s="21">
        <v>343659.32507294184</v>
      </c>
      <c r="D8012">
        <f t="shared" si="125"/>
        <v>14</v>
      </c>
    </row>
    <row r="8013" spans="1:4" x14ac:dyDescent="0.25">
      <c r="A8013" s="20">
        <v>43889.62499998058</v>
      </c>
      <c r="B8013" s="22">
        <v>2.1804409027099609</v>
      </c>
      <c r="C8013" s="21">
        <v>338539.53133332956</v>
      </c>
      <c r="D8013">
        <f t="shared" si="125"/>
        <v>15</v>
      </c>
    </row>
    <row r="8014" spans="1:4" x14ac:dyDescent="0.25">
      <c r="A8014" s="20">
        <v>43889.666666647245</v>
      </c>
      <c r="B8014" s="22">
        <v>2.3239924907684326</v>
      </c>
      <c r="C8014" s="21">
        <v>360827.63246144098</v>
      </c>
      <c r="D8014">
        <f t="shared" si="125"/>
        <v>16</v>
      </c>
    </row>
    <row r="8015" spans="1:4" x14ac:dyDescent="0.25">
      <c r="A8015" s="20">
        <v>43889.708333313909</v>
      </c>
      <c r="B8015" s="22">
        <v>2.1800005435943604</v>
      </c>
      <c r="C8015" s="21">
        <v>338471.16031330859</v>
      </c>
      <c r="D8015">
        <f t="shared" si="125"/>
        <v>17</v>
      </c>
    </row>
    <row r="8016" spans="1:4" x14ac:dyDescent="0.25">
      <c r="A8016" s="20">
        <v>43889.749999980573</v>
      </c>
      <c r="B8016" s="22">
        <v>2.3521757125854492</v>
      </c>
      <c r="C8016" s="21">
        <v>365203.41476012097</v>
      </c>
      <c r="D8016">
        <f t="shared" si="125"/>
        <v>18</v>
      </c>
    </row>
    <row r="8017" spans="1:4" x14ac:dyDescent="0.25">
      <c r="A8017" s="20">
        <v>43889.791666647237</v>
      </c>
      <c r="B8017" s="22">
        <v>2.5081648826599121</v>
      </c>
      <c r="C8017" s="21">
        <v>389422.59926746105</v>
      </c>
      <c r="D8017">
        <f t="shared" si="125"/>
        <v>19</v>
      </c>
    </row>
    <row r="8018" spans="1:4" x14ac:dyDescent="0.25">
      <c r="A8018" s="20">
        <v>43889.833333313902</v>
      </c>
      <c r="B8018" s="22">
        <v>2.5992047786712646</v>
      </c>
      <c r="C8018" s="21">
        <v>403557.63209041581</v>
      </c>
      <c r="D8018">
        <f t="shared" si="125"/>
        <v>20</v>
      </c>
    </row>
    <row r="8019" spans="1:4" x14ac:dyDescent="0.25">
      <c r="A8019" s="20">
        <v>43889.874999980566</v>
      </c>
      <c r="B8019" s="22">
        <v>2.4619529247283936</v>
      </c>
      <c r="C8019" s="21">
        <v>382247.64003756951</v>
      </c>
      <c r="D8019">
        <f t="shared" si="125"/>
        <v>21</v>
      </c>
    </row>
    <row r="8020" spans="1:4" x14ac:dyDescent="0.25">
      <c r="A8020" s="20">
        <v>43889.91666664723</v>
      </c>
      <c r="B8020" s="22">
        <v>2.3492522239685059</v>
      </c>
      <c r="C8020" s="21">
        <v>364749.50818324095</v>
      </c>
      <c r="D8020">
        <f t="shared" si="125"/>
        <v>22</v>
      </c>
    </row>
    <row r="8021" spans="1:4" x14ac:dyDescent="0.25">
      <c r="A8021" s="20">
        <v>43889.958333313894</v>
      </c>
      <c r="B8021" s="22">
        <v>2.4521427154541016</v>
      </c>
      <c r="C8021" s="21">
        <v>380724.48770362046</v>
      </c>
      <c r="D8021">
        <f t="shared" si="125"/>
        <v>23</v>
      </c>
    </row>
    <row r="8022" spans="1:4" x14ac:dyDescent="0.25">
      <c r="A8022" s="20">
        <v>43889.999999980559</v>
      </c>
      <c r="B8022" s="22">
        <v>2.3241798877716064</v>
      </c>
      <c r="C8022" s="21">
        <v>360856.72808771953</v>
      </c>
      <c r="D8022">
        <f t="shared" si="125"/>
        <v>0</v>
      </c>
    </row>
    <row r="8023" spans="1:4" x14ac:dyDescent="0.25">
      <c r="A8023" s="20">
        <v>43890.041666647223</v>
      </c>
      <c r="B8023" s="22">
        <v>2.5197122097015381</v>
      </c>
      <c r="C8023" s="21">
        <v>391215.45991319843</v>
      </c>
      <c r="D8023">
        <f t="shared" si="125"/>
        <v>1</v>
      </c>
    </row>
    <row r="8024" spans="1:4" x14ac:dyDescent="0.25">
      <c r="A8024" s="20">
        <v>43890.083333313887</v>
      </c>
      <c r="B8024" s="22">
        <v>2.3631100654602051</v>
      </c>
      <c r="C8024" s="21">
        <v>366901.10383440513</v>
      </c>
      <c r="D8024">
        <f t="shared" si="125"/>
        <v>2</v>
      </c>
    </row>
    <row r="8025" spans="1:4" x14ac:dyDescent="0.25">
      <c r="A8025" s="20">
        <v>43890.124999980551</v>
      </c>
      <c r="B8025" s="22">
        <v>2.4401943683624268</v>
      </c>
      <c r="C8025" s="21">
        <v>378869.36389834038</v>
      </c>
      <c r="D8025">
        <f t="shared" si="125"/>
        <v>3</v>
      </c>
    </row>
    <row r="8026" spans="1:4" x14ac:dyDescent="0.25">
      <c r="A8026" s="20">
        <v>43890.166666647216</v>
      </c>
      <c r="B8026" s="22">
        <v>2.5025210380554199</v>
      </c>
      <c r="C8026" s="21">
        <v>388546.32488417084</v>
      </c>
      <c r="D8026">
        <f t="shared" si="125"/>
        <v>4</v>
      </c>
    </row>
    <row r="8027" spans="1:4" x14ac:dyDescent="0.25">
      <c r="A8027" s="20">
        <v>43890.20833331388</v>
      </c>
      <c r="B8027" s="22">
        <v>2.8171427249908447</v>
      </c>
      <c r="C8027" s="21">
        <v>437395.10510565812</v>
      </c>
      <c r="D8027">
        <f t="shared" si="125"/>
        <v>5</v>
      </c>
    </row>
    <row r="8028" spans="1:4" x14ac:dyDescent="0.25">
      <c r="A8028" s="20">
        <v>43890.249999980544</v>
      </c>
      <c r="B8028" s="22">
        <v>2.7922029495239258</v>
      </c>
      <c r="C8028" s="21">
        <v>433522.90664908191</v>
      </c>
      <c r="D8028">
        <f t="shared" si="125"/>
        <v>6</v>
      </c>
    </row>
    <row r="8029" spans="1:4" x14ac:dyDescent="0.25">
      <c r="A8029" s="20">
        <v>43890.291666647208</v>
      </c>
      <c r="B8029" s="22">
        <v>2.9205734729766846</v>
      </c>
      <c r="C8029" s="21">
        <v>453453.96590993996</v>
      </c>
      <c r="D8029">
        <f t="shared" si="125"/>
        <v>7</v>
      </c>
    </row>
    <row r="8030" spans="1:4" x14ac:dyDescent="0.25">
      <c r="A8030" s="20">
        <v>43890.333333313873</v>
      </c>
      <c r="B8030" s="22">
        <v>3.0749807357788086</v>
      </c>
      <c r="C8030" s="21">
        <v>477427.54039137904</v>
      </c>
      <c r="D8030">
        <f t="shared" si="125"/>
        <v>8</v>
      </c>
    </row>
    <row r="8031" spans="1:4" x14ac:dyDescent="0.25">
      <c r="A8031" s="20">
        <v>43890.374999980537</v>
      </c>
      <c r="B8031" s="22">
        <v>2.9644229412078857</v>
      </c>
      <c r="C8031" s="21">
        <v>460262.12035510596</v>
      </c>
      <c r="D8031">
        <f t="shared" si="125"/>
        <v>9</v>
      </c>
    </row>
    <row r="8032" spans="1:4" x14ac:dyDescent="0.25">
      <c r="A8032" s="20">
        <v>43890.416666647201</v>
      </c>
      <c r="B8032" s="22">
        <v>2.7448279857635498</v>
      </c>
      <c r="C8032" s="21">
        <v>426167.37685304938</v>
      </c>
      <c r="D8032">
        <f t="shared" si="125"/>
        <v>10</v>
      </c>
    </row>
    <row r="8033" spans="1:4" x14ac:dyDescent="0.25">
      <c r="A8033" s="20">
        <v>43890.458333313865</v>
      </c>
      <c r="B8033" s="22">
        <v>2.7041587829589844</v>
      </c>
      <c r="C8033" s="21">
        <v>419852.9966558856</v>
      </c>
      <c r="D8033">
        <f t="shared" si="125"/>
        <v>11</v>
      </c>
    </row>
    <row r="8034" spans="1:4" x14ac:dyDescent="0.25">
      <c r="A8034" s="20">
        <v>43890.49999998053</v>
      </c>
      <c r="B8034" s="22">
        <v>2.5636234283447266</v>
      </c>
      <c r="C8034" s="21">
        <v>398033.2018484486</v>
      </c>
      <c r="D8034">
        <f t="shared" si="125"/>
        <v>12</v>
      </c>
    </row>
    <row r="8035" spans="1:4" x14ac:dyDescent="0.25">
      <c r="A8035" s="20">
        <v>43890.541666647194</v>
      </c>
      <c r="B8035" s="22">
        <v>2.1937363147735596</v>
      </c>
      <c r="C8035" s="21">
        <v>340603.80308832193</v>
      </c>
      <c r="D8035">
        <f t="shared" si="125"/>
        <v>13</v>
      </c>
    </row>
    <row r="8036" spans="1:4" x14ac:dyDescent="0.25">
      <c r="A8036" s="20">
        <v>43890.583333313858</v>
      </c>
      <c r="B8036" s="22">
        <v>2.461961030960083</v>
      </c>
      <c r="C8036" s="21">
        <v>382248.89862700144</v>
      </c>
      <c r="D8036">
        <f t="shared" si="125"/>
        <v>14</v>
      </c>
    </row>
    <row r="8037" spans="1:4" x14ac:dyDescent="0.25">
      <c r="A8037" s="20">
        <v>43890.624999980522</v>
      </c>
      <c r="B8037" s="22">
        <v>2.2039608955383301</v>
      </c>
      <c r="C8037" s="21">
        <v>342191.29155264265</v>
      </c>
      <c r="D8037">
        <f t="shared" si="125"/>
        <v>15</v>
      </c>
    </row>
    <row r="8038" spans="1:4" x14ac:dyDescent="0.25">
      <c r="A8038" s="20">
        <v>43890.666666647187</v>
      </c>
      <c r="B8038" s="22">
        <v>2.3238871097564697</v>
      </c>
      <c r="C8038" s="21">
        <v>360811.2707988263</v>
      </c>
      <c r="D8038">
        <f t="shared" si="125"/>
        <v>16</v>
      </c>
    </row>
    <row r="8039" spans="1:4" x14ac:dyDescent="0.25">
      <c r="A8039" s="20">
        <v>43890.708333313851</v>
      </c>
      <c r="B8039" s="22">
        <v>2.3514926433563232</v>
      </c>
      <c r="C8039" s="21">
        <v>365097.36009181553</v>
      </c>
      <c r="D8039">
        <f t="shared" si="125"/>
        <v>17</v>
      </c>
    </row>
    <row r="8040" spans="1:4" x14ac:dyDescent="0.25">
      <c r="A8040" s="20">
        <v>43890.749999980515</v>
      </c>
      <c r="B8040" s="22">
        <v>2.5796124935150146</v>
      </c>
      <c r="C8040" s="21">
        <v>400515.69546819309</v>
      </c>
      <c r="D8040">
        <f t="shared" si="125"/>
        <v>18</v>
      </c>
    </row>
    <row r="8041" spans="1:4" x14ac:dyDescent="0.25">
      <c r="A8041" s="20">
        <v>43890.791666647179</v>
      </c>
      <c r="B8041" s="22">
        <v>2.7801513671875</v>
      </c>
      <c r="C8041" s="21">
        <v>431651.75433721329</v>
      </c>
      <c r="D8041">
        <f t="shared" si="125"/>
        <v>19</v>
      </c>
    </row>
    <row r="8042" spans="1:4" x14ac:dyDescent="0.25">
      <c r="A8042" s="20">
        <v>43890.833333313843</v>
      </c>
      <c r="B8042" s="22">
        <v>3.0982949733734131</v>
      </c>
      <c r="C8042" s="21">
        <v>481047.35464952356</v>
      </c>
      <c r="D8042">
        <f t="shared" si="125"/>
        <v>20</v>
      </c>
    </row>
    <row r="8043" spans="1:4" x14ac:dyDescent="0.25">
      <c r="A8043" s="20">
        <v>43890.874999980508</v>
      </c>
      <c r="B8043" s="22">
        <v>3.1448252201080322</v>
      </c>
      <c r="C8043" s="21">
        <v>488271.73202328518</v>
      </c>
      <c r="D8043">
        <f t="shared" si="125"/>
        <v>21</v>
      </c>
    </row>
    <row r="8044" spans="1:4" x14ac:dyDescent="0.25">
      <c r="A8044" s="20">
        <v>43890.916666647172</v>
      </c>
      <c r="B8044" s="22">
        <v>3.1984198093414307</v>
      </c>
      <c r="C8044" s="21">
        <v>496592.93306960887</v>
      </c>
      <c r="D8044">
        <f t="shared" si="125"/>
        <v>22</v>
      </c>
    </row>
    <row r="8045" spans="1:4" x14ac:dyDescent="0.25">
      <c r="A8045" s="20">
        <v>43890.958333313836</v>
      </c>
      <c r="B8045" s="22">
        <v>3.0093626976013184</v>
      </c>
      <c r="C8045" s="21">
        <v>467239.55507886212</v>
      </c>
      <c r="D8045">
        <f t="shared" si="125"/>
        <v>23</v>
      </c>
    </row>
    <row r="8046" spans="1:4" x14ac:dyDescent="0.25">
      <c r="A8046" s="20">
        <v>43890.9999999805</v>
      </c>
      <c r="B8046" s="22">
        <v>2.9319496154785156</v>
      </c>
      <c r="C8046" s="21">
        <v>515787.01195983222</v>
      </c>
      <c r="D8046">
        <f t="shared" si="125"/>
        <v>0</v>
      </c>
    </row>
    <row r="8047" spans="1:4" x14ac:dyDescent="0.25">
      <c r="A8047" s="20">
        <v>43891.041666647165</v>
      </c>
      <c r="B8047" s="22">
        <v>3.2074117660522461</v>
      </c>
      <c r="C8047" s="21">
        <v>564246.16651091247</v>
      </c>
      <c r="D8047">
        <f t="shared" si="125"/>
        <v>1</v>
      </c>
    </row>
    <row r="8048" spans="1:4" x14ac:dyDescent="0.25">
      <c r="A8048" s="20">
        <v>43891.083333313829</v>
      </c>
      <c r="B8048" s="22">
        <v>2.9792056083679199</v>
      </c>
      <c r="C8048" s="21">
        <v>524100.26101463998</v>
      </c>
      <c r="D8048">
        <f t="shared" si="125"/>
        <v>2</v>
      </c>
    </row>
    <row r="8049" spans="1:4" x14ac:dyDescent="0.25">
      <c r="A8049" s="20">
        <v>43891.124999980493</v>
      </c>
      <c r="B8049" s="22">
        <v>3.1619646549224854</v>
      </c>
      <c r="C8049" s="21">
        <v>556251.13497009932</v>
      </c>
      <c r="D8049">
        <f t="shared" si="125"/>
        <v>3</v>
      </c>
    </row>
    <row r="8050" spans="1:4" x14ac:dyDescent="0.25">
      <c r="A8050" s="20">
        <v>43891.166666647157</v>
      </c>
      <c r="B8050" s="22">
        <v>3.1961574554443359</v>
      </c>
      <c r="C8050" s="21">
        <v>562266.31419371138</v>
      </c>
      <c r="D8050">
        <f t="shared" si="125"/>
        <v>4</v>
      </c>
    </row>
    <row r="8051" spans="1:4" x14ac:dyDescent="0.25">
      <c r="A8051" s="20">
        <v>43891.208333313822</v>
      </c>
      <c r="B8051" s="22">
        <v>3.4015288352966309</v>
      </c>
      <c r="C8051" s="21">
        <v>598395.1377576848</v>
      </c>
      <c r="D8051">
        <f t="shared" si="125"/>
        <v>5</v>
      </c>
    </row>
    <row r="8052" spans="1:4" x14ac:dyDescent="0.25">
      <c r="A8052" s="20">
        <v>43891.249999980486</v>
      </c>
      <c r="B8052" s="22">
        <v>3.7240297794342041</v>
      </c>
      <c r="C8052" s="21">
        <v>655129.33177411079</v>
      </c>
      <c r="D8052">
        <f t="shared" si="125"/>
        <v>6</v>
      </c>
    </row>
    <row r="8053" spans="1:4" x14ac:dyDescent="0.25">
      <c r="A8053" s="20">
        <v>43891.29166664715</v>
      </c>
      <c r="B8053" s="22">
        <v>3.4529247283935547</v>
      </c>
      <c r="C8053" s="21">
        <v>607436.67584808019</v>
      </c>
      <c r="D8053">
        <f t="shared" si="125"/>
        <v>7</v>
      </c>
    </row>
    <row r="8054" spans="1:4" x14ac:dyDescent="0.25">
      <c r="A8054" s="20">
        <v>43891.333333313814</v>
      </c>
      <c r="B8054" s="22">
        <v>3.7191507816314697</v>
      </c>
      <c r="C8054" s="21">
        <v>654271.0210839319</v>
      </c>
      <c r="D8054">
        <f t="shared" si="125"/>
        <v>8</v>
      </c>
    </row>
    <row r="8055" spans="1:4" x14ac:dyDescent="0.25">
      <c r="A8055" s="20">
        <v>43891.374999980479</v>
      </c>
      <c r="B8055" s="22">
        <v>2.847909688949585</v>
      </c>
      <c r="C8055" s="21">
        <v>501002.75292589702</v>
      </c>
      <c r="D8055">
        <f t="shared" si="125"/>
        <v>9</v>
      </c>
    </row>
    <row r="8056" spans="1:4" x14ac:dyDescent="0.25">
      <c r="A8056" s="20">
        <v>43891.416666647143</v>
      </c>
      <c r="B8056" s="22">
        <v>2.6651320457458496</v>
      </c>
      <c r="C8056" s="21">
        <v>468848.60745783831</v>
      </c>
      <c r="D8056">
        <f t="shared" si="125"/>
        <v>10</v>
      </c>
    </row>
    <row r="8057" spans="1:4" x14ac:dyDescent="0.25">
      <c r="A8057" s="20">
        <v>43891.458333313807</v>
      </c>
      <c r="B8057" s="22">
        <v>2.1644473075866699</v>
      </c>
      <c r="C8057" s="21">
        <v>380768.4154703418</v>
      </c>
      <c r="D8057">
        <f t="shared" si="125"/>
        <v>11</v>
      </c>
    </row>
    <row r="8058" spans="1:4" x14ac:dyDescent="0.25">
      <c r="A8058" s="20">
        <v>43891.499999980471</v>
      </c>
      <c r="B8058" s="22">
        <v>1.9294358491897583</v>
      </c>
      <c r="C8058" s="21">
        <v>339425.32510380348</v>
      </c>
      <c r="D8058">
        <f t="shared" si="125"/>
        <v>12</v>
      </c>
    </row>
    <row r="8059" spans="1:4" x14ac:dyDescent="0.25">
      <c r="A8059" s="20">
        <v>43891.541666647136</v>
      </c>
      <c r="B8059" s="22">
        <v>1.993320107460022</v>
      </c>
      <c r="C8059" s="21">
        <v>350663.80973209807</v>
      </c>
      <c r="D8059">
        <f t="shared" si="125"/>
        <v>13</v>
      </c>
    </row>
    <row r="8060" spans="1:4" x14ac:dyDescent="0.25">
      <c r="A8060" s="20">
        <v>43891.5833333138</v>
      </c>
      <c r="B8060" s="22">
        <v>1.786719799041748</v>
      </c>
      <c r="C8060" s="21">
        <v>314318.7937105149</v>
      </c>
      <c r="D8060">
        <f t="shared" si="125"/>
        <v>14</v>
      </c>
    </row>
    <row r="8061" spans="1:4" x14ac:dyDescent="0.25">
      <c r="A8061" s="20">
        <v>43891.624999980464</v>
      </c>
      <c r="B8061" s="22">
        <v>1.587390661239624</v>
      </c>
      <c r="C8061" s="21">
        <v>279252.91814405919</v>
      </c>
      <c r="D8061">
        <f t="shared" si="125"/>
        <v>15</v>
      </c>
    </row>
    <row r="8062" spans="1:4" x14ac:dyDescent="0.25">
      <c r="A8062" s="20">
        <v>43891.666666647128</v>
      </c>
      <c r="B8062" s="22">
        <v>1.4912511110305786</v>
      </c>
      <c r="C8062" s="21">
        <v>262340.09976829297</v>
      </c>
      <c r="D8062">
        <f t="shared" si="125"/>
        <v>16</v>
      </c>
    </row>
    <row r="8063" spans="1:4" x14ac:dyDescent="0.25">
      <c r="A8063" s="20">
        <v>43891.708333313793</v>
      </c>
      <c r="B8063" s="22">
        <v>1.4013118743896484</v>
      </c>
      <c r="C8063" s="21">
        <v>246518.03724713926</v>
      </c>
      <c r="D8063">
        <f t="shared" si="125"/>
        <v>17</v>
      </c>
    </row>
    <row r="8064" spans="1:4" x14ac:dyDescent="0.25">
      <c r="A8064" s="20">
        <v>43891.749999980457</v>
      </c>
      <c r="B8064" s="22">
        <v>1.6062978506088257</v>
      </c>
      <c r="C8064" s="21">
        <v>282579.06080961373</v>
      </c>
      <c r="D8064">
        <f t="shared" si="125"/>
        <v>18</v>
      </c>
    </row>
    <row r="8065" spans="1:4" x14ac:dyDescent="0.25">
      <c r="A8065" s="20">
        <v>43891.791666647121</v>
      </c>
      <c r="B8065" s="22">
        <v>1.8618884086608887</v>
      </c>
      <c r="C8065" s="21">
        <v>327542.41540713259</v>
      </c>
      <c r="D8065">
        <f t="shared" si="125"/>
        <v>19</v>
      </c>
    </row>
    <row r="8066" spans="1:4" x14ac:dyDescent="0.25">
      <c r="A8066" s="20">
        <v>43891.833333313785</v>
      </c>
      <c r="B8066" s="22">
        <v>2.069777250289917</v>
      </c>
      <c r="C8066" s="21">
        <v>364114.10950363131</v>
      </c>
      <c r="D8066">
        <f t="shared" si="125"/>
        <v>20</v>
      </c>
    </row>
    <row r="8067" spans="1:4" x14ac:dyDescent="0.25">
      <c r="A8067" s="20">
        <v>43891.87499998045</v>
      </c>
      <c r="B8067" s="22">
        <v>2.0915300846099854</v>
      </c>
      <c r="C8067" s="21">
        <v>367940.85651059658</v>
      </c>
      <c r="D8067">
        <f t="shared" si="125"/>
        <v>21</v>
      </c>
    </row>
    <row r="8068" spans="1:4" x14ac:dyDescent="0.25">
      <c r="A8068" s="20">
        <v>43891.916666647114</v>
      </c>
      <c r="B8068" s="22">
        <v>1.7092876434326172</v>
      </c>
      <c r="C8068" s="21">
        <v>300696.9702110943</v>
      </c>
      <c r="D8068">
        <f t="shared" si="125"/>
        <v>22</v>
      </c>
    </row>
    <row r="8069" spans="1:4" x14ac:dyDescent="0.25">
      <c r="A8069" s="20">
        <v>43891.958333313778</v>
      </c>
      <c r="B8069" s="22">
        <v>1.7643219232559204</v>
      </c>
      <c r="C8069" s="21">
        <v>310378.57135306689</v>
      </c>
      <c r="D8069">
        <f t="shared" si="125"/>
        <v>23</v>
      </c>
    </row>
    <row r="8070" spans="1:4" x14ac:dyDescent="0.25">
      <c r="A8070" s="20">
        <v>43891.999999980442</v>
      </c>
      <c r="B8070" s="22">
        <v>1.7061120271682739</v>
      </c>
      <c r="C8070" s="21">
        <v>300138.31749227899</v>
      </c>
      <c r="D8070">
        <f t="shared" si="125"/>
        <v>0</v>
      </c>
    </row>
    <row r="8071" spans="1:4" x14ac:dyDescent="0.25">
      <c r="A8071" s="20">
        <v>43892.041666647106</v>
      </c>
      <c r="B8071" s="22">
        <v>1.6611729860305786</v>
      </c>
      <c r="C8071" s="21">
        <v>292232.66535337997</v>
      </c>
      <c r="D8071">
        <f t="shared" ref="D8071:D8134" si="126">HOUR(A8071)</f>
        <v>1</v>
      </c>
    </row>
    <row r="8072" spans="1:4" x14ac:dyDescent="0.25">
      <c r="A8072" s="20">
        <v>43892.083333313771</v>
      </c>
      <c r="B8072" s="22">
        <v>1.6584768295288086</v>
      </c>
      <c r="C8072" s="21">
        <v>291758.35894017201</v>
      </c>
      <c r="D8072">
        <f t="shared" si="126"/>
        <v>2</v>
      </c>
    </row>
    <row r="8073" spans="1:4" x14ac:dyDescent="0.25">
      <c r="A8073" s="20">
        <v>43892.124999980435</v>
      </c>
      <c r="B8073" s="22">
        <v>1.7424588203430176</v>
      </c>
      <c r="C8073" s="21">
        <v>306532.42595408601</v>
      </c>
      <c r="D8073">
        <f t="shared" si="126"/>
        <v>3</v>
      </c>
    </row>
    <row r="8074" spans="1:4" x14ac:dyDescent="0.25">
      <c r="A8074" s="20">
        <v>43892.166666647099</v>
      </c>
      <c r="B8074" s="22">
        <v>1.8472782373428345</v>
      </c>
      <c r="C8074" s="21">
        <v>324972.20186438365</v>
      </c>
      <c r="D8074">
        <f t="shared" si="126"/>
        <v>4</v>
      </c>
    </row>
    <row r="8075" spans="1:4" x14ac:dyDescent="0.25">
      <c r="A8075" s="20">
        <v>43892.208333313763</v>
      </c>
      <c r="B8075" s="22">
        <v>2.1016952991485596</v>
      </c>
      <c r="C8075" s="21">
        <v>369729.11562838708</v>
      </c>
      <c r="D8075">
        <f t="shared" si="126"/>
        <v>5</v>
      </c>
    </row>
    <row r="8076" spans="1:4" x14ac:dyDescent="0.25">
      <c r="A8076" s="20">
        <v>43892.249999980428</v>
      </c>
      <c r="B8076" s="22">
        <v>2.2413060665130615</v>
      </c>
      <c r="C8076" s="21">
        <v>394289.36733128107</v>
      </c>
      <c r="D8076">
        <f t="shared" si="126"/>
        <v>6</v>
      </c>
    </row>
    <row r="8077" spans="1:4" x14ac:dyDescent="0.25">
      <c r="A8077" s="20">
        <v>43892.291666647092</v>
      </c>
      <c r="B8077" s="22">
        <v>1.9344391822814941</v>
      </c>
      <c r="C8077" s="21">
        <v>340305.50879168208</v>
      </c>
      <c r="D8077">
        <f t="shared" si="126"/>
        <v>7</v>
      </c>
    </row>
    <row r="8078" spans="1:4" x14ac:dyDescent="0.25">
      <c r="A8078" s="20">
        <v>43892.333333313756</v>
      </c>
      <c r="B8078" s="22">
        <v>1.7748585939407349</v>
      </c>
      <c r="C8078" s="21">
        <v>312232.17683790682</v>
      </c>
      <c r="D8078">
        <f t="shared" si="126"/>
        <v>8</v>
      </c>
    </row>
    <row r="8079" spans="1:4" x14ac:dyDescent="0.25">
      <c r="A8079" s="20">
        <v>43892.37499998042</v>
      </c>
      <c r="B8079" s="22">
        <v>1.6898362636566162</v>
      </c>
      <c r="C8079" s="21">
        <v>297275.09385953838</v>
      </c>
      <c r="D8079">
        <f t="shared" si="126"/>
        <v>9</v>
      </c>
    </row>
    <row r="8080" spans="1:4" x14ac:dyDescent="0.25">
      <c r="A8080" s="20">
        <v>43892.416666647085</v>
      </c>
      <c r="B8080" s="22">
        <v>1.5958465337753296</v>
      </c>
      <c r="C8080" s="21">
        <v>280740.47072875564</v>
      </c>
      <c r="D8080">
        <f t="shared" si="126"/>
        <v>10</v>
      </c>
    </row>
    <row r="8081" spans="1:4" x14ac:dyDescent="0.25">
      <c r="A8081" s="20">
        <v>43892.458333313749</v>
      </c>
      <c r="B8081" s="22">
        <v>1.4506250619888306</v>
      </c>
      <c r="C8081" s="21">
        <v>255193.1868976375</v>
      </c>
      <c r="D8081">
        <f t="shared" si="126"/>
        <v>11</v>
      </c>
    </row>
    <row r="8082" spans="1:4" x14ac:dyDescent="0.25">
      <c r="A8082" s="20">
        <v>43892.499999980413</v>
      </c>
      <c r="B8082" s="22">
        <v>1.357790470123291</v>
      </c>
      <c r="C8082" s="21">
        <v>238861.77503024004</v>
      </c>
      <c r="D8082">
        <f t="shared" si="126"/>
        <v>12</v>
      </c>
    </row>
    <row r="8083" spans="1:4" x14ac:dyDescent="0.25">
      <c r="A8083" s="20">
        <v>43892.541666647077</v>
      </c>
      <c r="B8083" s="22">
        <v>1.4710891246795654</v>
      </c>
      <c r="C8083" s="21">
        <v>258793.21388721798</v>
      </c>
      <c r="D8083">
        <f t="shared" si="126"/>
        <v>13</v>
      </c>
    </row>
    <row r="8084" spans="1:4" x14ac:dyDescent="0.25">
      <c r="A8084" s="20">
        <v>43892.583333313742</v>
      </c>
      <c r="B8084" s="22">
        <v>1.6429510116577148</v>
      </c>
      <c r="C8084" s="21">
        <v>289027.06534437224</v>
      </c>
      <c r="D8084">
        <f t="shared" si="126"/>
        <v>14</v>
      </c>
    </row>
    <row r="8085" spans="1:4" x14ac:dyDescent="0.25">
      <c r="A8085" s="20">
        <v>43892.624999980406</v>
      </c>
      <c r="B8085" s="22">
        <v>1.4828734397888184</v>
      </c>
      <c r="C8085" s="21">
        <v>260866.30431350169</v>
      </c>
      <c r="D8085">
        <f t="shared" si="126"/>
        <v>15</v>
      </c>
    </row>
    <row r="8086" spans="1:4" x14ac:dyDescent="0.25">
      <c r="A8086" s="20">
        <v>43892.66666664707</v>
      </c>
      <c r="B8086" s="22">
        <v>1.423654317855835</v>
      </c>
      <c r="C8086" s="21">
        <v>250448.50798049293</v>
      </c>
      <c r="D8086">
        <f t="shared" si="126"/>
        <v>16</v>
      </c>
    </row>
    <row r="8087" spans="1:4" x14ac:dyDescent="0.25">
      <c r="A8087" s="20">
        <v>43892.708333313734</v>
      </c>
      <c r="B8087" s="22">
        <v>1.6893116235733032</v>
      </c>
      <c r="C8087" s="21">
        <v>297182.79945601325</v>
      </c>
      <c r="D8087">
        <f t="shared" si="126"/>
        <v>17</v>
      </c>
    </row>
    <row r="8088" spans="1:4" x14ac:dyDescent="0.25">
      <c r="A8088" s="20">
        <v>43892.749999980399</v>
      </c>
      <c r="B8088" s="22">
        <v>1.6804745197296143</v>
      </c>
      <c r="C8088" s="21">
        <v>295628.18086302927</v>
      </c>
      <c r="D8088">
        <f t="shared" si="126"/>
        <v>18</v>
      </c>
    </row>
    <row r="8089" spans="1:4" x14ac:dyDescent="0.25">
      <c r="A8089" s="20">
        <v>43892.791666647063</v>
      </c>
      <c r="B8089" s="22">
        <v>1.9076019525527954</v>
      </c>
      <c r="C8089" s="21">
        <v>335584.31765730242</v>
      </c>
      <c r="D8089">
        <f t="shared" si="126"/>
        <v>19</v>
      </c>
    </row>
    <row r="8090" spans="1:4" x14ac:dyDescent="0.25">
      <c r="A8090" s="20">
        <v>43892.833333313727</v>
      </c>
      <c r="B8090" s="22">
        <v>1.9453513622283936</v>
      </c>
      <c r="C8090" s="21">
        <v>342225.17366554815</v>
      </c>
      <c r="D8090">
        <f t="shared" si="126"/>
        <v>20</v>
      </c>
    </row>
    <row r="8091" spans="1:4" x14ac:dyDescent="0.25">
      <c r="A8091" s="20">
        <v>43892.874999980391</v>
      </c>
      <c r="B8091" s="22">
        <v>1.7358253002166748</v>
      </c>
      <c r="C8091" s="21">
        <v>305365.46063289535</v>
      </c>
      <c r="D8091">
        <f t="shared" si="126"/>
        <v>21</v>
      </c>
    </row>
    <row r="8092" spans="1:4" x14ac:dyDescent="0.25">
      <c r="A8092" s="20">
        <v>43892.916666647056</v>
      </c>
      <c r="B8092" s="22">
        <v>1.511849045753479</v>
      </c>
      <c r="C8092" s="21">
        <v>265963.67745434219</v>
      </c>
      <c r="D8092">
        <f t="shared" si="126"/>
        <v>22</v>
      </c>
    </row>
    <row r="8093" spans="1:4" x14ac:dyDescent="0.25">
      <c r="A8093" s="20">
        <v>43892.95833331372</v>
      </c>
      <c r="B8093" s="22">
        <v>1.4636803865432739</v>
      </c>
      <c r="C8093" s="21">
        <v>257489.87262734881</v>
      </c>
      <c r="D8093">
        <f t="shared" si="126"/>
        <v>23</v>
      </c>
    </row>
    <row r="8094" spans="1:4" x14ac:dyDescent="0.25">
      <c r="A8094" s="20">
        <v>43892.999999980384</v>
      </c>
      <c r="B8094" s="22">
        <v>1.3418819904327393</v>
      </c>
      <c r="C8094" s="21">
        <v>236063.16377133745</v>
      </c>
      <c r="D8094">
        <f t="shared" si="126"/>
        <v>0</v>
      </c>
    </row>
    <row r="8095" spans="1:4" x14ac:dyDescent="0.25">
      <c r="A8095" s="20">
        <v>43893.041666647048</v>
      </c>
      <c r="B8095" s="22">
        <v>1.4121397733688354</v>
      </c>
      <c r="C8095" s="21">
        <v>248422.87545813501</v>
      </c>
      <c r="D8095">
        <f t="shared" si="126"/>
        <v>1</v>
      </c>
    </row>
    <row r="8096" spans="1:4" x14ac:dyDescent="0.25">
      <c r="A8096" s="20">
        <v>43893.083333313713</v>
      </c>
      <c r="B8096" s="22">
        <v>1.3427876234054565</v>
      </c>
      <c r="C8096" s="21">
        <v>236222.48224068087</v>
      </c>
      <c r="D8096">
        <f t="shared" si="126"/>
        <v>2</v>
      </c>
    </row>
    <row r="8097" spans="1:4" x14ac:dyDescent="0.25">
      <c r="A8097" s="20">
        <v>43893.124999980377</v>
      </c>
      <c r="B8097" s="22">
        <v>1.3892018795013428</v>
      </c>
      <c r="C8097" s="21">
        <v>244387.65340789701</v>
      </c>
      <c r="D8097">
        <f t="shared" si="126"/>
        <v>3</v>
      </c>
    </row>
    <row r="8098" spans="1:4" x14ac:dyDescent="0.25">
      <c r="A8098" s="20">
        <v>43893.166666647041</v>
      </c>
      <c r="B8098" s="22">
        <v>1.3229715824127197</v>
      </c>
      <c r="C8098" s="21">
        <v>232736.45488244839</v>
      </c>
      <c r="D8098">
        <f t="shared" si="126"/>
        <v>4</v>
      </c>
    </row>
    <row r="8099" spans="1:4" x14ac:dyDescent="0.25">
      <c r="A8099" s="20">
        <v>43893.208333313705</v>
      </c>
      <c r="B8099" s="22">
        <v>1.5735056400299072</v>
      </c>
      <c r="C8099" s="21">
        <v>276810.27262145194</v>
      </c>
      <c r="D8099">
        <f t="shared" si="126"/>
        <v>5</v>
      </c>
    </row>
    <row r="8100" spans="1:4" x14ac:dyDescent="0.25">
      <c r="A8100" s="20">
        <v>43893.249999980369</v>
      </c>
      <c r="B8100" s="22">
        <v>1.7494742870330811</v>
      </c>
      <c r="C8100" s="21">
        <v>307766.5831109719</v>
      </c>
      <c r="D8100">
        <f t="shared" si="126"/>
        <v>6</v>
      </c>
    </row>
    <row r="8101" spans="1:4" x14ac:dyDescent="0.25">
      <c r="A8101" s="20">
        <v>43893.291666647034</v>
      </c>
      <c r="B8101" s="22">
        <v>1.6305651664733887</v>
      </c>
      <c r="C8101" s="21">
        <v>286848.15406823903</v>
      </c>
      <c r="D8101">
        <f t="shared" si="126"/>
        <v>7</v>
      </c>
    </row>
    <row r="8102" spans="1:4" x14ac:dyDescent="0.25">
      <c r="A8102" s="20">
        <v>43893.333333313698</v>
      </c>
      <c r="B8102" s="22">
        <v>1.40638267993927</v>
      </c>
      <c r="C8102" s="21">
        <v>247410.09065380803</v>
      </c>
      <c r="D8102">
        <f t="shared" si="126"/>
        <v>8</v>
      </c>
    </row>
    <row r="8103" spans="1:4" x14ac:dyDescent="0.25">
      <c r="A8103" s="20">
        <v>43893.374999980362</v>
      </c>
      <c r="B8103" s="22">
        <v>1.4819223880767822</v>
      </c>
      <c r="C8103" s="21">
        <v>260698.99580377128</v>
      </c>
      <c r="D8103">
        <f t="shared" si="126"/>
        <v>9</v>
      </c>
    </row>
    <row r="8104" spans="1:4" x14ac:dyDescent="0.25">
      <c r="A8104" s="20">
        <v>43893.416666647026</v>
      </c>
      <c r="B8104" s="22">
        <v>1.283704400062561</v>
      </c>
      <c r="C8104" s="21">
        <v>225828.59311512925</v>
      </c>
      <c r="D8104">
        <f t="shared" si="126"/>
        <v>10</v>
      </c>
    </row>
    <row r="8105" spans="1:4" x14ac:dyDescent="0.25">
      <c r="A8105" s="20">
        <v>43893.458333313691</v>
      </c>
      <c r="B8105" s="22">
        <v>1.1251344680786133</v>
      </c>
      <c r="C8105" s="21">
        <v>197933.05528839008</v>
      </c>
      <c r="D8105">
        <f t="shared" si="126"/>
        <v>11</v>
      </c>
    </row>
    <row r="8106" spans="1:4" x14ac:dyDescent="0.25">
      <c r="A8106" s="20">
        <v>43893.499999980355</v>
      </c>
      <c r="B8106" s="22">
        <v>1.1739374399185181</v>
      </c>
      <c r="C8106" s="21">
        <v>206518.44805475115</v>
      </c>
      <c r="D8106">
        <f t="shared" si="126"/>
        <v>12</v>
      </c>
    </row>
    <row r="8107" spans="1:4" x14ac:dyDescent="0.25">
      <c r="A8107" s="20">
        <v>43893.541666647019</v>
      </c>
      <c r="B8107" s="22">
        <v>1.275792121887207</v>
      </c>
      <c r="C8107" s="21">
        <v>224436.66936026115</v>
      </c>
      <c r="D8107">
        <f t="shared" si="126"/>
        <v>13</v>
      </c>
    </row>
    <row r="8108" spans="1:4" x14ac:dyDescent="0.25">
      <c r="A8108" s="20">
        <v>43893.583333313683</v>
      </c>
      <c r="B8108" s="22">
        <v>1.1424028873443604</v>
      </c>
      <c r="C8108" s="21">
        <v>200970.90639174051</v>
      </c>
      <c r="D8108">
        <f t="shared" si="126"/>
        <v>14</v>
      </c>
    </row>
    <row r="8109" spans="1:4" x14ac:dyDescent="0.25">
      <c r="A8109" s="20">
        <v>43893.624999980348</v>
      </c>
      <c r="B8109" s="22">
        <v>1.1515203714370728</v>
      </c>
      <c r="C8109" s="21">
        <v>202574.84932853069</v>
      </c>
      <c r="D8109">
        <f t="shared" si="126"/>
        <v>15</v>
      </c>
    </row>
    <row r="8110" spans="1:4" x14ac:dyDescent="0.25">
      <c r="A8110" s="20">
        <v>43893.666666647012</v>
      </c>
      <c r="B8110" s="22">
        <v>1.2309495210647583</v>
      </c>
      <c r="C8110" s="21">
        <v>216547.98295016287</v>
      </c>
      <c r="D8110">
        <f t="shared" si="126"/>
        <v>16</v>
      </c>
    </row>
    <row r="8111" spans="1:4" x14ac:dyDescent="0.25">
      <c r="A8111" s="20">
        <v>43893.708333313676</v>
      </c>
      <c r="B8111" s="22">
        <v>1.3669720888137817</v>
      </c>
      <c r="C8111" s="21">
        <v>240477.00049125121</v>
      </c>
      <c r="D8111">
        <f t="shared" si="126"/>
        <v>17</v>
      </c>
    </row>
    <row r="8112" spans="1:4" x14ac:dyDescent="0.25">
      <c r="A8112" s="20">
        <v>43893.74999998034</v>
      </c>
      <c r="B8112" s="22">
        <v>1.3899147510528564</v>
      </c>
      <c r="C8112" s="21">
        <v>244513.06139087369</v>
      </c>
      <c r="D8112">
        <f t="shared" si="126"/>
        <v>18</v>
      </c>
    </row>
    <row r="8113" spans="1:4" x14ac:dyDescent="0.25">
      <c r="A8113" s="20">
        <v>43893.791666647005</v>
      </c>
      <c r="B8113" s="22">
        <v>1.6026945114135742</v>
      </c>
      <c r="C8113" s="21">
        <v>281945.16330101236</v>
      </c>
      <c r="D8113">
        <f t="shared" si="126"/>
        <v>19</v>
      </c>
    </row>
    <row r="8114" spans="1:4" x14ac:dyDescent="0.25">
      <c r="A8114" s="20">
        <v>43893.833333313669</v>
      </c>
      <c r="B8114" s="22">
        <v>1.8547370433807373</v>
      </c>
      <c r="C8114" s="21">
        <v>326284.35104278964</v>
      </c>
      <c r="D8114">
        <f t="shared" si="126"/>
        <v>20</v>
      </c>
    </row>
    <row r="8115" spans="1:4" x14ac:dyDescent="0.25">
      <c r="A8115" s="20">
        <v>43893.874999980333</v>
      </c>
      <c r="B8115" s="22">
        <v>1.9149366617202759</v>
      </c>
      <c r="C8115" s="21">
        <v>336874.63578047784</v>
      </c>
      <c r="D8115">
        <f t="shared" si="126"/>
        <v>21</v>
      </c>
    </row>
    <row r="8116" spans="1:4" x14ac:dyDescent="0.25">
      <c r="A8116" s="20">
        <v>43893.916666646997</v>
      </c>
      <c r="B8116" s="22">
        <v>1.7256522178649902</v>
      </c>
      <c r="C8116" s="21">
        <v>303575.81741362048</v>
      </c>
      <c r="D8116">
        <f t="shared" si="126"/>
        <v>22</v>
      </c>
    </row>
    <row r="8117" spans="1:4" x14ac:dyDescent="0.25">
      <c r="A8117" s="20">
        <v>43893.958333313662</v>
      </c>
      <c r="B8117" s="22">
        <v>1.5677803754806519</v>
      </c>
      <c r="C8117" s="21">
        <v>275803.08713676617</v>
      </c>
      <c r="D8117">
        <f t="shared" si="126"/>
        <v>23</v>
      </c>
    </row>
    <row r="8118" spans="1:4" x14ac:dyDescent="0.25">
      <c r="A8118" s="20">
        <v>43893.999999980326</v>
      </c>
      <c r="B8118" s="22">
        <v>1.6404423713684082</v>
      </c>
      <c r="C8118" s="21">
        <v>288585.74668320816</v>
      </c>
      <c r="D8118">
        <f t="shared" si="126"/>
        <v>0</v>
      </c>
    </row>
    <row r="8119" spans="1:4" x14ac:dyDescent="0.25">
      <c r="A8119" s="20">
        <v>43894.04166664699</v>
      </c>
      <c r="B8119" s="22">
        <v>1.5604498386383057</v>
      </c>
      <c r="C8119" s="21">
        <v>274513.50300680212</v>
      </c>
      <c r="D8119">
        <f t="shared" si="126"/>
        <v>1</v>
      </c>
    </row>
    <row r="8120" spans="1:4" x14ac:dyDescent="0.25">
      <c r="A8120" s="20">
        <v>43894.083333313654</v>
      </c>
      <c r="B8120" s="22">
        <v>1.7628240585327148</v>
      </c>
      <c r="C8120" s="21">
        <v>310115.06779017358</v>
      </c>
      <c r="D8120">
        <f t="shared" si="126"/>
        <v>2</v>
      </c>
    </row>
    <row r="8121" spans="1:4" x14ac:dyDescent="0.25">
      <c r="A8121" s="20">
        <v>43894.124999980319</v>
      </c>
      <c r="B8121" s="22">
        <v>1.986079216003418</v>
      </c>
      <c r="C8121" s="21">
        <v>349389.99597056187</v>
      </c>
      <c r="D8121">
        <f t="shared" si="126"/>
        <v>3</v>
      </c>
    </row>
    <row r="8122" spans="1:4" x14ac:dyDescent="0.25">
      <c r="A8122" s="20">
        <v>43894.166666646983</v>
      </c>
      <c r="B8122" s="22">
        <v>2.0726499557495117</v>
      </c>
      <c r="C8122" s="21">
        <v>364619.47431529884</v>
      </c>
      <c r="D8122">
        <f t="shared" si="126"/>
        <v>4</v>
      </c>
    </row>
    <row r="8123" spans="1:4" x14ac:dyDescent="0.25">
      <c r="A8123" s="20">
        <v>43894.208333313647</v>
      </c>
      <c r="B8123" s="22">
        <v>2.2838854789733887</v>
      </c>
      <c r="C8123" s="21">
        <v>401779.91485228034</v>
      </c>
      <c r="D8123">
        <f t="shared" si="126"/>
        <v>5</v>
      </c>
    </row>
    <row r="8124" spans="1:4" x14ac:dyDescent="0.25">
      <c r="A8124" s="20">
        <v>43894.249999980311</v>
      </c>
      <c r="B8124" s="22">
        <v>2.7508053779602051</v>
      </c>
      <c r="C8124" s="21">
        <v>483920.21434842004</v>
      </c>
      <c r="D8124">
        <f t="shared" si="126"/>
        <v>6</v>
      </c>
    </row>
    <row r="8125" spans="1:4" x14ac:dyDescent="0.25">
      <c r="A8125" s="20">
        <v>43894.291666646976</v>
      </c>
      <c r="B8125" s="22">
        <v>2.3643267154693604</v>
      </c>
      <c r="C8125" s="21">
        <v>415931.0942557641</v>
      </c>
      <c r="D8125">
        <f t="shared" si="126"/>
        <v>7</v>
      </c>
    </row>
    <row r="8126" spans="1:4" x14ac:dyDescent="0.25">
      <c r="A8126" s="20">
        <v>43894.33333331364</v>
      </c>
      <c r="B8126" s="22">
        <v>2.2030055522918701</v>
      </c>
      <c r="C8126" s="21">
        <v>387551.56130542647</v>
      </c>
      <c r="D8126">
        <f t="shared" si="126"/>
        <v>8</v>
      </c>
    </row>
    <row r="8127" spans="1:4" x14ac:dyDescent="0.25">
      <c r="A8127" s="20">
        <v>43894.374999980304</v>
      </c>
      <c r="B8127" s="22">
        <v>1.7231994867324829</v>
      </c>
      <c r="C8127" s="21">
        <v>303144.33426148916</v>
      </c>
      <c r="D8127">
        <f t="shared" si="126"/>
        <v>9</v>
      </c>
    </row>
    <row r="8128" spans="1:4" x14ac:dyDescent="0.25">
      <c r="A8128" s="20">
        <v>43894.416666646968</v>
      </c>
      <c r="B8128" s="22">
        <v>1.3511708974838257</v>
      </c>
      <c r="C8128" s="21">
        <v>237697.2633434989</v>
      </c>
      <c r="D8128">
        <f t="shared" si="126"/>
        <v>10</v>
      </c>
    </row>
    <row r="8129" spans="1:4" x14ac:dyDescent="0.25">
      <c r="A8129" s="20">
        <v>43894.458333313632</v>
      </c>
      <c r="B8129" s="22">
        <v>1.2281938791275024</v>
      </c>
      <c r="C8129" s="21">
        <v>216063.21189088377</v>
      </c>
      <c r="D8129">
        <f t="shared" si="126"/>
        <v>11</v>
      </c>
    </row>
    <row r="8130" spans="1:4" x14ac:dyDescent="0.25">
      <c r="A8130" s="20">
        <v>43894.499999980297</v>
      </c>
      <c r="B8130" s="22">
        <v>1.1557027101516724</v>
      </c>
      <c r="C8130" s="21">
        <v>203310.60412364002</v>
      </c>
      <c r="D8130">
        <f t="shared" si="126"/>
        <v>12</v>
      </c>
    </row>
    <row r="8131" spans="1:4" x14ac:dyDescent="0.25">
      <c r="A8131" s="20">
        <v>43894.541666646961</v>
      </c>
      <c r="B8131" s="22">
        <v>1.036266565322876</v>
      </c>
      <c r="C8131" s="21">
        <v>182299.4612526898</v>
      </c>
      <c r="D8131">
        <f t="shared" si="126"/>
        <v>13</v>
      </c>
    </row>
    <row r="8132" spans="1:4" x14ac:dyDescent="0.25">
      <c r="A8132" s="20">
        <v>43894.583333313625</v>
      </c>
      <c r="B8132" s="22">
        <v>1.2264484167098999</v>
      </c>
      <c r="C8132" s="21">
        <v>215756.15107370244</v>
      </c>
      <c r="D8132">
        <f t="shared" si="126"/>
        <v>14</v>
      </c>
    </row>
    <row r="8133" spans="1:4" x14ac:dyDescent="0.25">
      <c r="A8133" s="20">
        <v>43894.624999980289</v>
      </c>
      <c r="B8133" s="22">
        <v>1.2503150701522827</v>
      </c>
      <c r="C8133" s="21">
        <v>219954.76001279854</v>
      </c>
      <c r="D8133">
        <f t="shared" si="126"/>
        <v>15</v>
      </c>
    </row>
    <row r="8134" spans="1:4" x14ac:dyDescent="0.25">
      <c r="A8134" s="20">
        <v>43894.666666646954</v>
      </c>
      <c r="B8134" s="22">
        <v>1.1956713199615479</v>
      </c>
      <c r="C8134" s="21">
        <v>210341.86063541318</v>
      </c>
      <c r="D8134">
        <f t="shared" si="126"/>
        <v>16</v>
      </c>
    </row>
    <row r="8135" spans="1:4" x14ac:dyDescent="0.25">
      <c r="A8135" s="20">
        <v>43894.708333313618</v>
      </c>
      <c r="B8135" s="22">
        <v>1.3119243383407593</v>
      </c>
      <c r="C8135" s="21">
        <v>230793.02959976753</v>
      </c>
      <c r="D8135">
        <f t="shared" ref="D8135:D8198" si="127">HOUR(A8135)</f>
        <v>17</v>
      </c>
    </row>
    <row r="8136" spans="1:4" x14ac:dyDescent="0.25">
      <c r="A8136" s="20">
        <v>43894.749999980282</v>
      </c>
      <c r="B8136" s="22">
        <v>1.3989747762680054</v>
      </c>
      <c r="C8136" s="21">
        <v>246106.89619258113</v>
      </c>
      <c r="D8136">
        <f t="shared" si="127"/>
        <v>18</v>
      </c>
    </row>
    <row r="8137" spans="1:4" x14ac:dyDescent="0.25">
      <c r="A8137" s="20">
        <v>43894.791666646946</v>
      </c>
      <c r="B8137" s="22">
        <v>1.4287929534912109</v>
      </c>
      <c r="C8137" s="21">
        <v>251352.49401965557</v>
      </c>
      <c r="D8137">
        <f t="shared" si="127"/>
        <v>19</v>
      </c>
    </row>
    <row r="8138" spans="1:4" x14ac:dyDescent="0.25">
      <c r="A8138" s="20">
        <v>43894.833333313611</v>
      </c>
      <c r="B8138" s="22">
        <v>1.6688076257705688</v>
      </c>
      <c r="C8138" s="21">
        <v>293575.74710283789</v>
      </c>
      <c r="D8138">
        <f t="shared" si="127"/>
        <v>20</v>
      </c>
    </row>
    <row r="8139" spans="1:4" x14ac:dyDescent="0.25">
      <c r="A8139" s="20">
        <v>43894.874999980275</v>
      </c>
      <c r="B8139" s="22">
        <v>1.6005638837814331</v>
      </c>
      <c r="C8139" s="21">
        <v>281570.3444248013</v>
      </c>
      <c r="D8139">
        <f t="shared" si="127"/>
        <v>21</v>
      </c>
    </row>
    <row r="8140" spans="1:4" x14ac:dyDescent="0.25">
      <c r="A8140" s="20">
        <v>43894.916666646939</v>
      </c>
      <c r="B8140" s="22">
        <v>1.4272910356521606</v>
      </c>
      <c r="C8140" s="21">
        <v>251088.27743478553</v>
      </c>
      <c r="D8140">
        <f t="shared" si="127"/>
        <v>22</v>
      </c>
    </row>
    <row r="8141" spans="1:4" x14ac:dyDescent="0.25">
      <c r="A8141" s="20">
        <v>43894.958333313603</v>
      </c>
      <c r="B8141" s="22">
        <v>1.5355945825576782</v>
      </c>
      <c r="C8141" s="21">
        <v>270140.97961907298</v>
      </c>
      <c r="D8141">
        <f t="shared" si="127"/>
        <v>23</v>
      </c>
    </row>
    <row r="8142" spans="1:4" x14ac:dyDescent="0.25">
      <c r="A8142" s="20">
        <v>43894.999999980268</v>
      </c>
      <c r="B8142" s="22">
        <v>1.4616435766220093</v>
      </c>
      <c r="C8142" s="21">
        <v>257131.55811277701</v>
      </c>
      <c r="D8142">
        <f t="shared" si="127"/>
        <v>0</v>
      </c>
    </row>
    <row r="8143" spans="1:4" x14ac:dyDescent="0.25">
      <c r="A8143" s="20">
        <v>43895.041666646932</v>
      </c>
      <c r="B8143" s="22">
        <v>1.5065919160842896</v>
      </c>
      <c r="C8143" s="21">
        <v>265038.84600797569</v>
      </c>
      <c r="D8143">
        <f t="shared" si="127"/>
        <v>1</v>
      </c>
    </row>
    <row r="8144" spans="1:4" x14ac:dyDescent="0.25">
      <c r="A8144" s="20">
        <v>43895.083333313596</v>
      </c>
      <c r="B8144" s="22">
        <v>1.4737818241119385</v>
      </c>
      <c r="C8144" s="21">
        <v>259266.91213462219</v>
      </c>
      <c r="D8144">
        <f t="shared" si="127"/>
        <v>2</v>
      </c>
    </row>
    <row r="8145" spans="1:4" x14ac:dyDescent="0.25">
      <c r="A8145" s="20">
        <v>43895.12499998026</v>
      </c>
      <c r="B8145" s="22">
        <v>1.5775485038757324</v>
      </c>
      <c r="C8145" s="21">
        <v>277521.49107206584</v>
      </c>
      <c r="D8145">
        <f t="shared" si="127"/>
        <v>3</v>
      </c>
    </row>
    <row r="8146" spans="1:4" x14ac:dyDescent="0.25">
      <c r="A8146" s="20">
        <v>43895.166666646925</v>
      </c>
      <c r="B8146" s="22">
        <v>1.8073282241821289</v>
      </c>
      <c r="C8146" s="21">
        <v>317944.21686520992</v>
      </c>
      <c r="D8146">
        <f t="shared" si="127"/>
        <v>4</v>
      </c>
    </row>
    <row r="8147" spans="1:4" x14ac:dyDescent="0.25">
      <c r="A8147" s="20">
        <v>43895.208333313589</v>
      </c>
      <c r="B8147" s="22">
        <v>2.0240635871887207</v>
      </c>
      <c r="C8147" s="21">
        <v>356072.18628222687</v>
      </c>
      <c r="D8147">
        <f t="shared" si="127"/>
        <v>5</v>
      </c>
    </row>
    <row r="8148" spans="1:4" x14ac:dyDescent="0.25">
      <c r="A8148" s="20">
        <v>43895.249999980253</v>
      </c>
      <c r="B8148" s="22">
        <v>2.2348649501800537</v>
      </c>
      <c r="C8148" s="21">
        <v>393156.2495827534</v>
      </c>
      <c r="D8148">
        <f t="shared" si="127"/>
        <v>6</v>
      </c>
    </row>
    <row r="8149" spans="1:4" x14ac:dyDescent="0.25">
      <c r="A8149" s="20">
        <v>43895.291666646917</v>
      </c>
      <c r="B8149" s="22">
        <v>2.2305138111114502</v>
      </c>
      <c r="C8149" s="21">
        <v>392390.79951943416</v>
      </c>
      <c r="D8149">
        <f t="shared" si="127"/>
        <v>7</v>
      </c>
    </row>
    <row r="8150" spans="1:4" x14ac:dyDescent="0.25">
      <c r="A8150" s="20">
        <v>43895.333333313582</v>
      </c>
      <c r="B8150" s="22">
        <v>2.0364124774932861</v>
      </c>
      <c r="C8150" s="21">
        <v>358244.59647563059</v>
      </c>
      <c r="D8150">
        <f t="shared" si="127"/>
        <v>8</v>
      </c>
    </row>
    <row r="8151" spans="1:4" x14ac:dyDescent="0.25">
      <c r="A8151" s="20">
        <v>43895.374999980246</v>
      </c>
      <c r="B8151" s="22">
        <v>2.0500857830047607</v>
      </c>
      <c r="C8151" s="21">
        <v>360649.99708556785</v>
      </c>
      <c r="D8151">
        <f t="shared" si="127"/>
        <v>9</v>
      </c>
    </row>
    <row r="8152" spans="1:4" x14ac:dyDescent="0.25">
      <c r="A8152" s="20">
        <v>43895.41666664691</v>
      </c>
      <c r="B8152" s="22">
        <v>1.8055573701858521</v>
      </c>
      <c r="C8152" s="21">
        <v>317632.68917505629</v>
      </c>
      <c r="D8152">
        <f t="shared" si="127"/>
        <v>10</v>
      </c>
    </row>
    <row r="8153" spans="1:4" x14ac:dyDescent="0.25">
      <c r="A8153" s="20">
        <v>43895.458333313574</v>
      </c>
      <c r="B8153" s="22">
        <v>1.4383149147033691</v>
      </c>
      <c r="C8153" s="21">
        <v>253027.59235548254</v>
      </c>
      <c r="D8153">
        <f t="shared" si="127"/>
        <v>11</v>
      </c>
    </row>
    <row r="8154" spans="1:4" x14ac:dyDescent="0.25">
      <c r="A8154" s="20">
        <v>43895.499999980238</v>
      </c>
      <c r="B8154" s="22">
        <v>1.2340430021286011</v>
      </c>
      <c r="C8154" s="21">
        <v>217092.18648833089</v>
      </c>
      <c r="D8154">
        <f t="shared" si="127"/>
        <v>12</v>
      </c>
    </row>
    <row r="8155" spans="1:4" x14ac:dyDescent="0.25">
      <c r="A8155" s="20">
        <v>43895.541666646903</v>
      </c>
      <c r="B8155" s="22">
        <v>1.2395632266998291</v>
      </c>
      <c r="C8155" s="21">
        <v>218063.30144948492</v>
      </c>
      <c r="D8155">
        <f t="shared" si="127"/>
        <v>13</v>
      </c>
    </row>
    <row r="8156" spans="1:4" x14ac:dyDescent="0.25">
      <c r="A8156" s="20">
        <v>43895.583333313567</v>
      </c>
      <c r="B8156" s="22">
        <v>1.1326318979263306</v>
      </c>
      <c r="C8156" s="21">
        <v>199251.99914681018</v>
      </c>
      <c r="D8156">
        <f t="shared" si="127"/>
        <v>14</v>
      </c>
    </row>
    <row r="8157" spans="1:4" x14ac:dyDescent="0.25">
      <c r="A8157" s="20">
        <v>43895.624999980231</v>
      </c>
      <c r="B8157" s="22">
        <v>1.3259016275405884</v>
      </c>
      <c r="C8157" s="21">
        <v>233251.90685796412</v>
      </c>
      <c r="D8157">
        <f t="shared" si="127"/>
        <v>15</v>
      </c>
    </row>
    <row r="8158" spans="1:4" x14ac:dyDescent="0.25">
      <c r="A8158" s="20">
        <v>43895.666666646895</v>
      </c>
      <c r="B8158" s="22">
        <v>1.1046463251113892</v>
      </c>
      <c r="C8158" s="21">
        <v>194328.79210941808</v>
      </c>
      <c r="D8158">
        <f t="shared" si="127"/>
        <v>16</v>
      </c>
    </row>
    <row r="8159" spans="1:4" x14ac:dyDescent="0.25">
      <c r="A8159" s="20">
        <v>43895.70833331356</v>
      </c>
      <c r="B8159" s="22">
        <v>1.3192514181137085</v>
      </c>
      <c r="C8159" s="21">
        <v>232082.00556392781</v>
      </c>
      <c r="D8159">
        <f t="shared" si="127"/>
        <v>17</v>
      </c>
    </row>
    <row r="8160" spans="1:4" x14ac:dyDescent="0.25">
      <c r="A8160" s="20">
        <v>43895.749999980224</v>
      </c>
      <c r="B8160" s="22">
        <v>1.3682806491851807</v>
      </c>
      <c r="C8160" s="21">
        <v>240707.20173358149</v>
      </c>
      <c r="D8160">
        <f t="shared" si="127"/>
        <v>18</v>
      </c>
    </row>
    <row r="8161" spans="1:4" x14ac:dyDescent="0.25">
      <c r="A8161" s="20">
        <v>43895.791666646888</v>
      </c>
      <c r="B8161" s="22">
        <v>1.6984410285949707</v>
      </c>
      <c r="C8161" s="21">
        <v>298788.83951626456</v>
      </c>
      <c r="D8161">
        <f t="shared" si="127"/>
        <v>19</v>
      </c>
    </row>
    <row r="8162" spans="1:4" x14ac:dyDescent="0.25">
      <c r="A8162" s="20">
        <v>43895.833333313552</v>
      </c>
      <c r="B8162" s="22">
        <v>1.9090337753295898</v>
      </c>
      <c r="C8162" s="21">
        <v>335836.20315622096</v>
      </c>
      <c r="D8162">
        <f t="shared" si="127"/>
        <v>20</v>
      </c>
    </row>
    <row r="8163" spans="1:4" x14ac:dyDescent="0.25">
      <c r="A8163" s="20">
        <v>43895.874999980217</v>
      </c>
      <c r="B8163" s="22">
        <v>1.9968357086181641</v>
      </c>
      <c r="C8163" s="21">
        <v>351282.27241202537</v>
      </c>
      <c r="D8163">
        <f t="shared" si="127"/>
        <v>21</v>
      </c>
    </row>
    <row r="8164" spans="1:4" x14ac:dyDescent="0.25">
      <c r="A8164" s="20">
        <v>43895.916666646881</v>
      </c>
      <c r="B8164" s="22">
        <v>1.8271397352218628</v>
      </c>
      <c r="C8164" s="21">
        <v>321429.44731652713</v>
      </c>
      <c r="D8164">
        <f t="shared" si="127"/>
        <v>22</v>
      </c>
    </row>
    <row r="8165" spans="1:4" x14ac:dyDescent="0.25">
      <c r="A8165" s="20">
        <v>43895.958333313545</v>
      </c>
      <c r="B8165" s="22">
        <v>1.6466621160507202</v>
      </c>
      <c r="C8165" s="21">
        <v>289679.92084906239</v>
      </c>
      <c r="D8165">
        <f t="shared" si="127"/>
        <v>23</v>
      </c>
    </row>
    <row r="8166" spans="1:4" x14ac:dyDescent="0.25">
      <c r="A8166" s="20">
        <v>43895.999999980209</v>
      </c>
      <c r="B8166" s="22">
        <v>1.7988083362579346</v>
      </c>
      <c r="C8166" s="21">
        <v>316445.40272752708</v>
      </c>
      <c r="D8166">
        <f t="shared" si="127"/>
        <v>0</v>
      </c>
    </row>
    <row r="8167" spans="1:4" x14ac:dyDescent="0.25">
      <c r="A8167" s="20">
        <v>43896.041666646874</v>
      </c>
      <c r="B8167" s="22">
        <v>1.7662088871002197</v>
      </c>
      <c r="C8167" s="21">
        <v>310710.52502573206</v>
      </c>
      <c r="D8167">
        <f t="shared" si="127"/>
        <v>1</v>
      </c>
    </row>
    <row r="8168" spans="1:4" x14ac:dyDescent="0.25">
      <c r="A8168" s="20">
        <v>43896.083333313538</v>
      </c>
      <c r="B8168" s="22">
        <v>1.6305170059204102</v>
      </c>
      <c r="C8168" s="21">
        <v>286839.68168945599</v>
      </c>
      <c r="D8168">
        <f t="shared" si="127"/>
        <v>2</v>
      </c>
    </row>
    <row r="8169" spans="1:4" x14ac:dyDescent="0.25">
      <c r="A8169" s="20">
        <v>43896.124999980202</v>
      </c>
      <c r="B8169" s="22">
        <v>1.6215382814407349</v>
      </c>
      <c r="C8169" s="21">
        <v>285260.1492697536</v>
      </c>
      <c r="D8169">
        <f t="shared" si="127"/>
        <v>3</v>
      </c>
    </row>
    <row r="8170" spans="1:4" x14ac:dyDescent="0.25">
      <c r="A8170" s="20">
        <v>43896.166666646866</v>
      </c>
      <c r="B8170" s="22">
        <v>1.4893128871917725</v>
      </c>
      <c r="C8170" s="21">
        <v>261999.12846474483</v>
      </c>
      <c r="D8170">
        <f t="shared" si="127"/>
        <v>4</v>
      </c>
    </row>
    <row r="8171" spans="1:4" x14ac:dyDescent="0.25">
      <c r="A8171" s="20">
        <v>43896.208333313531</v>
      </c>
      <c r="B8171" s="22">
        <v>1.7894015312194824</v>
      </c>
      <c r="C8171" s="21">
        <v>314790.56260433485</v>
      </c>
      <c r="D8171">
        <f t="shared" si="127"/>
        <v>5</v>
      </c>
    </row>
    <row r="8172" spans="1:4" x14ac:dyDescent="0.25">
      <c r="A8172" s="20">
        <v>43896.249999980195</v>
      </c>
      <c r="B8172" s="22">
        <v>2.012239933013916</v>
      </c>
      <c r="C8172" s="21">
        <v>353992.17534852138</v>
      </c>
      <c r="D8172">
        <f t="shared" si="127"/>
        <v>6</v>
      </c>
    </row>
    <row r="8173" spans="1:4" x14ac:dyDescent="0.25">
      <c r="A8173" s="20">
        <v>43896.291666646859</v>
      </c>
      <c r="B8173" s="22">
        <v>1.7412387132644653</v>
      </c>
      <c r="C8173" s="21">
        <v>306317.78536783747</v>
      </c>
      <c r="D8173">
        <f t="shared" si="127"/>
        <v>7</v>
      </c>
    </row>
    <row r="8174" spans="1:4" x14ac:dyDescent="0.25">
      <c r="A8174" s="20">
        <v>43896.333333313523</v>
      </c>
      <c r="B8174" s="22">
        <v>1.8213564157485962</v>
      </c>
      <c r="C8174" s="21">
        <v>320412.04884058557</v>
      </c>
      <c r="D8174">
        <f t="shared" si="127"/>
        <v>8</v>
      </c>
    </row>
    <row r="8175" spans="1:4" x14ac:dyDescent="0.25">
      <c r="A8175" s="20">
        <v>43896.374999980188</v>
      </c>
      <c r="B8175" s="22">
        <v>1.9317226409912109</v>
      </c>
      <c r="C8175" s="21">
        <v>339827.61629735556</v>
      </c>
      <c r="D8175">
        <f t="shared" si="127"/>
        <v>9</v>
      </c>
    </row>
    <row r="8176" spans="1:4" x14ac:dyDescent="0.25">
      <c r="A8176" s="20">
        <v>43896.416666646852</v>
      </c>
      <c r="B8176" s="22">
        <v>2.0743546485900879</v>
      </c>
      <c r="C8176" s="21">
        <v>364919.36297024309</v>
      </c>
      <c r="D8176">
        <f t="shared" si="127"/>
        <v>10</v>
      </c>
    </row>
    <row r="8177" spans="1:4" x14ac:dyDescent="0.25">
      <c r="A8177" s="20">
        <v>43896.458333313516</v>
      </c>
      <c r="B8177" s="22">
        <v>2.1208682060241699</v>
      </c>
      <c r="C8177" s="21">
        <v>373102.0031758906</v>
      </c>
      <c r="D8177">
        <f t="shared" si="127"/>
        <v>11</v>
      </c>
    </row>
    <row r="8178" spans="1:4" x14ac:dyDescent="0.25">
      <c r="A8178" s="20">
        <v>43896.49999998018</v>
      </c>
      <c r="B8178" s="22">
        <v>2.0316135883331299</v>
      </c>
      <c r="C8178" s="21">
        <v>357400.37845511065</v>
      </c>
      <c r="D8178">
        <f t="shared" si="127"/>
        <v>12</v>
      </c>
    </row>
    <row r="8179" spans="1:4" x14ac:dyDescent="0.25">
      <c r="A8179" s="20">
        <v>43896.541666646845</v>
      </c>
      <c r="B8179" s="22">
        <v>2.1473767757415771</v>
      </c>
      <c r="C8179" s="21">
        <v>377765.37661644642</v>
      </c>
      <c r="D8179">
        <f t="shared" si="127"/>
        <v>13</v>
      </c>
    </row>
    <row r="8180" spans="1:4" x14ac:dyDescent="0.25">
      <c r="A8180" s="20">
        <v>43896.583333313509</v>
      </c>
      <c r="B8180" s="22">
        <v>2.3054776191711426</v>
      </c>
      <c r="C8180" s="21">
        <v>405578.39263498934</v>
      </c>
      <c r="D8180">
        <f t="shared" si="127"/>
        <v>14</v>
      </c>
    </row>
    <row r="8181" spans="1:4" x14ac:dyDescent="0.25">
      <c r="A8181" s="20">
        <v>43896.624999980173</v>
      </c>
      <c r="B8181" s="22">
        <v>2.3122091293334961</v>
      </c>
      <c r="C8181" s="21">
        <v>406762.59631103062</v>
      </c>
      <c r="D8181">
        <f t="shared" si="127"/>
        <v>15</v>
      </c>
    </row>
    <row r="8182" spans="1:4" x14ac:dyDescent="0.25">
      <c r="A8182" s="20">
        <v>43896.666666646837</v>
      </c>
      <c r="B8182" s="22">
        <v>2.6025772094726563</v>
      </c>
      <c r="C8182" s="21">
        <v>457843.99403793103</v>
      </c>
      <c r="D8182">
        <f t="shared" si="127"/>
        <v>16</v>
      </c>
    </row>
    <row r="8183" spans="1:4" x14ac:dyDescent="0.25">
      <c r="A8183" s="20">
        <v>43896.708333313501</v>
      </c>
      <c r="B8183" s="22">
        <v>2.4400205612182617</v>
      </c>
      <c r="C8183" s="21">
        <v>429247.11521207995</v>
      </c>
      <c r="D8183">
        <f t="shared" si="127"/>
        <v>17</v>
      </c>
    </row>
    <row r="8184" spans="1:4" x14ac:dyDescent="0.25">
      <c r="A8184" s="20">
        <v>43896.749999980166</v>
      </c>
      <c r="B8184" s="22">
        <v>2.6463754177093506</v>
      </c>
      <c r="C8184" s="21">
        <v>465548.9514615981</v>
      </c>
      <c r="D8184">
        <f t="shared" si="127"/>
        <v>18</v>
      </c>
    </row>
    <row r="8185" spans="1:4" x14ac:dyDescent="0.25">
      <c r="A8185" s="20">
        <v>43896.79166664683</v>
      </c>
      <c r="B8185" s="22">
        <v>2.6813793182373047</v>
      </c>
      <c r="C8185" s="21">
        <v>471706.81896550668</v>
      </c>
      <c r="D8185">
        <f t="shared" si="127"/>
        <v>19</v>
      </c>
    </row>
    <row r="8186" spans="1:4" x14ac:dyDescent="0.25">
      <c r="A8186" s="20">
        <v>43896.833333313494</v>
      </c>
      <c r="B8186" s="22">
        <v>2.3271505832672119</v>
      </c>
      <c r="C8186" s="21">
        <v>409391.08891476493</v>
      </c>
      <c r="D8186">
        <f t="shared" si="127"/>
        <v>20</v>
      </c>
    </row>
    <row r="8187" spans="1:4" x14ac:dyDescent="0.25">
      <c r="A8187" s="20">
        <v>43896.874999980158</v>
      </c>
      <c r="B8187" s="22">
        <v>2.6209118366241455</v>
      </c>
      <c r="C8187" s="21">
        <v>461069.41186364653</v>
      </c>
      <c r="D8187">
        <f t="shared" si="127"/>
        <v>21</v>
      </c>
    </row>
    <row r="8188" spans="1:4" x14ac:dyDescent="0.25">
      <c r="A8188" s="20">
        <v>43896.916666646823</v>
      </c>
      <c r="B8188" s="22">
        <v>2.5587172508239746</v>
      </c>
      <c r="C8188" s="21">
        <v>450128.17351473513</v>
      </c>
      <c r="D8188">
        <f t="shared" si="127"/>
        <v>22</v>
      </c>
    </row>
    <row r="8189" spans="1:4" x14ac:dyDescent="0.25">
      <c r="A8189" s="20">
        <v>43896.958333313487</v>
      </c>
      <c r="B8189" s="22">
        <v>2.4777641296386719</v>
      </c>
      <c r="C8189" s="21">
        <v>435886.94362982974</v>
      </c>
      <c r="D8189">
        <f t="shared" si="127"/>
        <v>23</v>
      </c>
    </row>
    <row r="8190" spans="1:4" x14ac:dyDescent="0.25">
      <c r="A8190" s="20">
        <v>43896.999999980151</v>
      </c>
      <c r="B8190" s="22">
        <v>2.2199184894561768</v>
      </c>
      <c r="C8190" s="21">
        <v>390526.87618716544</v>
      </c>
      <c r="D8190">
        <f t="shared" si="127"/>
        <v>0</v>
      </c>
    </row>
    <row r="8191" spans="1:4" x14ac:dyDescent="0.25">
      <c r="A8191" s="20">
        <v>43897.041666646815</v>
      </c>
      <c r="B8191" s="22">
        <v>2.375091552734375</v>
      </c>
      <c r="C8191" s="21">
        <v>417824.83868365036</v>
      </c>
      <c r="D8191">
        <f t="shared" si="127"/>
        <v>1</v>
      </c>
    </row>
    <row r="8192" spans="1:4" x14ac:dyDescent="0.25">
      <c r="A8192" s="20">
        <v>43897.08333331348</v>
      </c>
      <c r="B8192" s="22">
        <v>2.1923596858978271</v>
      </c>
      <c r="C8192" s="21">
        <v>385678.74616968242</v>
      </c>
      <c r="D8192">
        <f t="shared" si="127"/>
        <v>2</v>
      </c>
    </row>
    <row r="8193" spans="1:4" x14ac:dyDescent="0.25">
      <c r="A8193" s="20">
        <v>43897.124999980144</v>
      </c>
      <c r="B8193" s="22">
        <v>2.2107009887695313</v>
      </c>
      <c r="C8193" s="21">
        <v>388905.33838453621</v>
      </c>
      <c r="D8193">
        <f t="shared" si="127"/>
        <v>3</v>
      </c>
    </row>
    <row r="8194" spans="1:4" x14ac:dyDescent="0.25">
      <c r="A8194" s="20">
        <v>43897.166666646808</v>
      </c>
      <c r="B8194" s="22">
        <v>2.2780451774597168</v>
      </c>
      <c r="C8194" s="21">
        <v>400752.49212619459</v>
      </c>
      <c r="D8194">
        <f t="shared" si="127"/>
        <v>4</v>
      </c>
    </row>
    <row r="8195" spans="1:4" x14ac:dyDescent="0.25">
      <c r="A8195" s="20">
        <v>43897.208333313472</v>
      </c>
      <c r="B8195" s="22">
        <v>2.3657989501953125</v>
      </c>
      <c r="C8195" s="21">
        <v>416190.08900321583</v>
      </c>
      <c r="D8195">
        <f t="shared" si="127"/>
        <v>5</v>
      </c>
    </row>
    <row r="8196" spans="1:4" x14ac:dyDescent="0.25">
      <c r="A8196" s="20">
        <v>43897.249999980137</v>
      </c>
      <c r="B8196" s="22">
        <v>2.3564093112945557</v>
      </c>
      <c r="C8196" s="21">
        <v>414538.2687378077</v>
      </c>
      <c r="D8196">
        <f t="shared" si="127"/>
        <v>6</v>
      </c>
    </row>
    <row r="8197" spans="1:4" x14ac:dyDescent="0.25">
      <c r="A8197" s="20">
        <v>43897.291666646801</v>
      </c>
      <c r="B8197" s="22">
        <v>2.4463276863098145</v>
      </c>
      <c r="C8197" s="21">
        <v>430356.66129290435</v>
      </c>
      <c r="D8197">
        <f t="shared" si="127"/>
        <v>7</v>
      </c>
    </row>
    <row r="8198" spans="1:4" x14ac:dyDescent="0.25">
      <c r="A8198" s="20">
        <v>43897.333333313465</v>
      </c>
      <c r="B8198" s="22">
        <v>2.6135983467102051</v>
      </c>
      <c r="C8198" s="21">
        <v>459782.82662023191</v>
      </c>
      <c r="D8198">
        <f t="shared" si="127"/>
        <v>8</v>
      </c>
    </row>
    <row r="8199" spans="1:4" x14ac:dyDescent="0.25">
      <c r="A8199" s="20">
        <v>43897.374999980129</v>
      </c>
      <c r="B8199" s="22">
        <v>2.512578010559082</v>
      </c>
      <c r="C8199" s="21">
        <v>442011.38298576768</v>
      </c>
      <c r="D8199">
        <f t="shared" ref="D8199:D8262" si="128">HOUR(A8199)</f>
        <v>9</v>
      </c>
    </row>
    <row r="8200" spans="1:4" x14ac:dyDescent="0.25">
      <c r="A8200" s="20">
        <v>43897.416666646794</v>
      </c>
      <c r="B8200" s="22">
        <v>2.4422423839569092</v>
      </c>
      <c r="C8200" s="21">
        <v>429637.9770827688</v>
      </c>
      <c r="D8200">
        <f t="shared" si="128"/>
        <v>10</v>
      </c>
    </row>
    <row r="8201" spans="1:4" x14ac:dyDescent="0.25">
      <c r="A8201" s="20">
        <v>43897.458333313458</v>
      </c>
      <c r="B8201" s="22">
        <v>2.0638432502746582</v>
      </c>
      <c r="C8201" s="21">
        <v>363070.20338714082</v>
      </c>
      <c r="D8201">
        <f t="shared" si="128"/>
        <v>11</v>
      </c>
    </row>
    <row r="8202" spans="1:4" x14ac:dyDescent="0.25">
      <c r="A8202" s="20">
        <v>43897.499999980122</v>
      </c>
      <c r="B8202" s="22">
        <v>2.0066447257995605</v>
      </c>
      <c r="C8202" s="21">
        <v>353007.86948079674</v>
      </c>
      <c r="D8202">
        <f t="shared" si="128"/>
        <v>12</v>
      </c>
    </row>
    <row r="8203" spans="1:4" x14ac:dyDescent="0.25">
      <c r="A8203" s="20">
        <v>43897.541666646786</v>
      </c>
      <c r="B8203" s="22">
        <v>1.8978712558746338</v>
      </c>
      <c r="C8203" s="21">
        <v>333872.49868967076</v>
      </c>
      <c r="D8203">
        <f t="shared" si="128"/>
        <v>13</v>
      </c>
    </row>
    <row r="8204" spans="1:4" x14ac:dyDescent="0.25">
      <c r="A8204" s="20">
        <v>43897.583333313451</v>
      </c>
      <c r="B8204" s="22">
        <v>1.8161113262176514</v>
      </c>
      <c r="C8204" s="21">
        <v>319489.33548891486</v>
      </c>
      <c r="D8204">
        <f t="shared" si="128"/>
        <v>14</v>
      </c>
    </row>
    <row r="8205" spans="1:4" x14ac:dyDescent="0.25">
      <c r="A8205" s="20">
        <v>43897.624999980115</v>
      </c>
      <c r="B8205" s="22">
        <v>1.7149053812026978</v>
      </c>
      <c r="C8205" s="21">
        <v>301685.23964216054</v>
      </c>
      <c r="D8205">
        <f t="shared" si="128"/>
        <v>15</v>
      </c>
    </row>
    <row r="8206" spans="1:4" x14ac:dyDescent="0.25">
      <c r="A8206" s="20">
        <v>43897.666666646779</v>
      </c>
      <c r="B8206" s="22">
        <v>1.8989319801330566</v>
      </c>
      <c r="C8206" s="21">
        <v>334059.10073524376</v>
      </c>
      <c r="D8206">
        <f t="shared" si="128"/>
        <v>16</v>
      </c>
    </row>
    <row r="8207" spans="1:4" x14ac:dyDescent="0.25">
      <c r="A8207" s="20">
        <v>43897.708333313443</v>
      </c>
      <c r="B8207" s="22">
        <v>1.8691734075546265</v>
      </c>
      <c r="C8207" s="21">
        <v>328823.98852547503</v>
      </c>
      <c r="D8207">
        <f t="shared" si="128"/>
        <v>17</v>
      </c>
    </row>
    <row r="8208" spans="1:4" x14ac:dyDescent="0.25">
      <c r="A8208" s="20">
        <v>43897.749999980108</v>
      </c>
      <c r="B8208" s="22">
        <v>1.9529209136962891</v>
      </c>
      <c r="C8208" s="21">
        <v>343556.80512090819</v>
      </c>
      <c r="D8208">
        <f t="shared" si="128"/>
        <v>18</v>
      </c>
    </row>
    <row r="8209" spans="1:4" x14ac:dyDescent="0.25">
      <c r="A8209" s="20">
        <v>43897.791666646772</v>
      </c>
      <c r="B8209" s="22">
        <v>2.1921894550323486</v>
      </c>
      <c r="C8209" s="21">
        <v>385648.79924665723</v>
      </c>
      <c r="D8209">
        <f t="shared" si="128"/>
        <v>19</v>
      </c>
    </row>
    <row r="8210" spans="1:4" x14ac:dyDescent="0.25">
      <c r="A8210" s="20">
        <v>43897.833333313436</v>
      </c>
      <c r="B8210" s="22">
        <v>2.2542924880981445</v>
      </c>
      <c r="C8210" s="21">
        <v>396573.93168738706</v>
      </c>
      <c r="D8210">
        <f t="shared" si="128"/>
        <v>20</v>
      </c>
    </row>
    <row r="8211" spans="1:4" x14ac:dyDescent="0.25">
      <c r="A8211" s="20">
        <v>43897.8749999801</v>
      </c>
      <c r="B8211" s="22">
        <v>2.4709053039550781</v>
      </c>
      <c r="C8211" s="21">
        <v>434680.34267522336</v>
      </c>
      <c r="D8211">
        <f t="shared" si="128"/>
        <v>21</v>
      </c>
    </row>
    <row r="8212" spans="1:4" x14ac:dyDescent="0.25">
      <c r="A8212" s="20">
        <v>43897.916666646764</v>
      </c>
      <c r="B8212" s="22">
        <v>2.6819932460784912</v>
      </c>
      <c r="C8212" s="21">
        <v>471814.82082375593</v>
      </c>
      <c r="D8212">
        <f t="shared" si="128"/>
        <v>22</v>
      </c>
    </row>
    <row r="8213" spans="1:4" x14ac:dyDescent="0.25">
      <c r="A8213" s="20">
        <v>43897.958333313429</v>
      </c>
      <c r="B8213" s="22">
        <v>2.6548850536346436</v>
      </c>
      <c r="C8213" s="21">
        <v>467045.96207310428</v>
      </c>
      <c r="D8213">
        <f t="shared" si="128"/>
        <v>23</v>
      </c>
    </row>
    <row r="8214" spans="1:4" x14ac:dyDescent="0.25">
      <c r="A8214" s="20">
        <v>43897.999999980093</v>
      </c>
      <c r="B8214" s="22">
        <v>2.5125448703765869</v>
      </c>
      <c r="C8214" s="21">
        <v>442005.55298254575</v>
      </c>
      <c r="D8214">
        <f t="shared" si="128"/>
        <v>0</v>
      </c>
    </row>
    <row r="8215" spans="1:4" x14ac:dyDescent="0.25">
      <c r="A8215" s="20">
        <v>43898.041666646757</v>
      </c>
      <c r="B8215" s="22">
        <v>2.5321691036224365</v>
      </c>
      <c r="C8215" s="21">
        <v>445457.83762428834</v>
      </c>
      <c r="D8215">
        <f t="shared" si="128"/>
        <v>1</v>
      </c>
    </row>
    <row r="8216" spans="1:4" x14ac:dyDescent="0.25">
      <c r="A8216" s="20">
        <v>43898.083333313421</v>
      </c>
      <c r="B8216" s="22">
        <v>0</v>
      </c>
      <c r="C8216" s="21">
        <v>0</v>
      </c>
      <c r="D8216">
        <f t="shared" si="128"/>
        <v>2</v>
      </c>
    </row>
    <row r="8217" spans="1:4" x14ac:dyDescent="0.25">
      <c r="A8217" s="20">
        <v>43898.124999980086</v>
      </c>
      <c r="B8217" s="22">
        <v>2.4278914928436279</v>
      </c>
      <c r="C8217" s="21">
        <v>427113.37597529986</v>
      </c>
      <c r="D8217">
        <f t="shared" si="128"/>
        <v>3</v>
      </c>
    </row>
    <row r="8218" spans="1:4" x14ac:dyDescent="0.25">
      <c r="A8218" s="20">
        <v>43898.16666664675</v>
      </c>
      <c r="B8218" s="22">
        <v>2.4781270027160645</v>
      </c>
      <c r="C8218" s="21">
        <v>435950.7800679871</v>
      </c>
      <c r="D8218">
        <f t="shared" si="128"/>
        <v>4</v>
      </c>
    </row>
    <row r="8219" spans="1:4" x14ac:dyDescent="0.25">
      <c r="A8219" s="20">
        <v>43898.208333313414</v>
      </c>
      <c r="B8219" s="22">
        <v>2.5590012073516846</v>
      </c>
      <c r="C8219" s="21">
        <v>450178.12699557969</v>
      </c>
      <c r="D8219">
        <f t="shared" si="128"/>
        <v>5</v>
      </c>
    </row>
    <row r="8220" spans="1:4" x14ac:dyDescent="0.25">
      <c r="A8220" s="20">
        <v>43898.249999980078</v>
      </c>
      <c r="B8220" s="22">
        <v>2.7999558448791504</v>
      </c>
      <c r="C8220" s="21">
        <v>492566.7382636735</v>
      </c>
      <c r="D8220">
        <f t="shared" si="128"/>
        <v>6</v>
      </c>
    </row>
    <row r="8221" spans="1:4" x14ac:dyDescent="0.25">
      <c r="A8221" s="20">
        <v>43898.291666646743</v>
      </c>
      <c r="B8221" s="22">
        <v>2.9571719169616699</v>
      </c>
      <c r="C8221" s="21">
        <v>520224.10577893001</v>
      </c>
      <c r="D8221">
        <f t="shared" si="128"/>
        <v>7</v>
      </c>
    </row>
    <row r="8222" spans="1:4" x14ac:dyDescent="0.25">
      <c r="A8222" s="20">
        <v>43898.333333313407</v>
      </c>
      <c r="B8222" s="22">
        <v>3.0607073307037354</v>
      </c>
      <c r="C8222" s="21">
        <v>538438.00052122737</v>
      </c>
      <c r="D8222">
        <f t="shared" si="128"/>
        <v>8</v>
      </c>
    </row>
    <row r="8223" spans="1:4" x14ac:dyDescent="0.25">
      <c r="A8223" s="20">
        <v>43898.374999980071</v>
      </c>
      <c r="B8223" s="22">
        <v>3.0876333713531494</v>
      </c>
      <c r="C8223" s="21">
        <v>543174.8152253927</v>
      </c>
      <c r="D8223">
        <f t="shared" si="128"/>
        <v>9</v>
      </c>
    </row>
    <row r="8224" spans="1:4" x14ac:dyDescent="0.25">
      <c r="A8224" s="20">
        <v>43898.416666646735</v>
      </c>
      <c r="B8224" s="22">
        <v>2.5953190326690674</v>
      </c>
      <c r="C8224" s="21">
        <v>456567.13944737613</v>
      </c>
      <c r="D8224">
        <f t="shared" si="128"/>
        <v>10</v>
      </c>
    </row>
    <row r="8225" spans="1:4" x14ac:dyDescent="0.25">
      <c r="A8225" s="20">
        <v>43898.4583333134</v>
      </c>
      <c r="B8225" s="22">
        <v>2.1296117305755615</v>
      </c>
      <c r="C8225" s="21">
        <v>374640.15934970457</v>
      </c>
      <c r="D8225">
        <f t="shared" si="128"/>
        <v>11</v>
      </c>
    </row>
    <row r="8226" spans="1:4" x14ac:dyDescent="0.25">
      <c r="A8226" s="20">
        <v>43898.499999980064</v>
      </c>
      <c r="B8226" s="22">
        <v>1.7266694307327271</v>
      </c>
      <c r="C8226" s="21">
        <v>303754.76495856029</v>
      </c>
      <c r="D8226">
        <f t="shared" si="128"/>
        <v>12</v>
      </c>
    </row>
    <row r="8227" spans="1:4" x14ac:dyDescent="0.25">
      <c r="A8227" s="20">
        <v>43898.541666646728</v>
      </c>
      <c r="B8227" s="22">
        <v>1.5460995435714722</v>
      </c>
      <c r="C8227" s="21">
        <v>271989.00675550627</v>
      </c>
      <c r="D8227">
        <f t="shared" si="128"/>
        <v>13</v>
      </c>
    </row>
    <row r="8228" spans="1:4" x14ac:dyDescent="0.25">
      <c r="A8228" s="20">
        <v>43898.583333313392</v>
      </c>
      <c r="B8228" s="22">
        <v>1.4076937437057495</v>
      </c>
      <c r="C8228" s="21">
        <v>247640.73229206511</v>
      </c>
      <c r="D8228">
        <f t="shared" si="128"/>
        <v>14</v>
      </c>
    </row>
    <row r="8229" spans="1:4" x14ac:dyDescent="0.25">
      <c r="A8229" s="20">
        <v>43898.624999980057</v>
      </c>
      <c r="B8229" s="22">
        <v>1.4378534555435181</v>
      </c>
      <c r="C8229" s="21">
        <v>252946.41270630149</v>
      </c>
      <c r="D8229">
        <f t="shared" si="128"/>
        <v>15</v>
      </c>
    </row>
    <row r="8230" spans="1:4" x14ac:dyDescent="0.25">
      <c r="A8230" s="20">
        <v>43898.666666646721</v>
      </c>
      <c r="B8230" s="22">
        <v>1.1772456169128418</v>
      </c>
      <c r="C8230" s="21">
        <v>207100.42078645446</v>
      </c>
      <c r="D8230">
        <f t="shared" si="128"/>
        <v>16</v>
      </c>
    </row>
    <row r="8231" spans="1:4" x14ac:dyDescent="0.25">
      <c r="A8231" s="20">
        <v>43898.708333313385</v>
      </c>
      <c r="B8231" s="22">
        <v>1.5210486650466919</v>
      </c>
      <c r="C8231" s="21">
        <v>267582.06957177963</v>
      </c>
      <c r="D8231">
        <f t="shared" si="128"/>
        <v>17</v>
      </c>
    </row>
    <row r="8232" spans="1:4" x14ac:dyDescent="0.25">
      <c r="A8232" s="20">
        <v>43898.749999980049</v>
      </c>
      <c r="B8232" s="22">
        <v>1.3301180601119995</v>
      </c>
      <c r="C8232" s="21">
        <v>233993.65942617229</v>
      </c>
      <c r="D8232">
        <f t="shared" si="128"/>
        <v>18</v>
      </c>
    </row>
    <row r="8233" spans="1:4" x14ac:dyDescent="0.25">
      <c r="A8233" s="20">
        <v>43898.791666646714</v>
      </c>
      <c r="B8233" s="22">
        <v>1.5382105112075806</v>
      </c>
      <c r="C8233" s="21">
        <v>270601.1723913874</v>
      </c>
      <c r="D8233">
        <f t="shared" si="128"/>
        <v>19</v>
      </c>
    </row>
    <row r="8234" spans="1:4" x14ac:dyDescent="0.25">
      <c r="A8234" s="20">
        <v>43898.833333313378</v>
      </c>
      <c r="B8234" s="22">
        <v>1.6231023073196411</v>
      </c>
      <c r="C8234" s="21">
        <v>285535.29186785623</v>
      </c>
      <c r="D8234">
        <f t="shared" si="128"/>
        <v>20</v>
      </c>
    </row>
    <row r="8235" spans="1:4" x14ac:dyDescent="0.25">
      <c r="A8235" s="20">
        <v>43898.874999980042</v>
      </c>
      <c r="B8235" s="22">
        <v>1.5837287902832031</v>
      </c>
      <c r="C8235" s="21">
        <v>278608.72375926364</v>
      </c>
      <c r="D8235">
        <f t="shared" si="128"/>
        <v>21</v>
      </c>
    </row>
    <row r="8236" spans="1:4" x14ac:dyDescent="0.25">
      <c r="A8236" s="20">
        <v>43898.916666646706</v>
      </c>
      <c r="B8236" s="22">
        <v>1.7380208969116211</v>
      </c>
      <c r="C8236" s="21">
        <v>305751.70883196965</v>
      </c>
      <c r="D8236">
        <f t="shared" si="128"/>
        <v>22</v>
      </c>
    </row>
    <row r="8237" spans="1:4" x14ac:dyDescent="0.25">
      <c r="A8237" s="20">
        <v>43898.958333313371</v>
      </c>
      <c r="B8237" s="22">
        <v>1.7627348899841309</v>
      </c>
      <c r="C8237" s="21">
        <v>310099.38130668423</v>
      </c>
      <c r="D8237">
        <f t="shared" si="128"/>
        <v>23</v>
      </c>
    </row>
    <row r="8238" spans="1:4" x14ac:dyDescent="0.25">
      <c r="A8238" s="20">
        <v>43898.999999980035</v>
      </c>
      <c r="B8238" s="22">
        <v>1.7225759029388428</v>
      </c>
      <c r="C8238" s="21">
        <v>303034.63373323646</v>
      </c>
      <c r="D8238">
        <f t="shared" si="128"/>
        <v>0</v>
      </c>
    </row>
    <row r="8239" spans="1:4" x14ac:dyDescent="0.25">
      <c r="A8239" s="20">
        <v>43899.041666646699</v>
      </c>
      <c r="B8239" s="22">
        <v>1.5864988565444946</v>
      </c>
      <c r="C8239" s="21">
        <v>279096.03233793075</v>
      </c>
      <c r="D8239">
        <f t="shared" si="128"/>
        <v>1</v>
      </c>
    </row>
    <row r="8240" spans="1:4" x14ac:dyDescent="0.25">
      <c r="A8240" s="20">
        <v>43899.083333313363</v>
      </c>
      <c r="B8240" s="22">
        <v>1.865971565246582</v>
      </c>
      <c r="C8240" s="21">
        <v>328260.72213504516</v>
      </c>
      <c r="D8240">
        <f t="shared" si="128"/>
        <v>2</v>
      </c>
    </row>
    <row r="8241" spans="1:4" x14ac:dyDescent="0.25">
      <c r="A8241" s="20">
        <v>43899.124999980027</v>
      </c>
      <c r="B8241" s="22">
        <v>1.8123109340667725</v>
      </c>
      <c r="C8241" s="21">
        <v>318820.77252950071</v>
      </c>
      <c r="D8241">
        <f t="shared" si="128"/>
        <v>3</v>
      </c>
    </row>
    <row r="8242" spans="1:4" x14ac:dyDescent="0.25">
      <c r="A8242" s="20">
        <v>43899.166666646692</v>
      </c>
      <c r="B8242" s="22">
        <v>1.9723213911056519</v>
      </c>
      <c r="C8242" s="21">
        <v>346969.72675528505</v>
      </c>
      <c r="D8242">
        <f t="shared" si="128"/>
        <v>4</v>
      </c>
    </row>
    <row r="8243" spans="1:4" x14ac:dyDescent="0.25">
      <c r="A8243" s="20">
        <v>43899.208333313356</v>
      </c>
      <c r="B8243" s="22">
        <v>2.3267579078674316</v>
      </c>
      <c r="C8243" s="21">
        <v>409322.0096679547</v>
      </c>
      <c r="D8243">
        <f t="shared" si="128"/>
        <v>5</v>
      </c>
    </row>
    <row r="8244" spans="1:4" x14ac:dyDescent="0.25">
      <c r="A8244" s="20">
        <v>43899.24999998002</v>
      </c>
      <c r="B8244" s="22">
        <v>2.6993198394775391</v>
      </c>
      <c r="C8244" s="21">
        <v>474862.90588959673</v>
      </c>
      <c r="D8244">
        <f t="shared" si="128"/>
        <v>6</v>
      </c>
    </row>
    <row r="8245" spans="1:4" x14ac:dyDescent="0.25">
      <c r="A8245" s="20">
        <v>43899.291666646684</v>
      </c>
      <c r="B8245" s="22">
        <v>2.5275073051452637</v>
      </c>
      <c r="C8245" s="21">
        <v>444637.7365235716</v>
      </c>
      <c r="D8245">
        <f t="shared" si="128"/>
        <v>7</v>
      </c>
    </row>
    <row r="8246" spans="1:4" x14ac:dyDescent="0.25">
      <c r="A8246" s="20">
        <v>43899.333333313349</v>
      </c>
      <c r="B8246" s="22">
        <v>2.1904692649841309</v>
      </c>
      <c r="C8246" s="21">
        <v>385346.18433121353</v>
      </c>
      <c r="D8246">
        <f t="shared" si="128"/>
        <v>8</v>
      </c>
    </row>
    <row r="8247" spans="1:4" x14ac:dyDescent="0.25">
      <c r="A8247" s="20">
        <v>43899.374999980013</v>
      </c>
      <c r="B8247" s="22">
        <v>2.1679010391235352</v>
      </c>
      <c r="C8247" s="21">
        <v>381375.99407950573</v>
      </c>
      <c r="D8247">
        <f t="shared" si="128"/>
        <v>9</v>
      </c>
    </row>
    <row r="8248" spans="1:4" x14ac:dyDescent="0.25">
      <c r="A8248" s="20">
        <v>43899.416666646677</v>
      </c>
      <c r="B8248" s="22">
        <v>1.8687385320663452</v>
      </c>
      <c r="C8248" s="21">
        <v>328747.48546161235</v>
      </c>
      <c r="D8248">
        <f t="shared" si="128"/>
        <v>10</v>
      </c>
    </row>
    <row r="8249" spans="1:4" x14ac:dyDescent="0.25">
      <c r="A8249" s="20">
        <v>43899.458333313341</v>
      </c>
      <c r="B8249" s="22">
        <v>1.5741130113601685</v>
      </c>
      <c r="C8249" s="21">
        <v>276917.12106179749</v>
      </c>
      <c r="D8249">
        <f t="shared" si="128"/>
        <v>11</v>
      </c>
    </row>
    <row r="8250" spans="1:4" x14ac:dyDescent="0.25">
      <c r="A8250" s="20">
        <v>43899.499999980006</v>
      </c>
      <c r="B8250" s="22">
        <v>1.4772717952728271</v>
      </c>
      <c r="C8250" s="21">
        <v>259880.86599910803</v>
      </c>
      <c r="D8250">
        <f t="shared" si="128"/>
        <v>12</v>
      </c>
    </row>
    <row r="8251" spans="1:4" x14ac:dyDescent="0.25">
      <c r="A8251" s="20">
        <v>43899.54166664667</v>
      </c>
      <c r="B8251" s="22">
        <v>1.3119081258773804</v>
      </c>
      <c r="C8251" s="21">
        <v>230790.17751186035</v>
      </c>
      <c r="D8251">
        <f t="shared" si="128"/>
        <v>13</v>
      </c>
    </row>
    <row r="8252" spans="1:4" x14ac:dyDescent="0.25">
      <c r="A8252" s="20">
        <v>43899.583333313334</v>
      </c>
      <c r="B8252" s="22">
        <v>1.2692642211914063</v>
      </c>
      <c r="C8252" s="21">
        <v>223288.28455293627</v>
      </c>
      <c r="D8252">
        <f t="shared" si="128"/>
        <v>14</v>
      </c>
    </row>
    <row r="8253" spans="1:4" x14ac:dyDescent="0.25">
      <c r="A8253" s="20">
        <v>43899.624999979998</v>
      </c>
      <c r="B8253" s="22">
        <v>1.3370093107223511</v>
      </c>
      <c r="C8253" s="21">
        <v>235205.96455659304</v>
      </c>
      <c r="D8253">
        <f t="shared" si="128"/>
        <v>15</v>
      </c>
    </row>
    <row r="8254" spans="1:4" x14ac:dyDescent="0.25">
      <c r="A8254" s="20">
        <v>43899.666666646663</v>
      </c>
      <c r="B8254" s="22">
        <v>1.3257519006729126</v>
      </c>
      <c r="C8254" s="21">
        <v>233225.56698729206</v>
      </c>
      <c r="D8254">
        <f t="shared" si="128"/>
        <v>16</v>
      </c>
    </row>
    <row r="8255" spans="1:4" x14ac:dyDescent="0.25">
      <c r="A8255" s="20">
        <v>43899.708333313327</v>
      </c>
      <c r="B8255" s="22">
        <v>1.3426162004470825</v>
      </c>
      <c r="C8255" s="21">
        <v>236192.3256053096</v>
      </c>
      <c r="D8255">
        <f t="shared" si="128"/>
        <v>17</v>
      </c>
    </row>
    <row r="8256" spans="1:4" x14ac:dyDescent="0.25">
      <c r="A8256" s="20">
        <v>43899.749999979991</v>
      </c>
      <c r="B8256" s="22">
        <v>1.2583577632904053</v>
      </c>
      <c r="C8256" s="21">
        <v>221369.62629833154</v>
      </c>
      <c r="D8256">
        <f t="shared" si="128"/>
        <v>18</v>
      </c>
    </row>
    <row r="8257" spans="1:4" x14ac:dyDescent="0.25">
      <c r="A8257" s="20">
        <v>43899.791666646655</v>
      </c>
      <c r="B8257" s="22">
        <v>1.2472360134124756</v>
      </c>
      <c r="C8257" s="21">
        <v>219413.09399401848</v>
      </c>
      <c r="D8257">
        <f t="shared" si="128"/>
        <v>19</v>
      </c>
    </row>
    <row r="8258" spans="1:4" x14ac:dyDescent="0.25">
      <c r="A8258" s="20">
        <v>43899.83333331332</v>
      </c>
      <c r="B8258" s="22">
        <v>1.4766956567764282</v>
      </c>
      <c r="C8258" s="21">
        <v>259779.51202223075</v>
      </c>
      <c r="D8258">
        <f t="shared" si="128"/>
        <v>20</v>
      </c>
    </row>
    <row r="8259" spans="1:4" x14ac:dyDescent="0.25">
      <c r="A8259" s="20">
        <v>43899.874999979984</v>
      </c>
      <c r="B8259" s="22">
        <v>1.4506652355194092</v>
      </c>
      <c r="C8259" s="21">
        <v>255200.25420370154</v>
      </c>
      <c r="D8259">
        <f t="shared" si="128"/>
        <v>21</v>
      </c>
    </row>
    <row r="8260" spans="1:4" x14ac:dyDescent="0.25">
      <c r="A8260" s="20">
        <v>43899.916666646648</v>
      </c>
      <c r="B8260" s="22">
        <v>1.343482494354248</v>
      </c>
      <c r="C8260" s="21">
        <v>236344.72356723121</v>
      </c>
      <c r="D8260">
        <f t="shared" si="128"/>
        <v>22</v>
      </c>
    </row>
    <row r="8261" spans="1:4" x14ac:dyDescent="0.25">
      <c r="A8261" s="20">
        <v>43899.958333313312</v>
      </c>
      <c r="B8261" s="22">
        <v>1.1159020662307739</v>
      </c>
      <c r="C8261" s="21">
        <v>196308.89608143445</v>
      </c>
      <c r="D8261">
        <f t="shared" si="128"/>
        <v>23</v>
      </c>
    </row>
    <row r="8262" spans="1:4" x14ac:dyDescent="0.25">
      <c r="A8262" s="20">
        <v>43899.999999979977</v>
      </c>
      <c r="B8262" s="22">
        <v>1.0691168308258057</v>
      </c>
      <c r="C8262" s="21">
        <v>188078.46243210736</v>
      </c>
      <c r="D8262">
        <f t="shared" si="128"/>
        <v>0</v>
      </c>
    </row>
    <row r="8263" spans="1:4" x14ac:dyDescent="0.25">
      <c r="A8263" s="20">
        <v>43900.041666646641</v>
      </c>
      <c r="B8263" s="22">
        <v>0.86472690105438232</v>
      </c>
      <c r="C8263" s="21">
        <v>152122.29504269036</v>
      </c>
      <c r="D8263">
        <f t="shared" ref="D8263:D8326" si="129">HOUR(A8263)</f>
        <v>1</v>
      </c>
    </row>
    <row r="8264" spans="1:4" x14ac:dyDescent="0.25">
      <c r="A8264" s="20">
        <v>43900.083333313305</v>
      </c>
      <c r="B8264" s="22">
        <v>0.88109457492828369</v>
      </c>
      <c r="C8264" s="21">
        <v>155001.68749731639</v>
      </c>
      <c r="D8264">
        <f t="shared" si="129"/>
        <v>2</v>
      </c>
    </row>
    <row r="8265" spans="1:4" x14ac:dyDescent="0.25">
      <c r="A8265" s="20">
        <v>43900.124999979969</v>
      </c>
      <c r="B8265" s="22">
        <v>0.93426352739334106</v>
      </c>
      <c r="C8265" s="21">
        <v>164355.14124570577</v>
      </c>
      <c r="D8265">
        <f t="shared" si="129"/>
        <v>3</v>
      </c>
    </row>
    <row r="8266" spans="1:4" x14ac:dyDescent="0.25">
      <c r="A8266" s="20">
        <v>43900.166666646634</v>
      </c>
      <c r="B8266" s="22">
        <v>0.93547368049621582</v>
      </c>
      <c r="C8266" s="21">
        <v>164568.03073386426</v>
      </c>
      <c r="D8266">
        <f t="shared" si="129"/>
        <v>4</v>
      </c>
    </row>
    <row r="8267" spans="1:4" x14ac:dyDescent="0.25">
      <c r="A8267" s="20">
        <v>43900.208333313298</v>
      </c>
      <c r="B8267" s="22">
        <v>0.98871451616287231</v>
      </c>
      <c r="C8267" s="21">
        <v>173934.13013672436</v>
      </c>
      <c r="D8267">
        <f t="shared" si="129"/>
        <v>5</v>
      </c>
    </row>
    <row r="8268" spans="1:4" x14ac:dyDescent="0.25">
      <c r="A8268" s="20">
        <v>43900.249999979962</v>
      </c>
      <c r="B8268" s="22">
        <v>1.4120088815689087</v>
      </c>
      <c r="C8268" s="21">
        <v>248399.84904253163</v>
      </c>
      <c r="D8268">
        <f t="shared" si="129"/>
        <v>6</v>
      </c>
    </row>
    <row r="8269" spans="1:4" x14ac:dyDescent="0.25">
      <c r="A8269" s="20">
        <v>43900.291666646626</v>
      </c>
      <c r="B8269" s="22">
        <v>1.2276074886322021</v>
      </c>
      <c r="C8269" s="21">
        <v>215960.05438782988</v>
      </c>
      <c r="D8269">
        <f t="shared" si="129"/>
        <v>7</v>
      </c>
    </row>
    <row r="8270" spans="1:4" x14ac:dyDescent="0.25">
      <c r="A8270" s="20">
        <v>43900.33333331329</v>
      </c>
      <c r="B8270" s="22">
        <v>1.1617228984832764</v>
      </c>
      <c r="C8270" s="21">
        <v>204369.67244275459</v>
      </c>
      <c r="D8270">
        <f t="shared" si="129"/>
        <v>8</v>
      </c>
    </row>
    <row r="8271" spans="1:4" x14ac:dyDescent="0.25">
      <c r="A8271" s="20">
        <v>43900.374999979955</v>
      </c>
      <c r="B8271" s="22">
        <v>1.2392196655273438</v>
      </c>
      <c r="C8271" s="21">
        <v>218002.8623513346</v>
      </c>
      <c r="D8271">
        <f t="shared" si="129"/>
        <v>9</v>
      </c>
    </row>
    <row r="8272" spans="1:4" x14ac:dyDescent="0.25">
      <c r="A8272" s="20">
        <v>43900.416666646619</v>
      </c>
      <c r="B8272" s="22">
        <v>1.1542693376541138</v>
      </c>
      <c r="C8272" s="21">
        <v>203058.44599867152</v>
      </c>
      <c r="D8272">
        <f t="shared" si="129"/>
        <v>10</v>
      </c>
    </row>
    <row r="8273" spans="1:4" x14ac:dyDescent="0.25">
      <c r="A8273" s="20">
        <v>43900.458333313283</v>
      </c>
      <c r="B8273" s="22">
        <v>1.0661770105361938</v>
      </c>
      <c r="C8273" s="21">
        <v>187561.29081535357</v>
      </c>
      <c r="D8273">
        <f t="shared" si="129"/>
        <v>11</v>
      </c>
    </row>
    <row r="8274" spans="1:4" x14ac:dyDescent="0.25">
      <c r="A8274" s="20">
        <v>43900.499999979947</v>
      </c>
      <c r="B8274" s="22">
        <v>1.064118504524231</v>
      </c>
      <c r="C8274" s="21">
        <v>187199.15953608244</v>
      </c>
      <c r="D8274">
        <f t="shared" si="129"/>
        <v>12</v>
      </c>
    </row>
    <row r="8275" spans="1:4" x14ac:dyDescent="0.25">
      <c r="A8275" s="20">
        <v>43900.541666646612</v>
      </c>
      <c r="B8275" s="22">
        <v>1.1729809045791626</v>
      </c>
      <c r="C8275" s="21">
        <v>206350.17486822858</v>
      </c>
      <c r="D8275">
        <f t="shared" si="129"/>
        <v>13</v>
      </c>
    </row>
    <row r="8276" spans="1:4" x14ac:dyDescent="0.25">
      <c r="A8276" s="20">
        <v>43900.583333313276</v>
      </c>
      <c r="B8276" s="22">
        <v>1.0430237054824829</v>
      </c>
      <c r="C8276" s="21">
        <v>183488.17374417259</v>
      </c>
      <c r="D8276">
        <f t="shared" si="129"/>
        <v>14</v>
      </c>
    </row>
    <row r="8277" spans="1:4" x14ac:dyDescent="0.25">
      <c r="A8277" s="20">
        <v>43900.62499997994</v>
      </c>
      <c r="B8277" s="22">
        <v>1.1401338577270508</v>
      </c>
      <c r="C8277" s="21">
        <v>200571.73991214554</v>
      </c>
      <c r="D8277">
        <f t="shared" si="129"/>
        <v>15</v>
      </c>
    </row>
    <row r="8278" spans="1:4" x14ac:dyDescent="0.25">
      <c r="A8278" s="20">
        <v>43900.666666646604</v>
      </c>
      <c r="B8278" s="22">
        <v>1.222084641456604</v>
      </c>
      <c r="C8278" s="21">
        <v>214988.47805951443</v>
      </c>
      <c r="D8278">
        <f t="shared" si="129"/>
        <v>16</v>
      </c>
    </row>
    <row r="8279" spans="1:4" x14ac:dyDescent="0.25">
      <c r="A8279" s="20">
        <v>43900.708333313269</v>
      </c>
      <c r="B8279" s="22">
        <v>1.4189724922180176</v>
      </c>
      <c r="C8279" s="21">
        <v>249624.88371236151</v>
      </c>
      <c r="D8279">
        <f t="shared" si="129"/>
        <v>17</v>
      </c>
    </row>
    <row r="8280" spans="1:4" x14ac:dyDescent="0.25">
      <c r="A8280" s="20">
        <v>43900.749999979933</v>
      </c>
      <c r="B8280" s="22">
        <v>1.3524187803268433</v>
      </c>
      <c r="C8280" s="21">
        <v>237916.79022741196</v>
      </c>
      <c r="D8280">
        <f t="shared" si="129"/>
        <v>18</v>
      </c>
    </row>
    <row r="8281" spans="1:4" x14ac:dyDescent="0.25">
      <c r="A8281" s="20">
        <v>43900.791666646597</v>
      </c>
      <c r="B8281" s="22">
        <v>1.4162584543228149</v>
      </c>
      <c r="C8281" s="21">
        <v>249147.43161396182</v>
      </c>
      <c r="D8281">
        <f t="shared" si="129"/>
        <v>19</v>
      </c>
    </row>
    <row r="8282" spans="1:4" x14ac:dyDescent="0.25">
      <c r="A8282" s="20">
        <v>43900.833333313261</v>
      </c>
      <c r="B8282" s="22">
        <v>1.4741692543029785</v>
      </c>
      <c r="C8282" s="21">
        <v>259335.06864710955</v>
      </c>
      <c r="D8282">
        <f t="shared" si="129"/>
        <v>20</v>
      </c>
    </row>
    <row r="8283" spans="1:4" x14ac:dyDescent="0.25">
      <c r="A8283" s="20">
        <v>43900.874999979926</v>
      </c>
      <c r="B8283" s="22">
        <v>1.5319737195968628</v>
      </c>
      <c r="C8283" s="21">
        <v>269503.99933898379</v>
      </c>
      <c r="D8283">
        <f t="shared" si="129"/>
        <v>21</v>
      </c>
    </row>
    <row r="8284" spans="1:4" x14ac:dyDescent="0.25">
      <c r="A8284" s="20">
        <v>43900.91666664659</v>
      </c>
      <c r="B8284" s="22">
        <v>1.4306520223617554</v>
      </c>
      <c r="C8284" s="21">
        <v>251679.54042342171</v>
      </c>
      <c r="D8284">
        <f t="shared" si="129"/>
        <v>22</v>
      </c>
    </row>
    <row r="8285" spans="1:4" x14ac:dyDescent="0.25">
      <c r="A8285" s="20">
        <v>43900.958333313254</v>
      </c>
      <c r="B8285" s="22">
        <v>1.1866979598999023</v>
      </c>
      <c r="C8285" s="21">
        <v>208763.27192126832</v>
      </c>
      <c r="D8285">
        <f t="shared" si="129"/>
        <v>23</v>
      </c>
    </row>
    <row r="8286" spans="1:4" x14ac:dyDescent="0.25">
      <c r="A8286" s="20">
        <v>43900.999999979918</v>
      </c>
      <c r="B8286" s="22">
        <v>1.2270982265472412</v>
      </c>
      <c r="C8286" s="21">
        <v>215870.46527356963</v>
      </c>
      <c r="D8286">
        <f t="shared" si="129"/>
        <v>0</v>
      </c>
    </row>
    <row r="8287" spans="1:4" x14ac:dyDescent="0.25">
      <c r="A8287" s="20">
        <v>43901.041666646583</v>
      </c>
      <c r="B8287" s="22">
        <v>1.1427559852600098</v>
      </c>
      <c r="C8287" s="21">
        <v>201033.02318865975</v>
      </c>
      <c r="D8287">
        <f t="shared" si="129"/>
        <v>1</v>
      </c>
    </row>
    <row r="8288" spans="1:4" x14ac:dyDescent="0.25">
      <c r="A8288" s="20">
        <v>43901.083333313247</v>
      </c>
      <c r="B8288" s="22">
        <v>1.1040749549865723</v>
      </c>
      <c r="C8288" s="21">
        <v>194228.27698192524</v>
      </c>
      <c r="D8288">
        <f t="shared" si="129"/>
        <v>2</v>
      </c>
    </row>
    <row r="8289" spans="1:4" x14ac:dyDescent="0.25">
      <c r="A8289" s="20">
        <v>43901.124999979911</v>
      </c>
      <c r="B8289" s="22">
        <v>1.0434671640396118</v>
      </c>
      <c r="C8289" s="21">
        <v>183566.18673692731</v>
      </c>
      <c r="D8289">
        <f t="shared" si="129"/>
        <v>3</v>
      </c>
    </row>
    <row r="8290" spans="1:4" x14ac:dyDescent="0.25">
      <c r="A8290" s="20">
        <v>43901.166666646575</v>
      </c>
      <c r="B8290" s="22">
        <v>1.0980254411697388</v>
      </c>
      <c r="C8290" s="21">
        <v>193164.04973909623</v>
      </c>
      <c r="D8290">
        <f t="shared" si="129"/>
        <v>4</v>
      </c>
    </row>
    <row r="8291" spans="1:4" x14ac:dyDescent="0.25">
      <c r="A8291" s="20">
        <v>43901.20833331324</v>
      </c>
      <c r="B8291" s="22">
        <v>1.312160849571228</v>
      </c>
      <c r="C8291" s="21">
        <v>230834.63652923674</v>
      </c>
      <c r="D8291">
        <f t="shared" si="129"/>
        <v>5</v>
      </c>
    </row>
    <row r="8292" spans="1:4" x14ac:dyDescent="0.25">
      <c r="A8292" s="20">
        <v>43901.249999979904</v>
      </c>
      <c r="B8292" s="22">
        <v>1.5341659784317017</v>
      </c>
      <c r="C8292" s="21">
        <v>269889.66034348897</v>
      </c>
      <c r="D8292">
        <f t="shared" si="129"/>
        <v>6</v>
      </c>
    </row>
    <row r="8293" spans="1:4" x14ac:dyDescent="0.25">
      <c r="A8293" s="20">
        <v>43901.291666646568</v>
      </c>
      <c r="B8293" s="22">
        <v>1.3938838243484497</v>
      </c>
      <c r="C8293" s="21">
        <v>245211.29864726306</v>
      </c>
      <c r="D8293">
        <f t="shared" si="129"/>
        <v>7</v>
      </c>
    </row>
    <row r="8294" spans="1:4" x14ac:dyDescent="0.25">
      <c r="A8294" s="20">
        <v>43901.333333313232</v>
      </c>
      <c r="B8294" s="22">
        <v>1.2787572145462036</v>
      </c>
      <c r="C8294" s="21">
        <v>224958.28687875264</v>
      </c>
      <c r="D8294">
        <f t="shared" si="129"/>
        <v>8</v>
      </c>
    </row>
    <row r="8295" spans="1:4" x14ac:dyDescent="0.25">
      <c r="A8295" s="20">
        <v>43901.374999979897</v>
      </c>
      <c r="B8295" s="22">
        <v>1.3482151031494141</v>
      </c>
      <c r="C8295" s="21">
        <v>237177.28158130718</v>
      </c>
      <c r="D8295">
        <f t="shared" si="129"/>
        <v>9</v>
      </c>
    </row>
    <row r="8296" spans="1:4" x14ac:dyDescent="0.25">
      <c r="A8296" s="20">
        <v>43901.416666646561</v>
      </c>
      <c r="B8296" s="22">
        <v>1.2582963705062866</v>
      </c>
      <c r="C8296" s="21">
        <v>221358.82611250662</v>
      </c>
      <c r="D8296">
        <f t="shared" si="129"/>
        <v>10</v>
      </c>
    </row>
    <row r="8297" spans="1:4" x14ac:dyDescent="0.25">
      <c r="A8297" s="20">
        <v>43901.458333313225</v>
      </c>
      <c r="B8297" s="22">
        <v>1.088373064994812</v>
      </c>
      <c r="C8297" s="21">
        <v>191466.00887260432</v>
      </c>
      <c r="D8297">
        <f t="shared" si="129"/>
        <v>11</v>
      </c>
    </row>
    <row r="8298" spans="1:4" x14ac:dyDescent="0.25">
      <c r="A8298" s="20">
        <v>43901.499999979889</v>
      </c>
      <c r="B8298" s="22">
        <v>1.0335776805877686</v>
      </c>
      <c r="C8298" s="21">
        <v>181826.43408479315</v>
      </c>
      <c r="D8298">
        <f t="shared" si="129"/>
        <v>12</v>
      </c>
    </row>
    <row r="8299" spans="1:4" x14ac:dyDescent="0.25">
      <c r="A8299" s="20">
        <v>43901.541666646553</v>
      </c>
      <c r="B8299" s="22">
        <v>0.92966270446777344</v>
      </c>
      <c r="C8299" s="21">
        <v>163545.76693149284</v>
      </c>
      <c r="D8299">
        <f t="shared" si="129"/>
        <v>13</v>
      </c>
    </row>
    <row r="8300" spans="1:4" x14ac:dyDescent="0.25">
      <c r="A8300" s="20">
        <v>43901.583333313218</v>
      </c>
      <c r="B8300" s="22">
        <v>1.1437232494354248</v>
      </c>
      <c r="C8300" s="21">
        <v>201203.1837862973</v>
      </c>
      <c r="D8300">
        <f t="shared" si="129"/>
        <v>14</v>
      </c>
    </row>
    <row r="8301" spans="1:4" x14ac:dyDescent="0.25">
      <c r="A8301" s="20">
        <v>43901.624999979882</v>
      </c>
      <c r="B8301" s="22">
        <v>1.3857097625732422</v>
      </c>
      <c r="C8301" s="21">
        <v>243773.3220611882</v>
      </c>
      <c r="D8301">
        <f t="shared" si="129"/>
        <v>15</v>
      </c>
    </row>
    <row r="8302" spans="1:4" x14ac:dyDescent="0.25">
      <c r="A8302" s="20">
        <v>43901.666666646546</v>
      </c>
      <c r="B8302" s="22">
        <v>1.1422768831253052</v>
      </c>
      <c r="C8302" s="21">
        <v>200948.73979675616</v>
      </c>
      <c r="D8302">
        <f t="shared" si="129"/>
        <v>16</v>
      </c>
    </row>
    <row r="8303" spans="1:4" x14ac:dyDescent="0.25">
      <c r="A8303" s="20">
        <v>43901.70833331321</v>
      </c>
      <c r="B8303" s="22">
        <v>1.2323473691940308</v>
      </c>
      <c r="C8303" s="21">
        <v>216793.89164721715</v>
      </c>
      <c r="D8303">
        <f t="shared" si="129"/>
        <v>17</v>
      </c>
    </row>
    <row r="8304" spans="1:4" x14ac:dyDescent="0.25">
      <c r="A8304" s="20">
        <v>43901.749999979875</v>
      </c>
      <c r="B8304" s="22">
        <v>1.1197437047958374</v>
      </c>
      <c r="C8304" s="21">
        <v>196984.71508802415</v>
      </c>
      <c r="D8304">
        <f t="shared" si="129"/>
        <v>18</v>
      </c>
    </row>
    <row r="8305" spans="1:4" x14ac:dyDescent="0.25">
      <c r="A8305" s="20">
        <v>43901.791666646539</v>
      </c>
      <c r="B8305" s="22">
        <v>1.1766917705535889</v>
      </c>
      <c r="C8305" s="21">
        <v>207002.98843044948</v>
      </c>
      <c r="D8305">
        <f t="shared" si="129"/>
        <v>19</v>
      </c>
    </row>
    <row r="8306" spans="1:4" x14ac:dyDescent="0.25">
      <c r="A8306" s="20">
        <v>43901.833333313203</v>
      </c>
      <c r="B8306" s="22">
        <v>1.4025299549102783</v>
      </c>
      <c r="C8306" s="21">
        <v>246732.32132239945</v>
      </c>
      <c r="D8306">
        <f t="shared" si="129"/>
        <v>20</v>
      </c>
    </row>
    <row r="8307" spans="1:4" x14ac:dyDescent="0.25">
      <c r="A8307" s="20">
        <v>43901.874999979867</v>
      </c>
      <c r="B8307" s="22">
        <v>1.5193735361099243</v>
      </c>
      <c r="C8307" s="21">
        <v>267287.38178301905</v>
      </c>
      <c r="D8307">
        <f t="shared" si="129"/>
        <v>21</v>
      </c>
    </row>
    <row r="8308" spans="1:4" x14ac:dyDescent="0.25">
      <c r="A8308" s="20">
        <v>43901.916666646532</v>
      </c>
      <c r="B8308" s="22">
        <v>1.4606478214263916</v>
      </c>
      <c r="C8308" s="21">
        <v>256956.3853900673</v>
      </c>
      <c r="D8308">
        <f t="shared" si="129"/>
        <v>22</v>
      </c>
    </row>
    <row r="8309" spans="1:4" x14ac:dyDescent="0.25">
      <c r="A8309" s="20">
        <v>43901.958333313196</v>
      </c>
      <c r="B8309" s="22">
        <v>1.2857340574264526</v>
      </c>
      <c r="C8309" s="21">
        <v>226185.64935562439</v>
      </c>
      <c r="D8309">
        <f t="shared" si="129"/>
        <v>23</v>
      </c>
    </row>
    <row r="8310" spans="1:4" x14ac:dyDescent="0.25">
      <c r="A8310" s="20">
        <v>43901.99999997986</v>
      </c>
      <c r="B8310" s="22">
        <v>1.3416901826858521</v>
      </c>
      <c r="C8310" s="21">
        <v>236029.42105484757</v>
      </c>
      <c r="D8310">
        <f t="shared" si="129"/>
        <v>0</v>
      </c>
    </row>
    <row r="8311" spans="1:4" x14ac:dyDescent="0.25">
      <c r="A8311" s="20">
        <v>43902.041666646524</v>
      </c>
      <c r="B8311" s="22">
        <v>1.3442931175231934</v>
      </c>
      <c r="C8311" s="21">
        <v>236487.32796258933</v>
      </c>
      <c r="D8311">
        <f t="shared" si="129"/>
        <v>1</v>
      </c>
    </row>
    <row r="8312" spans="1:4" x14ac:dyDescent="0.25">
      <c r="A8312" s="20">
        <v>43902.083333313189</v>
      </c>
      <c r="B8312" s="22">
        <v>1.3617417812347412</v>
      </c>
      <c r="C8312" s="21">
        <v>239556.88757267233</v>
      </c>
      <c r="D8312">
        <f t="shared" si="129"/>
        <v>2</v>
      </c>
    </row>
    <row r="8313" spans="1:4" x14ac:dyDescent="0.25">
      <c r="A8313" s="20">
        <v>43902.124999979853</v>
      </c>
      <c r="B8313" s="22">
        <v>1.3520088195800781</v>
      </c>
      <c r="C8313" s="21">
        <v>237844.67015158306</v>
      </c>
      <c r="D8313">
        <f t="shared" si="129"/>
        <v>3</v>
      </c>
    </row>
    <row r="8314" spans="1:4" x14ac:dyDescent="0.25">
      <c r="A8314" s="20">
        <v>43902.166666646517</v>
      </c>
      <c r="B8314" s="22">
        <v>1.2316902875900269</v>
      </c>
      <c r="C8314" s="21">
        <v>216678.29820203863</v>
      </c>
      <c r="D8314">
        <f t="shared" si="129"/>
        <v>4</v>
      </c>
    </row>
    <row r="8315" spans="1:4" x14ac:dyDescent="0.25">
      <c r="A8315" s="20">
        <v>43902.208333313181</v>
      </c>
      <c r="B8315" s="22">
        <v>1.4323091506958008</v>
      </c>
      <c r="C8315" s="21">
        <v>251971.06155575594</v>
      </c>
      <c r="D8315">
        <f t="shared" si="129"/>
        <v>5</v>
      </c>
    </row>
    <row r="8316" spans="1:4" x14ac:dyDescent="0.25">
      <c r="A8316" s="20">
        <v>43902.249999979846</v>
      </c>
      <c r="B8316" s="22">
        <v>1.7567052841186523</v>
      </c>
      <c r="C8316" s="21">
        <v>309038.65626003529</v>
      </c>
      <c r="D8316">
        <f t="shared" si="129"/>
        <v>6</v>
      </c>
    </row>
    <row r="8317" spans="1:4" x14ac:dyDescent="0.25">
      <c r="A8317" s="20">
        <v>43902.29166664651</v>
      </c>
      <c r="B8317" s="22">
        <v>1.61760413646698</v>
      </c>
      <c r="C8317" s="21">
        <v>284568.05658510537</v>
      </c>
      <c r="D8317">
        <f t="shared" si="129"/>
        <v>7</v>
      </c>
    </row>
    <row r="8318" spans="1:4" x14ac:dyDescent="0.25">
      <c r="A8318" s="20">
        <v>43902.333333313174</v>
      </c>
      <c r="B8318" s="22">
        <v>1.5274711847305298</v>
      </c>
      <c r="C8318" s="21">
        <v>268711.91580770805</v>
      </c>
      <c r="D8318">
        <f t="shared" si="129"/>
        <v>8</v>
      </c>
    </row>
    <row r="8319" spans="1:4" x14ac:dyDescent="0.25">
      <c r="A8319" s="20">
        <v>43902.374999979838</v>
      </c>
      <c r="B8319" s="22">
        <v>1.4133296012878418</v>
      </c>
      <c r="C8319" s="21">
        <v>248632.18935079227</v>
      </c>
      <c r="D8319">
        <f t="shared" si="129"/>
        <v>9</v>
      </c>
    </row>
    <row r="8320" spans="1:4" x14ac:dyDescent="0.25">
      <c r="A8320" s="20">
        <v>43902.416666646503</v>
      </c>
      <c r="B8320" s="22">
        <v>1.3881213665008545</v>
      </c>
      <c r="C8320" s="21">
        <v>244197.57013737853</v>
      </c>
      <c r="D8320">
        <f t="shared" si="129"/>
        <v>10</v>
      </c>
    </row>
    <row r="8321" spans="1:4" x14ac:dyDescent="0.25">
      <c r="A8321" s="20">
        <v>43902.458333313167</v>
      </c>
      <c r="B8321" s="22">
        <v>1.3947306871414185</v>
      </c>
      <c r="C8321" s="21">
        <v>245360.27829794306</v>
      </c>
      <c r="D8321">
        <f t="shared" si="129"/>
        <v>11</v>
      </c>
    </row>
    <row r="8322" spans="1:4" x14ac:dyDescent="0.25">
      <c r="A8322" s="20">
        <v>43902.499999979831</v>
      </c>
      <c r="B8322" s="22">
        <v>1.1838877201080322</v>
      </c>
      <c r="C8322" s="21">
        <v>208268.89603653716</v>
      </c>
      <c r="D8322">
        <f t="shared" si="129"/>
        <v>12</v>
      </c>
    </row>
    <row r="8323" spans="1:4" x14ac:dyDescent="0.25">
      <c r="A8323" s="20">
        <v>43902.541666646495</v>
      </c>
      <c r="B8323" s="22">
        <v>1.0557242631912231</v>
      </c>
      <c r="C8323" s="21">
        <v>185722.44907968014</v>
      </c>
      <c r="D8323">
        <f t="shared" si="129"/>
        <v>13</v>
      </c>
    </row>
    <row r="8324" spans="1:4" x14ac:dyDescent="0.25">
      <c r="A8324" s="20">
        <v>43902.58333331316</v>
      </c>
      <c r="B8324" s="22">
        <v>0.94798648357391357</v>
      </c>
      <c r="C8324" s="21">
        <v>166769.27637485875</v>
      </c>
      <c r="D8324">
        <f t="shared" si="129"/>
        <v>14</v>
      </c>
    </row>
    <row r="8325" spans="1:4" x14ac:dyDescent="0.25">
      <c r="A8325" s="20">
        <v>43902.624999979824</v>
      </c>
      <c r="B8325" s="22">
        <v>1.070904016494751</v>
      </c>
      <c r="C8325" s="21">
        <v>188392.86318140276</v>
      </c>
      <c r="D8325">
        <f t="shared" si="129"/>
        <v>15</v>
      </c>
    </row>
    <row r="8326" spans="1:4" x14ac:dyDescent="0.25">
      <c r="A8326" s="20">
        <v>43902.666666646488</v>
      </c>
      <c r="B8326" s="22">
        <v>1.0549318790435791</v>
      </c>
      <c r="C8326" s="21">
        <v>185583.0532832176</v>
      </c>
      <c r="D8326">
        <f t="shared" si="129"/>
        <v>16</v>
      </c>
    </row>
    <row r="8327" spans="1:4" x14ac:dyDescent="0.25">
      <c r="A8327" s="20">
        <v>43902.708333313152</v>
      </c>
      <c r="B8327" s="22">
        <v>1.12795090675354</v>
      </c>
      <c r="C8327" s="21">
        <v>198428.52167732103</v>
      </c>
      <c r="D8327">
        <f t="shared" ref="D8327:D8390" si="130">HOUR(A8327)</f>
        <v>17</v>
      </c>
    </row>
    <row r="8328" spans="1:4" x14ac:dyDescent="0.25">
      <c r="A8328" s="20">
        <v>43902.749999979816</v>
      </c>
      <c r="B8328" s="22">
        <v>1.2787245512008667</v>
      </c>
      <c r="C8328" s="21">
        <v>224952.5407604691</v>
      </c>
      <c r="D8328">
        <f t="shared" si="130"/>
        <v>18</v>
      </c>
    </row>
    <row r="8329" spans="1:4" x14ac:dyDescent="0.25">
      <c r="A8329" s="20">
        <v>43902.791666646481</v>
      </c>
      <c r="B8329" s="22">
        <v>1.136207103729248</v>
      </c>
      <c r="C8329" s="21">
        <v>199880.94744404324</v>
      </c>
      <c r="D8329">
        <f t="shared" si="130"/>
        <v>19</v>
      </c>
    </row>
    <row r="8330" spans="1:4" x14ac:dyDescent="0.25">
      <c r="A8330" s="20">
        <v>43902.833333313145</v>
      </c>
      <c r="B8330" s="22">
        <v>1.2856544256210327</v>
      </c>
      <c r="C8330" s="21">
        <v>226171.6405709039</v>
      </c>
      <c r="D8330">
        <f t="shared" si="130"/>
        <v>20</v>
      </c>
    </row>
    <row r="8331" spans="1:4" x14ac:dyDescent="0.25">
      <c r="A8331" s="20">
        <v>43902.874999979809</v>
      </c>
      <c r="B8331" s="22">
        <v>1.3848824501037598</v>
      </c>
      <c r="C8331" s="21">
        <v>243627.78169298448</v>
      </c>
      <c r="D8331">
        <f t="shared" si="130"/>
        <v>21</v>
      </c>
    </row>
    <row r="8332" spans="1:4" x14ac:dyDescent="0.25">
      <c r="A8332" s="20">
        <v>43902.916666646473</v>
      </c>
      <c r="B8332" s="22">
        <v>1.1792926788330078</v>
      </c>
      <c r="C8332" s="21">
        <v>207460.53882720289</v>
      </c>
      <c r="D8332">
        <f t="shared" si="130"/>
        <v>22</v>
      </c>
    </row>
    <row r="8333" spans="1:4" x14ac:dyDescent="0.25">
      <c r="A8333" s="20">
        <v>43902.958333313138</v>
      </c>
      <c r="B8333" s="22">
        <v>1.0401734113693237</v>
      </c>
      <c r="C8333" s="21">
        <v>182986.75152461199</v>
      </c>
      <c r="D8333">
        <f t="shared" si="130"/>
        <v>23</v>
      </c>
    </row>
    <row r="8334" spans="1:4" x14ac:dyDescent="0.25">
      <c r="A8334" s="20">
        <v>43902.999999979802</v>
      </c>
      <c r="B8334" s="22">
        <v>0.94835096597671509</v>
      </c>
      <c r="C8334" s="21">
        <v>166833.39592468337</v>
      </c>
      <c r="D8334">
        <f t="shared" si="130"/>
        <v>0</v>
      </c>
    </row>
    <row r="8335" spans="1:4" x14ac:dyDescent="0.25">
      <c r="A8335" s="20">
        <v>43903.041666646466</v>
      </c>
      <c r="B8335" s="22">
        <v>0.85834610462188721</v>
      </c>
      <c r="C8335" s="21">
        <v>150999.78873887603</v>
      </c>
      <c r="D8335">
        <f t="shared" si="130"/>
        <v>1</v>
      </c>
    </row>
    <row r="8336" spans="1:4" x14ac:dyDescent="0.25">
      <c r="A8336" s="20">
        <v>43903.08333331313</v>
      </c>
      <c r="B8336" s="22">
        <v>0.77319282293319702</v>
      </c>
      <c r="C8336" s="21">
        <v>136019.6688592869</v>
      </c>
      <c r="D8336">
        <f t="shared" si="130"/>
        <v>2</v>
      </c>
    </row>
    <row r="8337" spans="1:4" x14ac:dyDescent="0.25">
      <c r="A8337" s="20">
        <v>43903.124999979795</v>
      </c>
      <c r="B8337" s="22">
        <v>0.81502228975296021</v>
      </c>
      <c r="C8337" s="21">
        <v>143378.28634334533</v>
      </c>
      <c r="D8337">
        <f t="shared" si="130"/>
        <v>3</v>
      </c>
    </row>
    <row r="8338" spans="1:4" x14ac:dyDescent="0.25">
      <c r="A8338" s="20">
        <v>43903.166666646459</v>
      </c>
      <c r="B8338" s="22">
        <v>0.82131725549697876</v>
      </c>
      <c r="C8338" s="21">
        <v>144485.6933582394</v>
      </c>
      <c r="D8338">
        <f t="shared" si="130"/>
        <v>4</v>
      </c>
    </row>
    <row r="8339" spans="1:4" x14ac:dyDescent="0.25">
      <c r="A8339" s="20">
        <v>43903.208333313123</v>
      </c>
      <c r="B8339" s="22">
        <v>0.91101032495498657</v>
      </c>
      <c r="C8339" s="21">
        <v>160264.45027992039</v>
      </c>
      <c r="D8339">
        <f t="shared" si="130"/>
        <v>5</v>
      </c>
    </row>
    <row r="8340" spans="1:4" x14ac:dyDescent="0.25">
      <c r="A8340" s="20">
        <v>43903.249999979787</v>
      </c>
      <c r="B8340" s="22">
        <v>1.0071130990982056</v>
      </c>
      <c r="C8340" s="21">
        <v>177170.79902980899</v>
      </c>
      <c r="D8340">
        <f t="shared" si="130"/>
        <v>6</v>
      </c>
    </row>
    <row r="8341" spans="1:4" x14ac:dyDescent="0.25">
      <c r="A8341" s="20">
        <v>43903.291666646452</v>
      </c>
      <c r="B8341" s="22">
        <v>1.0804816484451294</v>
      </c>
      <c r="C8341" s="21">
        <v>190077.75508379328</v>
      </c>
      <c r="D8341">
        <f t="shared" si="130"/>
        <v>7</v>
      </c>
    </row>
    <row r="8342" spans="1:4" x14ac:dyDescent="0.25">
      <c r="A8342" s="20">
        <v>43903.333333313116</v>
      </c>
      <c r="B8342" s="22">
        <v>1.0385003089904785</v>
      </c>
      <c r="C8342" s="21">
        <v>182692.42024683981</v>
      </c>
      <c r="D8342">
        <f t="shared" si="130"/>
        <v>8</v>
      </c>
    </row>
    <row r="8343" spans="1:4" x14ac:dyDescent="0.25">
      <c r="A8343" s="20">
        <v>43903.37499997978</v>
      </c>
      <c r="B8343" s="22">
        <v>1.042635440826416</v>
      </c>
      <c r="C8343" s="21">
        <v>183419.87043304296</v>
      </c>
      <c r="D8343">
        <f t="shared" si="130"/>
        <v>9</v>
      </c>
    </row>
    <row r="8344" spans="1:4" x14ac:dyDescent="0.25">
      <c r="A8344" s="20">
        <v>43903.416666646444</v>
      </c>
      <c r="B8344" s="22">
        <v>0.99092954397201538</v>
      </c>
      <c r="C8344" s="21">
        <v>174323.79664704035</v>
      </c>
      <c r="D8344">
        <f t="shared" si="130"/>
        <v>10</v>
      </c>
    </row>
    <row r="8345" spans="1:4" x14ac:dyDescent="0.25">
      <c r="A8345" s="20">
        <v>43903.458333313109</v>
      </c>
      <c r="B8345" s="22">
        <v>0.98526656627655029</v>
      </c>
      <c r="C8345" s="21">
        <v>173327.5686324391</v>
      </c>
      <c r="D8345">
        <f t="shared" si="130"/>
        <v>11</v>
      </c>
    </row>
    <row r="8346" spans="1:4" x14ac:dyDescent="0.25">
      <c r="A8346" s="20">
        <v>43903.499999979773</v>
      </c>
      <c r="B8346" s="22">
        <v>1.057642936706543</v>
      </c>
      <c r="C8346" s="21">
        <v>186059.98110075199</v>
      </c>
      <c r="D8346">
        <f t="shared" si="130"/>
        <v>12</v>
      </c>
    </row>
    <row r="8347" spans="1:4" x14ac:dyDescent="0.25">
      <c r="A8347" s="20">
        <v>43903.541666646437</v>
      </c>
      <c r="B8347" s="22">
        <v>0.96400934457778931</v>
      </c>
      <c r="C8347" s="21">
        <v>169588.00953337108</v>
      </c>
      <c r="D8347">
        <f t="shared" si="130"/>
        <v>13</v>
      </c>
    </row>
    <row r="8348" spans="1:4" x14ac:dyDescent="0.25">
      <c r="A8348" s="20">
        <v>43903.583333313101</v>
      </c>
      <c r="B8348" s="22">
        <v>0.97328901290893555</v>
      </c>
      <c r="C8348" s="21">
        <v>171220.48383485017</v>
      </c>
      <c r="D8348">
        <f t="shared" si="130"/>
        <v>14</v>
      </c>
    </row>
    <row r="8349" spans="1:4" x14ac:dyDescent="0.25">
      <c r="A8349" s="20">
        <v>43903.624999979766</v>
      </c>
      <c r="B8349" s="22">
        <v>1.0712056159973145</v>
      </c>
      <c r="C8349" s="21">
        <v>188445.9204049698</v>
      </c>
      <c r="D8349">
        <f t="shared" si="130"/>
        <v>15</v>
      </c>
    </row>
    <row r="8350" spans="1:4" x14ac:dyDescent="0.25">
      <c r="A8350" s="20">
        <v>43903.66666664643</v>
      </c>
      <c r="B8350" s="22">
        <v>1.0788967609405518</v>
      </c>
      <c r="C8350" s="21">
        <v>189798.94251963359</v>
      </c>
      <c r="D8350">
        <f t="shared" si="130"/>
        <v>16</v>
      </c>
    </row>
    <row r="8351" spans="1:4" x14ac:dyDescent="0.25">
      <c r="A8351" s="20">
        <v>43903.708333313094</v>
      </c>
      <c r="B8351" s="22">
        <v>1.1076791286468506</v>
      </c>
      <c r="C8351" s="21">
        <v>194862.32128916885</v>
      </c>
      <c r="D8351">
        <f t="shared" si="130"/>
        <v>17</v>
      </c>
    </row>
    <row r="8352" spans="1:4" x14ac:dyDescent="0.25">
      <c r="A8352" s="20">
        <v>43903.749999979758</v>
      </c>
      <c r="B8352" s="22">
        <v>1.1602398157119751</v>
      </c>
      <c r="C8352" s="21">
        <v>204108.76931295314</v>
      </c>
      <c r="D8352">
        <f t="shared" si="130"/>
        <v>18</v>
      </c>
    </row>
    <row r="8353" spans="1:4" x14ac:dyDescent="0.25">
      <c r="A8353" s="20">
        <v>43903.791666646423</v>
      </c>
      <c r="B8353" s="22">
        <v>1.1454206705093384</v>
      </c>
      <c r="C8353" s="21">
        <v>201501.79319593025</v>
      </c>
      <c r="D8353">
        <f t="shared" si="130"/>
        <v>19</v>
      </c>
    </row>
    <row r="8354" spans="1:4" x14ac:dyDescent="0.25">
      <c r="A8354" s="20">
        <v>43903.833333313087</v>
      </c>
      <c r="B8354" s="22">
        <v>1.4073712825775146</v>
      </c>
      <c r="C8354" s="21">
        <v>247584.00510244103</v>
      </c>
      <c r="D8354">
        <f t="shared" si="130"/>
        <v>20</v>
      </c>
    </row>
    <row r="8355" spans="1:4" x14ac:dyDescent="0.25">
      <c r="A8355" s="20">
        <v>43903.874999979751</v>
      </c>
      <c r="B8355" s="22">
        <v>1.4146116971969604</v>
      </c>
      <c r="C8355" s="21">
        <v>248857.7349790388</v>
      </c>
      <c r="D8355">
        <f t="shared" si="130"/>
        <v>21</v>
      </c>
    </row>
    <row r="8356" spans="1:4" x14ac:dyDescent="0.25">
      <c r="A8356" s="20">
        <v>43903.916666646415</v>
      </c>
      <c r="B8356" s="22">
        <v>1.3390302658081055</v>
      </c>
      <c r="C8356" s="21">
        <v>235561.48989696149</v>
      </c>
      <c r="D8356">
        <f t="shared" si="130"/>
        <v>22</v>
      </c>
    </row>
    <row r="8357" spans="1:4" x14ac:dyDescent="0.25">
      <c r="A8357" s="20">
        <v>43903.958333313079</v>
      </c>
      <c r="B8357" s="22">
        <v>1.3946292400360107</v>
      </c>
      <c r="C8357" s="21">
        <v>245342.43177728867</v>
      </c>
      <c r="D8357">
        <f t="shared" si="130"/>
        <v>23</v>
      </c>
    </row>
    <row r="8358" spans="1:4" x14ac:dyDescent="0.25">
      <c r="A8358" s="20">
        <v>43903.999999979744</v>
      </c>
      <c r="B8358" s="22">
        <v>1.4090969562530518</v>
      </c>
      <c r="C8358" s="21">
        <v>247887.58469467689</v>
      </c>
      <c r="D8358">
        <f t="shared" si="130"/>
        <v>0</v>
      </c>
    </row>
    <row r="8359" spans="1:4" x14ac:dyDescent="0.25">
      <c r="A8359" s="20">
        <v>43904.041666646408</v>
      </c>
      <c r="B8359" s="22">
        <v>1.4062007665634155</v>
      </c>
      <c r="C8359" s="21">
        <v>247378.0885497909</v>
      </c>
      <c r="D8359">
        <f t="shared" si="130"/>
        <v>1</v>
      </c>
    </row>
    <row r="8360" spans="1:4" x14ac:dyDescent="0.25">
      <c r="A8360" s="20">
        <v>43904.083333313072</v>
      </c>
      <c r="B8360" s="22">
        <v>1.468980073928833</v>
      </c>
      <c r="C8360" s="21">
        <v>258422.19080447161</v>
      </c>
      <c r="D8360">
        <f t="shared" si="130"/>
        <v>2</v>
      </c>
    </row>
    <row r="8361" spans="1:4" x14ac:dyDescent="0.25">
      <c r="A8361" s="20">
        <v>43904.124999979736</v>
      </c>
      <c r="B8361" s="22">
        <v>1.5697039365768433</v>
      </c>
      <c r="C8361" s="21">
        <v>276141.4789784571</v>
      </c>
      <c r="D8361">
        <f t="shared" si="130"/>
        <v>3</v>
      </c>
    </row>
    <row r="8362" spans="1:4" x14ac:dyDescent="0.25">
      <c r="A8362" s="20">
        <v>43904.166666646401</v>
      </c>
      <c r="B8362" s="22">
        <v>1.6490921974182129</v>
      </c>
      <c r="C8362" s="21">
        <v>290107.41946661752</v>
      </c>
      <c r="D8362">
        <f t="shared" si="130"/>
        <v>4</v>
      </c>
    </row>
    <row r="8363" spans="1:4" x14ac:dyDescent="0.25">
      <c r="A8363" s="20">
        <v>43904.208333313065</v>
      </c>
      <c r="B8363" s="22">
        <v>1.6567186117172241</v>
      </c>
      <c r="C8363" s="21">
        <v>291449.05420088721</v>
      </c>
      <c r="D8363">
        <f t="shared" si="130"/>
        <v>5</v>
      </c>
    </row>
    <row r="8364" spans="1:4" x14ac:dyDescent="0.25">
      <c r="A8364" s="20">
        <v>43904.249999979729</v>
      </c>
      <c r="B8364" s="22">
        <v>1.7115950584411621</v>
      </c>
      <c r="C8364" s="21">
        <v>301102.88942823419</v>
      </c>
      <c r="D8364">
        <f t="shared" si="130"/>
        <v>6</v>
      </c>
    </row>
    <row r="8365" spans="1:4" x14ac:dyDescent="0.25">
      <c r="A8365" s="20">
        <v>43904.291666646393</v>
      </c>
      <c r="B8365" s="22">
        <v>1.9012433290481567</v>
      </c>
      <c r="C8365" s="21">
        <v>334465.71200312581</v>
      </c>
      <c r="D8365">
        <f t="shared" si="130"/>
        <v>7</v>
      </c>
    </row>
    <row r="8366" spans="1:4" x14ac:dyDescent="0.25">
      <c r="A8366" s="20">
        <v>43904.333333313058</v>
      </c>
      <c r="B8366" s="22">
        <v>1.9138754606246948</v>
      </c>
      <c r="C8366" s="21">
        <v>336687.94984996639</v>
      </c>
      <c r="D8366">
        <f t="shared" si="130"/>
        <v>8</v>
      </c>
    </row>
    <row r="8367" spans="1:4" x14ac:dyDescent="0.25">
      <c r="A8367" s="20">
        <v>43904.374999979722</v>
      </c>
      <c r="B8367" s="22">
        <v>2.0022227764129639</v>
      </c>
      <c r="C8367" s="21">
        <v>352229.96250411833</v>
      </c>
      <c r="D8367">
        <f t="shared" si="130"/>
        <v>9</v>
      </c>
    </row>
    <row r="8368" spans="1:4" x14ac:dyDescent="0.25">
      <c r="A8368" s="20">
        <v>43904.416666646386</v>
      </c>
      <c r="B8368" s="22">
        <v>1.9548904895782471</v>
      </c>
      <c r="C8368" s="21">
        <v>343903.29185915919</v>
      </c>
      <c r="D8368">
        <f t="shared" si="130"/>
        <v>10</v>
      </c>
    </row>
    <row r="8369" spans="1:4" x14ac:dyDescent="0.25">
      <c r="A8369" s="20">
        <v>43904.45833331305</v>
      </c>
      <c r="B8369" s="22">
        <v>2.109461784362793</v>
      </c>
      <c r="C8369" s="21">
        <v>371095.39156332531</v>
      </c>
      <c r="D8369">
        <f t="shared" si="130"/>
        <v>11</v>
      </c>
    </row>
    <row r="8370" spans="1:4" x14ac:dyDescent="0.25">
      <c r="A8370" s="20">
        <v>43904.499999979715</v>
      </c>
      <c r="B8370" s="22">
        <v>1.9649240970611572</v>
      </c>
      <c r="C8370" s="21">
        <v>345668.39873393858</v>
      </c>
      <c r="D8370">
        <f t="shared" si="130"/>
        <v>12</v>
      </c>
    </row>
    <row r="8371" spans="1:4" x14ac:dyDescent="0.25">
      <c r="A8371" s="20">
        <v>43904.541666646379</v>
      </c>
      <c r="B8371" s="22">
        <v>1.8015158176422119</v>
      </c>
      <c r="C8371" s="21">
        <v>316921.70140802313</v>
      </c>
      <c r="D8371">
        <f t="shared" si="130"/>
        <v>13</v>
      </c>
    </row>
    <row r="8372" spans="1:4" x14ac:dyDescent="0.25">
      <c r="A8372" s="20">
        <v>43904.583333313043</v>
      </c>
      <c r="B8372" s="22">
        <v>1.9348180294036865</v>
      </c>
      <c r="C8372" s="21">
        <v>340372.15537527739</v>
      </c>
      <c r="D8372">
        <f t="shared" si="130"/>
        <v>14</v>
      </c>
    </row>
    <row r="8373" spans="1:4" x14ac:dyDescent="0.25">
      <c r="A8373" s="20">
        <v>43904.624999979707</v>
      </c>
      <c r="B8373" s="22">
        <v>2.0848650932312012</v>
      </c>
      <c r="C8373" s="21">
        <v>366768.35478346847</v>
      </c>
      <c r="D8373">
        <f t="shared" si="130"/>
        <v>15</v>
      </c>
    </row>
    <row r="8374" spans="1:4" x14ac:dyDescent="0.25">
      <c r="A8374" s="20">
        <v>43904.666666646372</v>
      </c>
      <c r="B8374" s="22">
        <v>2.0168192386627197</v>
      </c>
      <c r="C8374" s="21">
        <v>354797.76435488695</v>
      </c>
      <c r="D8374">
        <f t="shared" si="130"/>
        <v>16</v>
      </c>
    </row>
    <row r="8375" spans="1:4" x14ac:dyDescent="0.25">
      <c r="A8375" s="20">
        <v>43904.708333313036</v>
      </c>
      <c r="B8375" s="22">
        <v>1.9809733629226685</v>
      </c>
      <c r="C8375" s="21">
        <v>348491.77702091739</v>
      </c>
      <c r="D8375">
        <f t="shared" si="130"/>
        <v>17</v>
      </c>
    </row>
    <row r="8376" spans="1:4" x14ac:dyDescent="0.25">
      <c r="A8376" s="20">
        <v>43904.7499999797</v>
      </c>
      <c r="B8376" s="22">
        <v>2.1068387031555176</v>
      </c>
      <c r="C8376" s="21">
        <v>370633.94051693415</v>
      </c>
      <c r="D8376">
        <f t="shared" si="130"/>
        <v>18</v>
      </c>
    </row>
    <row r="8377" spans="1:4" x14ac:dyDescent="0.25">
      <c r="A8377" s="20">
        <v>43904.791666646364</v>
      </c>
      <c r="B8377" s="22">
        <v>1.9999319314956665</v>
      </c>
      <c r="C8377" s="21">
        <v>351826.95828858943</v>
      </c>
      <c r="D8377">
        <f t="shared" si="130"/>
        <v>19</v>
      </c>
    </row>
    <row r="8378" spans="1:4" x14ac:dyDescent="0.25">
      <c r="A8378" s="20">
        <v>43904.833333313029</v>
      </c>
      <c r="B8378" s="22">
        <v>2.0141408443450928</v>
      </c>
      <c r="C8378" s="21">
        <v>354326.58265563613</v>
      </c>
      <c r="D8378">
        <f t="shared" si="130"/>
        <v>20</v>
      </c>
    </row>
    <row r="8379" spans="1:4" x14ac:dyDescent="0.25">
      <c r="A8379" s="20">
        <v>43904.874999979693</v>
      </c>
      <c r="B8379" s="22">
        <v>2.0112550258636475</v>
      </c>
      <c r="C8379" s="21">
        <v>353818.91100816126</v>
      </c>
      <c r="D8379">
        <f t="shared" si="130"/>
        <v>21</v>
      </c>
    </row>
    <row r="8380" spans="1:4" x14ac:dyDescent="0.25">
      <c r="A8380" s="20">
        <v>43904.916666646357</v>
      </c>
      <c r="B8380" s="22">
        <v>1.886741042137146</v>
      </c>
      <c r="C8380" s="21">
        <v>331914.4774277003</v>
      </c>
      <c r="D8380">
        <f t="shared" si="130"/>
        <v>22</v>
      </c>
    </row>
    <row r="8381" spans="1:4" x14ac:dyDescent="0.25">
      <c r="A8381" s="20">
        <v>43904.958333313021</v>
      </c>
      <c r="B8381" s="22">
        <v>1.8427072763442993</v>
      </c>
      <c r="C8381" s="21">
        <v>324168.0808444409</v>
      </c>
      <c r="D8381">
        <f t="shared" si="130"/>
        <v>23</v>
      </c>
    </row>
    <row r="8382" spans="1:4" x14ac:dyDescent="0.25">
      <c r="A8382" s="20">
        <v>43904.999999979686</v>
      </c>
      <c r="B8382" s="22">
        <v>1.8726546764373779</v>
      </c>
      <c r="C8382" s="21">
        <v>329436.41148983419</v>
      </c>
      <c r="D8382">
        <f t="shared" si="130"/>
        <v>0</v>
      </c>
    </row>
    <row r="8383" spans="1:4" x14ac:dyDescent="0.25">
      <c r="A8383" s="20">
        <v>43905.04166664635</v>
      </c>
      <c r="B8383" s="22">
        <v>1.7743277549743652</v>
      </c>
      <c r="C8383" s="21">
        <v>312138.79193018185</v>
      </c>
      <c r="D8383">
        <f t="shared" si="130"/>
        <v>1</v>
      </c>
    </row>
    <row r="8384" spans="1:4" x14ac:dyDescent="0.25">
      <c r="A8384" s="20">
        <v>43905.083333313014</v>
      </c>
      <c r="B8384" s="22">
        <v>1.6043365001678467</v>
      </c>
      <c r="C8384" s="21">
        <v>282234.02108655102</v>
      </c>
      <c r="D8384">
        <f t="shared" si="130"/>
        <v>2</v>
      </c>
    </row>
    <row r="8385" spans="1:4" x14ac:dyDescent="0.25">
      <c r="A8385" s="20">
        <v>43905.124999979678</v>
      </c>
      <c r="B8385" s="22">
        <v>1.6569942235946655</v>
      </c>
      <c r="C8385" s="21">
        <v>291497.53969530901</v>
      </c>
      <c r="D8385">
        <f t="shared" si="130"/>
        <v>3</v>
      </c>
    </row>
    <row r="8386" spans="1:4" x14ac:dyDescent="0.25">
      <c r="A8386" s="20">
        <v>43905.166666646342</v>
      </c>
      <c r="B8386" s="22">
        <v>1.7378747463226318</v>
      </c>
      <c r="C8386" s="21">
        <v>305725.99809833599</v>
      </c>
      <c r="D8386">
        <f t="shared" si="130"/>
        <v>4</v>
      </c>
    </row>
    <row r="8387" spans="1:4" x14ac:dyDescent="0.25">
      <c r="A8387" s="20">
        <v>43905.208333313007</v>
      </c>
      <c r="B8387" s="22">
        <v>1.9117358922958374</v>
      </c>
      <c r="C8387" s="21">
        <v>336311.55813115952</v>
      </c>
      <c r="D8387">
        <f t="shared" si="130"/>
        <v>5</v>
      </c>
    </row>
    <row r="8388" spans="1:4" x14ac:dyDescent="0.25">
      <c r="A8388" s="20">
        <v>43905.249999979671</v>
      </c>
      <c r="B8388" s="22">
        <v>1.9377087354660034</v>
      </c>
      <c r="C8388" s="21">
        <v>340880.68684337131</v>
      </c>
      <c r="D8388">
        <f t="shared" si="130"/>
        <v>6</v>
      </c>
    </row>
    <row r="8389" spans="1:4" x14ac:dyDescent="0.25">
      <c r="A8389" s="20">
        <v>43905.291666646335</v>
      </c>
      <c r="B8389" s="22">
        <v>2.0298690795898438</v>
      </c>
      <c r="C8389" s="21">
        <v>357093.48540780618</v>
      </c>
      <c r="D8389">
        <f t="shared" si="130"/>
        <v>7</v>
      </c>
    </row>
    <row r="8390" spans="1:4" x14ac:dyDescent="0.25">
      <c r="A8390" s="20">
        <v>43905.333333312999</v>
      </c>
      <c r="B8390" s="22">
        <v>2.2880797386169434</v>
      </c>
      <c r="C8390" s="21">
        <v>402517.76677085081</v>
      </c>
      <c r="D8390">
        <f t="shared" si="130"/>
        <v>8</v>
      </c>
    </row>
    <row r="8391" spans="1:4" x14ac:dyDescent="0.25">
      <c r="A8391" s="20">
        <v>43905.374999979664</v>
      </c>
      <c r="B8391" s="22">
        <v>2.3197257518768311</v>
      </c>
      <c r="C8391" s="21">
        <v>408084.91653822327</v>
      </c>
      <c r="D8391">
        <f t="shared" ref="D8391:D8454" si="131">HOUR(A8391)</f>
        <v>9</v>
      </c>
    </row>
    <row r="8392" spans="1:4" x14ac:dyDescent="0.25">
      <c r="A8392" s="20">
        <v>43905.416666646328</v>
      </c>
      <c r="B8392" s="22">
        <v>2.1834216117858887</v>
      </c>
      <c r="C8392" s="21">
        <v>384106.36494098254</v>
      </c>
      <c r="D8392">
        <f t="shared" si="131"/>
        <v>10</v>
      </c>
    </row>
    <row r="8393" spans="1:4" x14ac:dyDescent="0.25">
      <c r="A8393" s="20">
        <v>43905.458333312992</v>
      </c>
      <c r="B8393" s="22">
        <v>2.32499098777771</v>
      </c>
      <c r="C8393" s="21">
        <v>409011.17402854329</v>
      </c>
      <c r="D8393">
        <f t="shared" si="131"/>
        <v>11</v>
      </c>
    </row>
    <row r="8394" spans="1:4" x14ac:dyDescent="0.25">
      <c r="A8394" s="20">
        <v>43905.499999979656</v>
      </c>
      <c r="B8394" s="22">
        <v>2.4276840686798096</v>
      </c>
      <c r="C8394" s="21">
        <v>427076.88602707582</v>
      </c>
      <c r="D8394">
        <f t="shared" si="131"/>
        <v>12</v>
      </c>
    </row>
    <row r="8395" spans="1:4" x14ac:dyDescent="0.25">
      <c r="A8395" s="20">
        <v>43905.541666646321</v>
      </c>
      <c r="B8395" s="22">
        <v>2.473482608795166</v>
      </c>
      <c r="C8395" s="21">
        <v>435133.74076752365</v>
      </c>
      <c r="D8395">
        <f t="shared" si="131"/>
        <v>13</v>
      </c>
    </row>
    <row r="8396" spans="1:4" x14ac:dyDescent="0.25">
      <c r="A8396" s="20">
        <v>43905.583333312985</v>
      </c>
      <c r="B8396" s="22">
        <v>2.5710957050323486</v>
      </c>
      <c r="C8396" s="21">
        <v>452305.78457432252</v>
      </c>
      <c r="D8396">
        <f t="shared" si="131"/>
        <v>14</v>
      </c>
    </row>
    <row r="8397" spans="1:4" x14ac:dyDescent="0.25">
      <c r="A8397" s="20">
        <v>43905.624999979649</v>
      </c>
      <c r="B8397" s="22">
        <v>2.5480437278747559</v>
      </c>
      <c r="C8397" s="21">
        <v>448250.4930525613</v>
      </c>
      <c r="D8397">
        <f t="shared" si="131"/>
        <v>15</v>
      </c>
    </row>
    <row r="8398" spans="1:4" x14ac:dyDescent="0.25">
      <c r="A8398" s="20">
        <v>43905.666666646313</v>
      </c>
      <c r="B8398" s="22">
        <v>2.2874314785003662</v>
      </c>
      <c r="C8398" s="21">
        <v>402403.72519703367</v>
      </c>
      <c r="D8398">
        <f t="shared" si="131"/>
        <v>16</v>
      </c>
    </row>
    <row r="8399" spans="1:4" x14ac:dyDescent="0.25">
      <c r="A8399" s="20">
        <v>43905.708333312978</v>
      </c>
      <c r="B8399" s="22">
        <v>2.2974343299865723</v>
      </c>
      <c r="C8399" s="21">
        <v>404163.42149328324</v>
      </c>
      <c r="D8399">
        <f t="shared" si="131"/>
        <v>17</v>
      </c>
    </row>
    <row r="8400" spans="1:4" x14ac:dyDescent="0.25">
      <c r="A8400" s="20">
        <v>43905.749999979642</v>
      </c>
      <c r="B8400" s="22">
        <v>2.3267514705657959</v>
      </c>
      <c r="C8400" s="21">
        <v>409320.87722128566</v>
      </c>
      <c r="D8400">
        <f t="shared" si="131"/>
        <v>18</v>
      </c>
    </row>
    <row r="8401" spans="1:4" x14ac:dyDescent="0.25">
      <c r="A8401" s="20">
        <v>43905.791666646306</v>
      </c>
      <c r="B8401" s="22">
        <v>2.3091115951538086</v>
      </c>
      <c r="C8401" s="21">
        <v>406217.67975088587</v>
      </c>
      <c r="D8401">
        <f t="shared" si="131"/>
        <v>19</v>
      </c>
    </row>
    <row r="8402" spans="1:4" x14ac:dyDescent="0.25">
      <c r="A8402" s="20">
        <v>43905.83333331297</v>
      </c>
      <c r="B8402" s="22">
        <v>2.191645622253418</v>
      </c>
      <c r="C8402" s="21">
        <v>385553.12847435963</v>
      </c>
      <c r="D8402">
        <f t="shared" si="131"/>
        <v>20</v>
      </c>
    </row>
    <row r="8403" spans="1:4" x14ac:dyDescent="0.25">
      <c r="A8403" s="20">
        <v>43905.874999979635</v>
      </c>
      <c r="B8403" s="22">
        <v>2.0817933082580566</v>
      </c>
      <c r="C8403" s="21">
        <v>366227.96800999972</v>
      </c>
      <c r="D8403">
        <f t="shared" si="131"/>
        <v>21</v>
      </c>
    </row>
    <row r="8404" spans="1:4" x14ac:dyDescent="0.25">
      <c r="A8404" s="20">
        <v>43905.916666646299</v>
      </c>
      <c r="B8404" s="22">
        <v>2.3615975379943848</v>
      </c>
      <c r="C8404" s="21">
        <v>415450.97881056875</v>
      </c>
      <c r="D8404">
        <f t="shared" si="131"/>
        <v>22</v>
      </c>
    </row>
    <row r="8405" spans="1:4" x14ac:dyDescent="0.25">
      <c r="A8405" s="20">
        <v>43905.958333312963</v>
      </c>
      <c r="B8405" s="22">
        <v>2.1576132774353027</v>
      </c>
      <c r="C8405" s="21">
        <v>379566.17653253459</v>
      </c>
      <c r="D8405">
        <f t="shared" si="131"/>
        <v>23</v>
      </c>
    </row>
    <row r="8406" spans="1:4" x14ac:dyDescent="0.25">
      <c r="A8406" s="20">
        <v>43905.999999979627</v>
      </c>
      <c r="B8406" s="22">
        <v>2.0411243438720703</v>
      </c>
      <c r="C8406" s="21">
        <v>359073.5054948841</v>
      </c>
      <c r="D8406">
        <f t="shared" si="131"/>
        <v>0</v>
      </c>
    </row>
    <row r="8407" spans="1:4" x14ac:dyDescent="0.25">
      <c r="A8407" s="20">
        <v>43906.041666646292</v>
      </c>
      <c r="B8407" s="22">
        <v>1.7836936712265015</v>
      </c>
      <c r="C8407" s="21">
        <v>313786.43891990237</v>
      </c>
      <c r="D8407">
        <f t="shared" si="131"/>
        <v>1</v>
      </c>
    </row>
    <row r="8408" spans="1:4" x14ac:dyDescent="0.25">
      <c r="A8408" s="20">
        <v>43906.083333312956</v>
      </c>
      <c r="B8408" s="22">
        <v>1.8583325147628784</v>
      </c>
      <c r="C8408" s="21">
        <v>326916.86444990663</v>
      </c>
      <c r="D8408">
        <f t="shared" si="131"/>
        <v>2</v>
      </c>
    </row>
    <row r="8409" spans="1:4" x14ac:dyDescent="0.25">
      <c r="A8409" s="20">
        <v>43906.12499997962</v>
      </c>
      <c r="B8409" s="22">
        <v>1.7458019256591797</v>
      </c>
      <c r="C8409" s="21">
        <v>307120.54325753049</v>
      </c>
      <c r="D8409">
        <f t="shared" si="131"/>
        <v>3</v>
      </c>
    </row>
    <row r="8410" spans="1:4" x14ac:dyDescent="0.25">
      <c r="A8410" s="20">
        <v>43906.166666646284</v>
      </c>
      <c r="B8410" s="22">
        <v>1.7731258869171143</v>
      </c>
      <c r="C8410" s="21">
        <v>311927.35994282889</v>
      </c>
      <c r="D8410">
        <f t="shared" si="131"/>
        <v>4</v>
      </c>
    </row>
    <row r="8411" spans="1:4" x14ac:dyDescent="0.25">
      <c r="A8411" s="20">
        <v>43906.208333312949</v>
      </c>
      <c r="B8411" s="22">
        <v>1.8946878910064697</v>
      </c>
      <c r="C8411" s="21">
        <v>333312.48284060566</v>
      </c>
      <c r="D8411">
        <f t="shared" si="131"/>
        <v>5</v>
      </c>
    </row>
    <row r="8412" spans="1:4" x14ac:dyDescent="0.25">
      <c r="A8412" s="20">
        <v>43906.249999979613</v>
      </c>
      <c r="B8412" s="22">
        <v>2.0136616230010986</v>
      </c>
      <c r="C8412" s="21">
        <v>354242.27829249791</v>
      </c>
      <c r="D8412">
        <f t="shared" si="131"/>
        <v>6</v>
      </c>
    </row>
    <row r="8413" spans="1:4" x14ac:dyDescent="0.25">
      <c r="A8413" s="20">
        <v>43906.291666646277</v>
      </c>
      <c r="B8413" s="22">
        <v>2.0643575191497803</v>
      </c>
      <c r="C8413" s="21">
        <v>363160.67329325475</v>
      </c>
      <c r="D8413">
        <f t="shared" si="131"/>
        <v>7</v>
      </c>
    </row>
    <row r="8414" spans="1:4" x14ac:dyDescent="0.25">
      <c r="A8414" s="20">
        <v>43906.333333312941</v>
      </c>
      <c r="B8414" s="22">
        <v>1.9475123882293701</v>
      </c>
      <c r="C8414" s="21">
        <v>342605.34020658518</v>
      </c>
      <c r="D8414">
        <f t="shared" si="131"/>
        <v>8</v>
      </c>
    </row>
    <row r="8415" spans="1:4" x14ac:dyDescent="0.25">
      <c r="A8415" s="20">
        <v>43906.374999979605</v>
      </c>
      <c r="B8415" s="22">
        <v>1.9334442615509033</v>
      </c>
      <c r="C8415" s="21">
        <v>340130.48286761466</v>
      </c>
      <c r="D8415">
        <f t="shared" si="131"/>
        <v>9</v>
      </c>
    </row>
    <row r="8416" spans="1:4" x14ac:dyDescent="0.25">
      <c r="A8416" s="20">
        <v>43906.41666664627</v>
      </c>
      <c r="B8416" s="22">
        <v>1.7287538051605225</v>
      </c>
      <c r="C8416" s="21">
        <v>304121.4469957421</v>
      </c>
      <c r="D8416">
        <f t="shared" si="131"/>
        <v>10</v>
      </c>
    </row>
    <row r="8417" spans="1:4" x14ac:dyDescent="0.25">
      <c r="A8417" s="20">
        <v>43906.458333312934</v>
      </c>
      <c r="B8417" s="22">
        <v>1.8439143896102905</v>
      </c>
      <c r="C8417" s="21">
        <v>324380.43556611676</v>
      </c>
      <c r="D8417">
        <f t="shared" si="131"/>
        <v>11</v>
      </c>
    </row>
    <row r="8418" spans="1:4" x14ac:dyDescent="0.25">
      <c r="A8418" s="20">
        <v>43906.499999979598</v>
      </c>
      <c r="B8418" s="22">
        <v>1.6487561464309692</v>
      </c>
      <c r="C8418" s="21">
        <v>290048.30155624775</v>
      </c>
      <c r="D8418">
        <f t="shared" si="131"/>
        <v>12</v>
      </c>
    </row>
    <row r="8419" spans="1:4" x14ac:dyDescent="0.25">
      <c r="A8419" s="20">
        <v>43906.541666646262</v>
      </c>
      <c r="B8419" s="22">
        <v>1.8286830186843872</v>
      </c>
      <c r="C8419" s="21">
        <v>321700.94091980741</v>
      </c>
      <c r="D8419">
        <f t="shared" si="131"/>
        <v>13</v>
      </c>
    </row>
    <row r="8420" spans="1:4" x14ac:dyDescent="0.25">
      <c r="A8420" s="20">
        <v>43906.583333312927</v>
      </c>
      <c r="B8420" s="22">
        <v>1.7073248624801636</v>
      </c>
      <c r="C8420" s="21">
        <v>300351.67883321625</v>
      </c>
      <c r="D8420">
        <f t="shared" si="131"/>
        <v>14</v>
      </c>
    </row>
    <row r="8421" spans="1:4" x14ac:dyDescent="0.25">
      <c r="A8421" s="20">
        <v>43906.624999979591</v>
      </c>
      <c r="B8421" s="22">
        <v>1.7057465314865112</v>
      </c>
      <c r="C8421" s="21">
        <v>300074.01968696021</v>
      </c>
      <c r="D8421">
        <f t="shared" si="131"/>
        <v>15</v>
      </c>
    </row>
    <row r="8422" spans="1:4" x14ac:dyDescent="0.25">
      <c r="A8422" s="20">
        <v>43906.666666646255</v>
      </c>
      <c r="B8422" s="22">
        <v>1.7100930213928223</v>
      </c>
      <c r="C8422" s="21">
        <v>300838.65187212953</v>
      </c>
      <c r="D8422">
        <f t="shared" si="131"/>
        <v>16</v>
      </c>
    </row>
    <row r="8423" spans="1:4" x14ac:dyDescent="0.25">
      <c r="A8423" s="20">
        <v>43906.708333312919</v>
      </c>
      <c r="B8423" s="22">
        <v>1.7597463130950928</v>
      </c>
      <c r="C8423" s="21">
        <v>309573.63245497429</v>
      </c>
      <c r="D8423">
        <f t="shared" si="131"/>
        <v>17</v>
      </c>
    </row>
    <row r="8424" spans="1:4" x14ac:dyDescent="0.25">
      <c r="A8424" s="20">
        <v>43906.749999979584</v>
      </c>
      <c r="B8424" s="22">
        <v>1.7941977977752686</v>
      </c>
      <c r="C8424" s="21">
        <v>315634.31925769331</v>
      </c>
      <c r="D8424">
        <f t="shared" si="131"/>
        <v>18</v>
      </c>
    </row>
    <row r="8425" spans="1:4" x14ac:dyDescent="0.25">
      <c r="A8425" s="20">
        <v>43906.791666646248</v>
      </c>
      <c r="B8425" s="22">
        <v>1.6462311744689941</v>
      </c>
      <c r="C8425" s="21">
        <v>289604.10983594193</v>
      </c>
      <c r="D8425">
        <f t="shared" si="131"/>
        <v>19</v>
      </c>
    </row>
    <row r="8426" spans="1:4" x14ac:dyDescent="0.25">
      <c r="A8426" s="20">
        <v>43906.833333312912</v>
      </c>
      <c r="B8426" s="22">
        <v>1.850919246673584</v>
      </c>
      <c r="C8426" s="21">
        <v>325612.72628312226</v>
      </c>
      <c r="D8426">
        <f t="shared" si="131"/>
        <v>20</v>
      </c>
    </row>
    <row r="8427" spans="1:4" x14ac:dyDescent="0.25">
      <c r="A8427" s="20">
        <v>43906.874999979576</v>
      </c>
      <c r="B8427" s="22">
        <v>1.7343399524688721</v>
      </c>
      <c r="C8427" s="21">
        <v>305104.15904963622</v>
      </c>
      <c r="D8427">
        <f t="shared" si="131"/>
        <v>21</v>
      </c>
    </row>
    <row r="8428" spans="1:4" x14ac:dyDescent="0.25">
      <c r="A8428" s="20">
        <v>43906.916666646241</v>
      </c>
      <c r="B8428" s="22">
        <v>1.5073277950286865</v>
      </c>
      <c r="C8428" s="21">
        <v>265168.30143923243</v>
      </c>
      <c r="D8428">
        <f t="shared" si="131"/>
        <v>22</v>
      </c>
    </row>
    <row r="8429" spans="1:4" x14ac:dyDescent="0.25">
      <c r="A8429" s="20">
        <v>43906.958333312905</v>
      </c>
      <c r="B8429" s="22">
        <v>1.4450682401657104</v>
      </c>
      <c r="C8429" s="21">
        <v>254215.63376745774</v>
      </c>
      <c r="D8429">
        <f t="shared" si="131"/>
        <v>23</v>
      </c>
    </row>
    <row r="8430" spans="1:4" x14ac:dyDescent="0.25">
      <c r="A8430" s="20">
        <v>43906.999999979569</v>
      </c>
      <c r="B8430" s="22">
        <v>1.4876646995544434</v>
      </c>
      <c r="C8430" s="21">
        <v>261709.18017500645</v>
      </c>
      <c r="D8430">
        <f t="shared" si="131"/>
        <v>0</v>
      </c>
    </row>
    <row r="8431" spans="1:4" x14ac:dyDescent="0.25">
      <c r="A8431" s="20">
        <v>43907.041666646233</v>
      </c>
      <c r="B8431" s="22">
        <v>1.3338991403579712</v>
      </c>
      <c r="C8431" s="21">
        <v>234658.82504557938</v>
      </c>
      <c r="D8431">
        <f t="shared" si="131"/>
        <v>1</v>
      </c>
    </row>
    <row r="8432" spans="1:4" x14ac:dyDescent="0.25">
      <c r="A8432" s="20">
        <v>43907.083333312898</v>
      </c>
      <c r="B8432" s="22">
        <v>1.3757443428039551</v>
      </c>
      <c r="C8432" s="21">
        <v>242020.21073260653</v>
      </c>
      <c r="D8432">
        <f t="shared" si="131"/>
        <v>2</v>
      </c>
    </row>
    <row r="8433" spans="1:4" x14ac:dyDescent="0.25">
      <c r="A8433" s="20">
        <v>43907.124999979562</v>
      </c>
      <c r="B8433" s="22">
        <v>1.2978070974349976</v>
      </c>
      <c r="C8433" s="21">
        <v>228309.53211213707</v>
      </c>
      <c r="D8433">
        <f t="shared" si="131"/>
        <v>3</v>
      </c>
    </row>
    <row r="8434" spans="1:4" x14ac:dyDescent="0.25">
      <c r="A8434" s="20">
        <v>43907.166666646226</v>
      </c>
      <c r="B8434" s="22">
        <v>1.2113825082778931</v>
      </c>
      <c r="C8434" s="21">
        <v>213105.76450103376</v>
      </c>
      <c r="D8434">
        <f t="shared" si="131"/>
        <v>4</v>
      </c>
    </row>
    <row r="8435" spans="1:4" x14ac:dyDescent="0.25">
      <c r="A8435" s="20">
        <v>43907.20833331289</v>
      </c>
      <c r="B8435" s="22">
        <v>1.3589673042297363</v>
      </c>
      <c r="C8435" s="21">
        <v>239068.80305832464</v>
      </c>
      <c r="D8435">
        <f t="shared" si="131"/>
        <v>5</v>
      </c>
    </row>
    <row r="8436" spans="1:4" x14ac:dyDescent="0.25">
      <c r="A8436" s="20">
        <v>43907.249999979555</v>
      </c>
      <c r="B8436" s="22">
        <v>1.6153563261032104</v>
      </c>
      <c r="C8436" s="21">
        <v>284172.62298527121</v>
      </c>
      <c r="D8436">
        <f t="shared" si="131"/>
        <v>6</v>
      </c>
    </row>
    <row r="8437" spans="1:4" x14ac:dyDescent="0.25">
      <c r="A8437" s="20">
        <v>43907.291666646219</v>
      </c>
      <c r="B8437" s="22">
        <v>1.5673800706863403</v>
      </c>
      <c r="C8437" s="21">
        <v>275732.66573094082</v>
      </c>
      <c r="D8437">
        <f t="shared" si="131"/>
        <v>7</v>
      </c>
    </row>
    <row r="8438" spans="1:4" x14ac:dyDescent="0.25">
      <c r="A8438" s="20">
        <v>43907.333333312883</v>
      </c>
      <c r="B8438" s="22">
        <v>1.3843872547149658</v>
      </c>
      <c r="C8438" s="21">
        <v>243540.66718440838</v>
      </c>
      <c r="D8438">
        <f t="shared" si="131"/>
        <v>8</v>
      </c>
    </row>
    <row r="8439" spans="1:4" x14ac:dyDescent="0.25">
      <c r="A8439" s="20">
        <v>43907.374999979547</v>
      </c>
      <c r="B8439" s="22">
        <v>1.6329058408737183</v>
      </c>
      <c r="C8439" s="21">
        <v>287259.92425983556</v>
      </c>
      <c r="D8439">
        <f t="shared" si="131"/>
        <v>9</v>
      </c>
    </row>
    <row r="8440" spans="1:4" x14ac:dyDescent="0.25">
      <c r="A8440" s="20">
        <v>43907.416666646212</v>
      </c>
      <c r="B8440" s="22">
        <v>1.5522907972335815</v>
      </c>
      <c r="C8440" s="21">
        <v>273078.16879628832</v>
      </c>
      <c r="D8440">
        <f t="shared" si="131"/>
        <v>10</v>
      </c>
    </row>
    <row r="8441" spans="1:4" x14ac:dyDescent="0.25">
      <c r="A8441" s="20">
        <v>43907.458333312876</v>
      </c>
      <c r="B8441" s="22">
        <v>1.5350813865661621</v>
      </c>
      <c r="C8441" s="21">
        <v>270050.69845407055</v>
      </c>
      <c r="D8441">
        <f t="shared" si="131"/>
        <v>11</v>
      </c>
    </row>
    <row r="8442" spans="1:4" x14ac:dyDescent="0.25">
      <c r="A8442" s="20">
        <v>43907.49999997954</v>
      </c>
      <c r="B8442" s="22">
        <v>1.4469282627105713</v>
      </c>
      <c r="C8442" s="21">
        <v>254542.84794110074</v>
      </c>
      <c r="D8442">
        <f t="shared" si="131"/>
        <v>12</v>
      </c>
    </row>
    <row r="8443" spans="1:4" x14ac:dyDescent="0.25">
      <c r="A8443" s="20">
        <v>43907.541666646204</v>
      </c>
      <c r="B8443" s="22">
        <v>1.3146120309829712</v>
      </c>
      <c r="C8443" s="21">
        <v>231265.84705531807</v>
      </c>
      <c r="D8443">
        <f t="shared" si="131"/>
        <v>13</v>
      </c>
    </row>
    <row r="8444" spans="1:4" x14ac:dyDescent="0.25">
      <c r="A8444" s="20">
        <v>43907.583333312868</v>
      </c>
      <c r="B8444" s="22">
        <v>1.4432599544525146</v>
      </c>
      <c r="C8444" s="21">
        <v>253897.52110963617</v>
      </c>
      <c r="D8444">
        <f t="shared" si="131"/>
        <v>14</v>
      </c>
    </row>
    <row r="8445" spans="1:4" x14ac:dyDescent="0.25">
      <c r="A8445" s="20">
        <v>43907.624999979533</v>
      </c>
      <c r="B8445" s="22">
        <v>1.4894900321960449</v>
      </c>
      <c r="C8445" s="21">
        <v>262030.29171937754</v>
      </c>
      <c r="D8445">
        <f t="shared" si="131"/>
        <v>15</v>
      </c>
    </row>
    <row r="8446" spans="1:4" x14ac:dyDescent="0.25">
      <c r="A8446" s="20">
        <v>43907.666666646197</v>
      </c>
      <c r="B8446" s="22">
        <v>1.4286506175994873</v>
      </c>
      <c r="C8446" s="21">
        <v>251327.45436552947</v>
      </c>
      <c r="D8446">
        <f t="shared" si="131"/>
        <v>16</v>
      </c>
    </row>
    <row r="8447" spans="1:4" x14ac:dyDescent="0.25">
      <c r="A8447" s="20">
        <v>43907.708333312861</v>
      </c>
      <c r="B8447" s="22">
        <v>1.6214402914047241</v>
      </c>
      <c r="C8447" s="21">
        <v>285242.91091490292</v>
      </c>
      <c r="D8447">
        <f t="shared" si="131"/>
        <v>17</v>
      </c>
    </row>
    <row r="8448" spans="1:4" x14ac:dyDescent="0.25">
      <c r="A8448" s="20">
        <v>43907.749999979525</v>
      </c>
      <c r="B8448" s="22">
        <v>1.6626814603805542</v>
      </c>
      <c r="C8448" s="21">
        <v>292498.03535615373</v>
      </c>
      <c r="D8448">
        <f t="shared" si="131"/>
        <v>18</v>
      </c>
    </row>
    <row r="8449" spans="1:4" x14ac:dyDescent="0.25">
      <c r="A8449" s="20">
        <v>43907.79166664619</v>
      </c>
      <c r="B8449" s="22">
        <v>1.9013359546661377</v>
      </c>
      <c r="C8449" s="21">
        <v>334482.00665241899</v>
      </c>
      <c r="D8449">
        <f t="shared" si="131"/>
        <v>19</v>
      </c>
    </row>
    <row r="8450" spans="1:4" x14ac:dyDescent="0.25">
      <c r="A8450" s="20">
        <v>43907.833333312854</v>
      </c>
      <c r="B8450" s="22">
        <v>1.8723632097244263</v>
      </c>
      <c r="C8450" s="21">
        <v>329385.1368212091</v>
      </c>
      <c r="D8450">
        <f t="shared" si="131"/>
        <v>20</v>
      </c>
    </row>
    <row r="8451" spans="1:4" x14ac:dyDescent="0.25">
      <c r="A8451" s="20">
        <v>43907.874999979518</v>
      </c>
      <c r="B8451" s="22">
        <v>2.0297906398773193</v>
      </c>
      <c r="C8451" s="21">
        <v>357079.68633543182</v>
      </c>
      <c r="D8451">
        <f t="shared" si="131"/>
        <v>21</v>
      </c>
    </row>
    <row r="8452" spans="1:4" x14ac:dyDescent="0.25">
      <c r="A8452" s="20">
        <v>43907.916666646182</v>
      </c>
      <c r="B8452" s="22">
        <v>1.6098997592926025</v>
      </c>
      <c r="C8452" s="21">
        <v>283212.70666339976</v>
      </c>
      <c r="D8452">
        <f t="shared" si="131"/>
        <v>22</v>
      </c>
    </row>
    <row r="8453" spans="1:4" x14ac:dyDescent="0.25">
      <c r="A8453" s="20">
        <v>43907.958333312847</v>
      </c>
      <c r="B8453" s="22">
        <v>1.538310170173645</v>
      </c>
      <c r="C8453" s="21">
        <v>270618.70434352261</v>
      </c>
      <c r="D8453">
        <f t="shared" si="131"/>
        <v>23</v>
      </c>
    </row>
    <row r="8454" spans="1:4" x14ac:dyDescent="0.25">
      <c r="A8454" s="20">
        <v>43907.999999979511</v>
      </c>
      <c r="B8454" s="22">
        <v>1.493409276008606</v>
      </c>
      <c r="C8454" s="21">
        <v>262719.76299969928</v>
      </c>
      <c r="D8454">
        <f t="shared" si="131"/>
        <v>0</v>
      </c>
    </row>
    <row r="8455" spans="1:4" x14ac:dyDescent="0.25">
      <c r="A8455" s="20">
        <v>43908.041666646175</v>
      </c>
      <c r="B8455" s="22">
        <v>1.3953620195388794</v>
      </c>
      <c r="C8455" s="21">
        <v>245471.34195644545</v>
      </c>
      <c r="D8455">
        <f t="shared" ref="D8455:D8518" si="132">HOUR(A8455)</f>
        <v>1</v>
      </c>
    </row>
    <row r="8456" spans="1:4" x14ac:dyDescent="0.25">
      <c r="A8456" s="20">
        <v>43908.083333312839</v>
      </c>
      <c r="B8456" s="22">
        <v>1.32862389087677</v>
      </c>
      <c r="C8456" s="21">
        <v>233730.80597155195</v>
      </c>
      <c r="D8456">
        <f t="shared" si="132"/>
        <v>2</v>
      </c>
    </row>
    <row r="8457" spans="1:4" x14ac:dyDescent="0.25">
      <c r="A8457" s="20">
        <v>43908.124999979504</v>
      </c>
      <c r="B8457" s="22">
        <v>1.3314648866653442</v>
      </c>
      <c r="C8457" s="21">
        <v>234230.59243481286</v>
      </c>
      <c r="D8457">
        <f t="shared" si="132"/>
        <v>3</v>
      </c>
    </row>
    <row r="8458" spans="1:4" x14ac:dyDescent="0.25">
      <c r="A8458" s="20">
        <v>43908.166666646168</v>
      </c>
      <c r="B8458" s="22">
        <v>1.3692618608474731</v>
      </c>
      <c r="C8458" s="21">
        <v>240879.81596566862</v>
      </c>
      <c r="D8458">
        <f t="shared" si="132"/>
        <v>4</v>
      </c>
    </row>
    <row r="8459" spans="1:4" x14ac:dyDescent="0.25">
      <c r="A8459" s="20">
        <v>43908.208333312832</v>
      </c>
      <c r="B8459" s="22">
        <v>1.489431619644165</v>
      </c>
      <c r="C8459" s="21">
        <v>262020.01581441789</v>
      </c>
      <c r="D8459">
        <f t="shared" si="132"/>
        <v>5</v>
      </c>
    </row>
    <row r="8460" spans="1:4" x14ac:dyDescent="0.25">
      <c r="A8460" s="20">
        <v>43908.249999979496</v>
      </c>
      <c r="B8460" s="22">
        <v>1.7233825922012329</v>
      </c>
      <c r="C8460" s="21">
        <v>303176.54607785237</v>
      </c>
      <c r="D8460">
        <f t="shared" si="132"/>
        <v>6</v>
      </c>
    </row>
    <row r="8461" spans="1:4" x14ac:dyDescent="0.25">
      <c r="A8461" s="20">
        <v>43908.291666646161</v>
      </c>
      <c r="B8461" s="22">
        <v>1.6707484722137451</v>
      </c>
      <c r="C8461" s="21">
        <v>293917.17977354745</v>
      </c>
      <c r="D8461">
        <f t="shared" si="132"/>
        <v>7</v>
      </c>
    </row>
    <row r="8462" spans="1:4" x14ac:dyDescent="0.25">
      <c r="A8462" s="20">
        <v>43908.333333312825</v>
      </c>
      <c r="B8462" s="22">
        <v>1.3785233497619629</v>
      </c>
      <c r="C8462" s="21">
        <v>242509.09215386945</v>
      </c>
      <c r="D8462">
        <f t="shared" si="132"/>
        <v>8</v>
      </c>
    </row>
    <row r="8463" spans="1:4" x14ac:dyDescent="0.25">
      <c r="A8463" s="20">
        <v>43908.374999979489</v>
      </c>
      <c r="B8463" s="22">
        <v>1.5718629360198975</v>
      </c>
      <c r="C8463" s="21">
        <v>276521.2890085057</v>
      </c>
      <c r="D8463">
        <f t="shared" si="132"/>
        <v>9</v>
      </c>
    </row>
    <row r="8464" spans="1:4" x14ac:dyDescent="0.25">
      <c r="A8464" s="20">
        <v>43908.416666646153</v>
      </c>
      <c r="B8464" s="22">
        <v>1.5271121263504028</v>
      </c>
      <c r="C8464" s="21">
        <v>268648.75044905819</v>
      </c>
      <c r="D8464">
        <f t="shared" si="132"/>
        <v>10</v>
      </c>
    </row>
    <row r="8465" spans="1:4" x14ac:dyDescent="0.25">
      <c r="A8465" s="20">
        <v>43908.458333312818</v>
      </c>
      <c r="B8465" s="22">
        <v>1.5327786207199097</v>
      </c>
      <c r="C8465" s="21">
        <v>269645.59711508051</v>
      </c>
      <c r="D8465">
        <f t="shared" si="132"/>
        <v>11</v>
      </c>
    </row>
    <row r="8466" spans="1:4" x14ac:dyDescent="0.25">
      <c r="A8466" s="20">
        <v>43908.499999979482</v>
      </c>
      <c r="B8466" s="22">
        <v>1.2837313413619995</v>
      </c>
      <c r="C8466" s="21">
        <v>225833.33261415144</v>
      </c>
      <c r="D8466">
        <f t="shared" si="132"/>
        <v>12</v>
      </c>
    </row>
    <row r="8467" spans="1:4" x14ac:dyDescent="0.25">
      <c r="A8467" s="20">
        <v>43908.541666646146</v>
      </c>
      <c r="B8467" s="22">
        <v>1.1501724720001221</v>
      </c>
      <c r="C8467" s="21">
        <v>202337.72757877863</v>
      </c>
      <c r="D8467">
        <f t="shared" si="132"/>
        <v>13</v>
      </c>
    </row>
    <row r="8468" spans="1:4" x14ac:dyDescent="0.25">
      <c r="A8468" s="20">
        <v>43908.58333331281</v>
      </c>
      <c r="B8468" s="22">
        <v>1.2337144613265991</v>
      </c>
      <c r="C8468" s="21">
        <v>217034.38976574162</v>
      </c>
      <c r="D8468">
        <f t="shared" si="132"/>
        <v>14</v>
      </c>
    </row>
    <row r="8469" spans="1:4" x14ac:dyDescent="0.25">
      <c r="A8469" s="20">
        <v>43908.624999979475</v>
      </c>
      <c r="B8469" s="22">
        <v>1.2154930830001831</v>
      </c>
      <c r="C8469" s="21">
        <v>213828.894612907</v>
      </c>
      <c r="D8469">
        <f t="shared" si="132"/>
        <v>15</v>
      </c>
    </row>
    <row r="8470" spans="1:4" x14ac:dyDescent="0.25">
      <c r="A8470" s="20">
        <v>43908.666666646139</v>
      </c>
      <c r="B8470" s="22">
        <v>1.3129603862762451</v>
      </c>
      <c r="C8470" s="21">
        <v>230975.29059977597</v>
      </c>
      <c r="D8470">
        <f t="shared" si="132"/>
        <v>16</v>
      </c>
    </row>
    <row r="8471" spans="1:4" x14ac:dyDescent="0.25">
      <c r="A8471" s="20">
        <v>43908.708333312803</v>
      </c>
      <c r="B8471" s="22">
        <v>1.2496767044067383</v>
      </c>
      <c r="C8471" s="21">
        <v>219842.45905145403</v>
      </c>
      <c r="D8471">
        <f t="shared" si="132"/>
        <v>17</v>
      </c>
    </row>
    <row r="8472" spans="1:4" x14ac:dyDescent="0.25">
      <c r="A8472" s="20">
        <v>43908.749999979467</v>
      </c>
      <c r="B8472" s="22">
        <v>1.2574659585952759</v>
      </c>
      <c r="C8472" s="21">
        <v>221212.74049220307</v>
      </c>
      <c r="D8472">
        <f t="shared" si="132"/>
        <v>18</v>
      </c>
    </row>
    <row r="8473" spans="1:4" x14ac:dyDescent="0.25">
      <c r="A8473" s="20">
        <v>43908.791666646131</v>
      </c>
      <c r="B8473" s="22">
        <v>1.1285898685455322</v>
      </c>
      <c r="C8473" s="21">
        <v>198540.9274948386</v>
      </c>
      <c r="D8473">
        <f t="shared" si="132"/>
        <v>19</v>
      </c>
    </row>
    <row r="8474" spans="1:4" x14ac:dyDescent="0.25">
      <c r="A8474" s="20">
        <v>43908.833333312796</v>
      </c>
      <c r="B8474" s="22">
        <v>1.3345769643783569</v>
      </c>
      <c r="C8474" s="21">
        <v>234778.06748558025</v>
      </c>
      <c r="D8474">
        <f t="shared" si="132"/>
        <v>20</v>
      </c>
    </row>
    <row r="8475" spans="1:4" x14ac:dyDescent="0.25">
      <c r="A8475" s="20">
        <v>43908.87499997946</v>
      </c>
      <c r="B8475" s="22">
        <v>1.2104265689849854</v>
      </c>
      <c r="C8475" s="21">
        <v>212937.59617068429</v>
      </c>
      <c r="D8475">
        <f t="shared" si="132"/>
        <v>21</v>
      </c>
    </row>
    <row r="8476" spans="1:4" x14ac:dyDescent="0.25">
      <c r="A8476" s="20">
        <v>43908.916666646124</v>
      </c>
      <c r="B8476" s="22">
        <v>1.1875259876251221</v>
      </c>
      <c r="C8476" s="21">
        <v>208908.93811687964</v>
      </c>
      <c r="D8476">
        <f t="shared" si="132"/>
        <v>22</v>
      </c>
    </row>
    <row r="8477" spans="1:4" x14ac:dyDescent="0.25">
      <c r="A8477" s="20">
        <v>43908.958333312788</v>
      </c>
      <c r="B8477" s="22">
        <v>1.0457092523574829</v>
      </c>
      <c r="C8477" s="21">
        <v>183960.61371750012</v>
      </c>
      <c r="D8477">
        <f t="shared" si="132"/>
        <v>23</v>
      </c>
    </row>
    <row r="8478" spans="1:4" x14ac:dyDescent="0.25">
      <c r="A8478" s="20">
        <v>43908.999999979453</v>
      </c>
      <c r="B8478" s="22">
        <v>0.95705986022949219</v>
      </c>
      <c r="C8478" s="21">
        <v>168365.45995484266</v>
      </c>
      <c r="D8478">
        <f t="shared" si="132"/>
        <v>0</v>
      </c>
    </row>
    <row r="8479" spans="1:4" x14ac:dyDescent="0.25">
      <c r="A8479" s="20">
        <v>43909.041666646117</v>
      </c>
      <c r="B8479" s="22">
        <v>0.83381706476211548</v>
      </c>
      <c r="C8479" s="21">
        <v>146684.65313466123</v>
      </c>
      <c r="D8479">
        <f t="shared" si="132"/>
        <v>1</v>
      </c>
    </row>
    <row r="8480" spans="1:4" x14ac:dyDescent="0.25">
      <c r="A8480" s="20">
        <v>43909.083333312781</v>
      </c>
      <c r="B8480" s="22">
        <v>0.80407035350799561</v>
      </c>
      <c r="C8480" s="21">
        <v>141451.62756273634</v>
      </c>
      <c r="D8480">
        <f t="shared" si="132"/>
        <v>2</v>
      </c>
    </row>
    <row r="8481" spans="1:4" x14ac:dyDescent="0.25">
      <c r="A8481" s="20">
        <v>43909.124999979445</v>
      </c>
      <c r="B8481" s="22">
        <v>0.83269816637039185</v>
      </c>
      <c r="C8481" s="21">
        <v>146487.81712659783</v>
      </c>
      <c r="D8481">
        <f t="shared" si="132"/>
        <v>3</v>
      </c>
    </row>
    <row r="8482" spans="1:4" x14ac:dyDescent="0.25">
      <c r="A8482" s="20">
        <v>43909.16666664611</v>
      </c>
      <c r="B8482" s="22">
        <v>0.80953633785247803</v>
      </c>
      <c r="C8482" s="21">
        <v>142413.20061214213</v>
      </c>
      <c r="D8482">
        <f t="shared" si="132"/>
        <v>4</v>
      </c>
    </row>
    <row r="8483" spans="1:4" x14ac:dyDescent="0.25">
      <c r="A8483" s="20">
        <v>43909.208333312774</v>
      </c>
      <c r="B8483" s="22">
        <v>0.92012536525726318</v>
      </c>
      <c r="C8483" s="21">
        <v>161867.96330640101</v>
      </c>
      <c r="D8483">
        <f t="shared" si="132"/>
        <v>5</v>
      </c>
    </row>
    <row r="8484" spans="1:4" x14ac:dyDescent="0.25">
      <c r="A8484" s="20">
        <v>43909.249999979438</v>
      </c>
      <c r="B8484" s="22">
        <v>1.2343264818191528</v>
      </c>
      <c r="C8484" s="21">
        <v>217142.056084237</v>
      </c>
      <c r="D8484">
        <f t="shared" si="132"/>
        <v>6</v>
      </c>
    </row>
    <row r="8485" spans="1:4" x14ac:dyDescent="0.25">
      <c r="A8485" s="20">
        <v>43909.291666646102</v>
      </c>
      <c r="B8485" s="22">
        <v>1.1132950782775879</v>
      </c>
      <c r="C8485" s="21">
        <v>195850.27615171589</v>
      </c>
      <c r="D8485">
        <f t="shared" si="132"/>
        <v>7</v>
      </c>
    </row>
    <row r="8486" spans="1:4" x14ac:dyDescent="0.25">
      <c r="A8486" s="20">
        <v>43909.333333312767</v>
      </c>
      <c r="B8486" s="22">
        <v>0.93706530332565308</v>
      </c>
      <c r="C8486" s="21">
        <v>164848.02817277951</v>
      </c>
      <c r="D8486">
        <f t="shared" si="132"/>
        <v>8</v>
      </c>
    </row>
    <row r="8487" spans="1:4" x14ac:dyDescent="0.25">
      <c r="A8487" s="20">
        <v>43909.374999979431</v>
      </c>
      <c r="B8487" s="22">
        <v>1.0802148580551147</v>
      </c>
      <c r="C8487" s="21">
        <v>190030.82146073275</v>
      </c>
      <c r="D8487">
        <f t="shared" si="132"/>
        <v>9</v>
      </c>
    </row>
    <row r="8488" spans="1:4" x14ac:dyDescent="0.25">
      <c r="A8488" s="20">
        <v>43909.416666646095</v>
      </c>
      <c r="B8488" s="22">
        <v>1.0378093719482422</v>
      </c>
      <c r="C8488" s="21">
        <v>182570.87097103163</v>
      </c>
      <c r="D8488">
        <f t="shared" si="132"/>
        <v>10</v>
      </c>
    </row>
    <row r="8489" spans="1:4" x14ac:dyDescent="0.25">
      <c r="A8489" s="20">
        <v>43909.458333312759</v>
      </c>
      <c r="B8489" s="22">
        <v>1.1826997995376587</v>
      </c>
      <c r="C8489" s="21">
        <v>208059.91768363371</v>
      </c>
      <c r="D8489">
        <f t="shared" si="132"/>
        <v>11</v>
      </c>
    </row>
    <row r="8490" spans="1:4" x14ac:dyDescent="0.25">
      <c r="A8490" s="20">
        <v>43909.499999979424</v>
      </c>
      <c r="B8490" s="22">
        <v>1.2303600311279297</v>
      </c>
      <c r="C8490" s="21">
        <v>216444.28019500905</v>
      </c>
      <c r="D8490">
        <f t="shared" si="132"/>
        <v>12</v>
      </c>
    </row>
    <row r="8491" spans="1:4" x14ac:dyDescent="0.25">
      <c r="A8491" s="20">
        <v>43909.541666646088</v>
      </c>
      <c r="B8491" s="22">
        <v>1.2345709800720215</v>
      </c>
      <c r="C8491" s="21">
        <v>217185.06808642516</v>
      </c>
      <c r="D8491">
        <f t="shared" si="132"/>
        <v>13</v>
      </c>
    </row>
    <row r="8492" spans="1:4" x14ac:dyDescent="0.25">
      <c r="A8492" s="20">
        <v>43909.583333312752</v>
      </c>
      <c r="B8492" s="22">
        <v>0.9996604323387146</v>
      </c>
      <c r="C8492" s="21">
        <v>175859.72986998549</v>
      </c>
      <c r="D8492">
        <f t="shared" si="132"/>
        <v>14</v>
      </c>
    </row>
    <row r="8493" spans="1:4" x14ac:dyDescent="0.25">
      <c r="A8493" s="20">
        <v>43909.624999979416</v>
      </c>
      <c r="B8493" s="22">
        <v>1.1289491653442383</v>
      </c>
      <c r="C8493" s="21">
        <v>198604.13479595759</v>
      </c>
      <c r="D8493">
        <f t="shared" si="132"/>
        <v>15</v>
      </c>
    </row>
    <row r="8494" spans="1:4" x14ac:dyDescent="0.25">
      <c r="A8494" s="20">
        <v>43909.666666646081</v>
      </c>
      <c r="B8494" s="22">
        <v>1.2172698974609375</v>
      </c>
      <c r="C8494" s="21">
        <v>214141.47086479119</v>
      </c>
      <c r="D8494">
        <f t="shared" si="132"/>
        <v>16</v>
      </c>
    </row>
    <row r="8495" spans="1:4" x14ac:dyDescent="0.25">
      <c r="A8495" s="20">
        <v>43909.708333312745</v>
      </c>
      <c r="B8495" s="22">
        <v>1.0728427171707153</v>
      </c>
      <c r="C8495" s="21">
        <v>188733.91836988932</v>
      </c>
      <c r="D8495">
        <f t="shared" si="132"/>
        <v>17</v>
      </c>
    </row>
    <row r="8496" spans="1:4" x14ac:dyDescent="0.25">
      <c r="A8496" s="20">
        <v>43909.749999979409</v>
      </c>
      <c r="B8496" s="22">
        <v>1.1210962533950806</v>
      </c>
      <c r="C8496" s="21">
        <v>197222.65471592604</v>
      </c>
      <c r="D8496">
        <f t="shared" si="132"/>
        <v>18</v>
      </c>
    </row>
    <row r="8497" spans="1:4" x14ac:dyDescent="0.25">
      <c r="A8497" s="20">
        <v>43909.791666646073</v>
      </c>
      <c r="B8497" s="22">
        <v>1.0411313772201538</v>
      </c>
      <c r="C8497" s="21">
        <v>183155.27636594989</v>
      </c>
      <c r="D8497">
        <f t="shared" si="132"/>
        <v>19</v>
      </c>
    </row>
    <row r="8498" spans="1:4" x14ac:dyDescent="0.25">
      <c r="A8498" s="20">
        <v>43909.833333312738</v>
      </c>
      <c r="B8498" s="22">
        <v>1.1807965040206909</v>
      </c>
      <c r="C8498" s="21">
        <v>207725.09095182671</v>
      </c>
      <c r="D8498">
        <f t="shared" si="132"/>
        <v>20</v>
      </c>
    </row>
    <row r="8499" spans="1:4" x14ac:dyDescent="0.25">
      <c r="A8499" s="20">
        <v>43909.874999979402</v>
      </c>
      <c r="B8499" s="22">
        <v>1.2949644327163696</v>
      </c>
      <c r="C8499" s="21">
        <v>227809.45205159162</v>
      </c>
      <c r="D8499">
        <f t="shared" si="132"/>
        <v>21</v>
      </c>
    </row>
    <row r="8500" spans="1:4" x14ac:dyDescent="0.25">
      <c r="A8500" s="20">
        <v>43909.916666646066</v>
      </c>
      <c r="B8500" s="22">
        <v>1.0376648902893066</v>
      </c>
      <c r="C8500" s="21">
        <v>182545.45383468253</v>
      </c>
      <c r="D8500">
        <f t="shared" si="132"/>
        <v>22</v>
      </c>
    </row>
    <row r="8501" spans="1:4" x14ac:dyDescent="0.25">
      <c r="A8501" s="20">
        <v>43909.95833331273</v>
      </c>
      <c r="B8501" s="22">
        <v>0.98184680938720703</v>
      </c>
      <c r="C8501" s="21">
        <v>172725.96682513942</v>
      </c>
      <c r="D8501">
        <f t="shared" si="132"/>
        <v>23</v>
      </c>
    </row>
    <row r="8502" spans="1:4" x14ac:dyDescent="0.25">
      <c r="A8502" s="20">
        <v>43909.999999979394</v>
      </c>
      <c r="B8502" s="22">
        <v>0.87220263481140137</v>
      </c>
      <c r="C8502" s="21">
        <v>153437.42213641116</v>
      </c>
      <c r="D8502">
        <f t="shared" si="132"/>
        <v>0</v>
      </c>
    </row>
    <row r="8503" spans="1:4" x14ac:dyDescent="0.25">
      <c r="A8503" s="20">
        <v>43910.041666646059</v>
      </c>
      <c r="B8503" s="22">
        <v>0.84355443716049194</v>
      </c>
      <c r="C8503" s="21">
        <v>148397.64649143111</v>
      </c>
      <c r="D8503">
        <f t="shared" si="132"/>
        <v>1</v>
      </c>
    </row>
    <row r="8504" spans="1:4" x14ac:dyDescent="0.25">
      <c r="A8504" s="20">
        <v>43910.083333312723</v>
      </c>
      <c r="B8504" s="22">
        <v>0.78007668256759644</v>
      </c>
      <c r="C8504" s="21">
        <v>137230.67377316172</v>
      </c>
      <c r="D8504">
        <f t="shared" si="132"/>
        <v>2</v>
      </c>
    </row>
    <row r="8505" spans="1:4" x14ac:dyDescent="0.25">
      <c r="A8505" s="20">
        <v>43910.124999979387</v>
      </c>
      <c r="B8505" s="22">
        <v>0.72744017839431763</v>
      </c>
      <c r="C8505" s="21">
        <v>127970.88804416452</v>
      </c>
      <c r="D8505">
        <f t="shared" si="132"/>
        <v>3</v>
      </c>
    </row>
    <row r="8506" spans="1:4" x14ac:dyDescent="0.25">
      <c r="A8506" s="20">
        <v>43910.166666646051</v>
      </c>
      <c r="B8506" s="22">
        <v>0.71051216125488281</v>
      </c>
      <c r="C8506" s="21">
        <v>124992.92030124718</v>
      </c>
      <c r="D8506">
        <f t="shared" si="132"/>
        <v>4</v>
      </c>
    </row>
    <row r="8507" spans="1:4" x14ac:dyDescent="0.25">
      <c r="A8507" s="20">
        <v>43910.208333312716</v>
      </c>
      <c r="B8507" s="22">
        <v>0.80253219604492188</v>
      </c>
      <c r="C8507" s="21">
        <v>141181.03572254433</v>
      </c>
      <c r="D8507">
        <f t="shared" si="132"/>
        <v>5</v>
      </c>
    </row>
    <row r="8508" spans="1:4" x14ac:dyDescent="0.25">
      <c r="A8508" s="20">
        <v>43910.24999997938</v>
      </c>
      <c r="B8508" s="22">
        <v>0.92552947998046875</v>
      </c>
      <c r="C8508" s="21">
        <v>162818.65228504344</v>
      </c>
      <c r="D8508">
        <f t="shared" si="132"/>
        <v>6</v>
      </c>
    </row>
    <row r="8509" spans="1:4" x14ac:dyDescent="0.25">
      <c r="A8509" s="20">
        <v>43910.291666646044</v>
      </c>
      <c r="B8509" s="22">
        <v>0.85184264183044434</v>
      </c>
      <c r="C8509" s="21">
        <v>149855.70303464649</v>
      </c>
      <c r="D8509">
        <f t="shared" si="132"/>
        <v>7</v>
      </c>
    </row>
    <row r="8510" spans="1:4" x14ac:dyDescent="0.25">
      <c r="A8510" s="20">
        <v>43910.333333312708</v>
      </c>
      <c r="B8510" s="22">
        <v>0.93157422542572021</v>
      </c>
      <c r="C8510" s="21">
        <v>163882.040678488</v>
      </c>
      <c r="D8510">
        <f t="shared" si="132"/>
        <v>8</v>
      </c>
    </row>
    <row r="8511" spans="1:4" x14ac:dyDescent="0.25">
      <c r="A8511" s="20">
        <v>43910.374999979373</v>
      </c>
      <c r="B8511" s="22">
        <v>1.1171889305114746</v>
      </c>
      <c r="C8511" s="21">
        <v>196535.28055906543</v>
      </c>
      <c r="D8511">
        <f t="shared" si="132"/>
        <v>9</v>
      </c>
    </row>
    <row r="8512" spans="1:4" x14ac:dyDescent="0.25">
      <c r="A8512" s="20">
        <v>43910.416666646037</v>
      </c>
      <c r="B8512" s="22">
        <v>0.98589855432510376</v>
      </c>
      <c r="C8512" s="21">
        <v>173438.74763273189</v>
      </c>
      <c r="D8512">
        <f t="shared" si="132"/>
        <v>10</v>
      </c>
    </row>
    <row r="8513" spans="1:4" x14ac:dyDescent="0.25">
      <c r="A8513" s="20">
        <v>43910.458333312701</v>
      </c>
      <c r="B8513" s="22">
        <v>1.0453461408615112</v>
      </c>
      <c r="C8513" s="21">
        <v>183896.73533687353</v>
      </c>
      <c r="D8513">
        <f t="shared" si="132"/>
        <v>11</v>
      </c>
    </row>
    <row r="8514" spans="1:4" x14ac:dyDescent="0.25">
      <c r="A8514" s="20">
        <v>43910.499999979365</v>
      </c>
      <c r="B8514" s="22">
        <v>1.1768573522567749</v>
      </c>
      <c r="C8514" s="21">
        <v>207032.11747532486</v>
      </c>
      <c r="D8514">
        <f t="shared" si="132"/>
        <v>12</v>
      </c>
    </row>
    <row r="8515" spans="1:4" x14ac:dyDescent="0.25">
      <c r="A8515" s="20">
        <v>43910.54166664603</v>
      </c>
      <c r="B8515" s="22">
        <v>0.99852705001831055</v>
      </c>
      <c r="C8515" s="21">
        <v>175660.3458569168</v>
      </c>
      <c r="D8515">
        <f t="shared" si="132"/>
        <v>13</v>
      </c>
    </row>
    <row r="8516" spans="1:4" x14ac:dyDescent="0.25">
      <c r="A8516" s="20">
        <v>43910.583333312694</v>
      </c>
      <c r="B8516" s="22">
        <v>1.0150978565216064</v>
      </c>
      <c r="C8516" s="21">
        <v>178575.47329532081</v>
      </c>
      <c r="D8516">
        <f t="shared" si="132"/>
        <v>14</v>
      </c>
    </row>
    <row r="8517" spans="1:4" x14ac:dyDescent="0.25">
      <c r="A8517" s="20">
        <v>43910.624999979358</v>
      </c>
      <c r="B8517" s="22">
        <v>1.138115406036377</v>
      </c>
      <c r="C8517" s="21">
        <v>200216.65496770389</v>
      </c>
      <c r="D8517">
        <f t="shared" si="132"/>
        <v>15</v>
      </c>
    </row>
    <row r="8518" spans="1:4" x14ac:dyDescent="0.25">
      <c r="A8518" s="20">
        <v>43910.666666646022</v>
      </c>
      <c r="B8518" s="22">
        <v>1.2599509954452515</v>
      </c>
      <c r="C8518" s="21">
        <v>221649.90684891405</v>
      </c>
      <c r="D8518">
        <f t="shared" si="132"/>
        <v>16</v>
      </c>
    </row>
    <row r="8519" spans="1:4" x14ac:dyDescent="0.25">
      <c r="A8519" s="20">
        <v>43910.708333312687</v>
      </c>
      <c r="B8519" s="22">
        <v>1.3204646110534668</v>
      </c>
      <c r="C8519" s="21">
        <v>232295.4298185689</v>
      </c>
      <c r="D8519">
        <f t="shared" ref="D8519:D8582" si="133">HOUR(A8519)</f>
        <v>17</v>
      </c>
    </row>
    <row r="8520" spans="1:4" x14ac:dyDescent="0.25">
      <c r="A8520" s="20">
        <v>43910.749999979351</v>
      </c>
      <c r="B8520" s="22">
        <v>1.4029005765914917</v>
      </c>
      <c r="C8520" s="21">
        <v>246797.52089080657</v>
      </c>
      <c r="D8520">
        <f t="shared" si="133"/>
        <v>18</v>
      </c>
    </row>
    <row r="8521" spans="1:4" x14ac:dyDescent="0.25">
      <c r="A8521" s="20">
        <v>43910.791666646015</v>
      </c>
      <c r="B8521" s="22">
        <v>1.2082935571670532</v>
      </c>
      <c r="C8521" s="21">
        <v>212562.357869781</v>
      </c>
      <c r="D8521">
        <f t="shared" si="133"/>
        <v>19</v>
      </c>
    </row>
    <row r="8522" spans="1:4" x14ac:dyDescent="0.25">
      <c r="A8522" s="20">
        <v>43910.833333312679</v>
      </c>
      <c r="B8522" s="22">
        <v>1.2478988170623779</v>
      </c>
      <c r="C8522" s="21">
        <v>219529.69405845835</v>
      </c>
      <c r="D8522">
        <f t="shared" si="133"/>
        <v>20</v>
      </c>
    </row>
    <row r="8523" spans="1:4" x14ac:dyDescent="0.25">
      <c r="A8523" s="20">
        <v>43910.874999979344</v>
      </c>
      <c r="B8523" s="22">
        <v>1.3932714462280273</v>
      </c>
      <c r="C8523" s="21">
        <v>245103.56941506389</v>
      </c>
      <c r="D8523">
        <f t="shared" si="133"/>
        <v>21</v>
      </c>
    </row>
    <row r="8524" spans="1:4" x14ac:dyDescent="0.25">
      <c r="A8524" s="20">
        <v>43910.916666646008</v>
      </c>
      <c r="B8524" s="22">
        <v>1.0450162887573242</v>
      </c>
      <c r="C8524" s="21">
        <v>183838.70793070353</v>
      </c>
      <c r="D8524">
        <f t="shared" si="133"/>
        <v>22</v>
      </c>
    </row>
    <row r="8525" spans="1:4" x14ac:dyDescent="0.25">
      <c r="A8525" s="20">
        <v>43910.958333312672</v>
      </c>
      <c r="B8525" s="22">
        <v>0.92527735233306885</v>
      </c>
      <c r="C8525" s="21">
        <v>162774.29812384016</v>
      </c>
      <c r="D8525">
        <f t="shared" si="133"/>
        <v>23</v>
      </c>
    </row>
    <row r="8526" spans="1:4" x14ac:dyDescent="0.25">
      <c r="A8526" s="20">
        <v>43910.999999979336</v>
      </c>
      <c r="B8526" s="22">
        <v>0.97493356466293335</v>
      </c>
      <c r="C8526" s="21">
        <v>171509.79250193291</v>
      </c>
      <c r="D8526">
        <f t="shared" si="133"/>
        <v>0</v>
      </c>
    </row>
    <row r="8527" spans="1:4" x14ac:dyDescent="0.25">
      <c r="A8527" s="20">
        <v>43911.041666646001</v>
      </c>
      <c r="B8527" s="22">
        <v>0.897125244140625</v>
      </c>
      <c r="C8527" s="21">
        <v>157821.79427169578</v>
      </c>
      <c r="D8527">
        <f t="shared" si="133"/>
        <v>1</v>
      </c>
    </row>
    <row r="8528" spans="1:4" x14ac:dyDescent="0.25">
      <c r="A8528" s="20">
        <v>43911.083333312665</v>
      </c>
      <c r="B8528" s="22">
        <v>0.93262588977813721</v>
      </c>
      <c r="C8528" s="21">
        <v>164067.04891023051</v>
      </c>
      <c r="D8528">
        <f t="shared" si="133"/>
        <v>2</v>
      </c>
    </row>
    <row r="8529" spans="1:4" x14ac:dyDescent="0.25">
      <c r="A8529" s="20">
        <v>43911.124999979329</v>
      </c>
      <c r="B8529" s="22">
        <v>1.0000592470169067</v>
      </c>
      <c r="C8529" s="21">
        <v>175929.88913537821</v>
      </c>
      <c r="D8529">
        <f t="shared" si="133"/>
        <v>3</v>
      </c>
    </row>
    <row r="8530" spans="1:4" x14ac:dyDescent="0.25">
      <c r="A8530" s="20">
        <v>43911.166666645993</v>
      </c>
      <c r="B8530" s="22">
        <v>0.99362349510192871</v>
      </c>
      <c r="C8530" s="21">
        <v>174797.71509240801</v>
      </c>
      <c r="D8530">
        <f t="shared" si="133"/>
        <v>4</v>
      </c>
    </row>
    <row r="8531" spans="1:4" x14ac:dyDescent="0.25">
      <c r="A8531" s="20">
        <v>43911.208333312657</v>
      </c>
      <c r="B8531" s="22">
        <v>1.0455999374389648</v>
      </c>
      <c r="C8531" s="21">
        <v>183941.38309536138</v>
      </c>
      <c r="D8531">
        <f t="shared" si="133"/>
        <v>5</v>
      </c>
    </row>
    <row r="8532" spans="1:4" x14ac:dyDescent="0.25">
      <c r="A8532" s="20">
        <v>43911.249999979322</v>
      </c>
      <c r="B8532" s="22">
        <v>1.3055118322372437</v>
      </c>
      <c r="C8532" s="21">
        <v>229664.94494754658</v>
      </c>
      <c r="D8532">
        <f t="shared" si="133"/>
        <v>6</v>
      </c>
    </row>
    <row r="8533" spans="1:4" x14ac:dyDescent="0.25">
      <c r="A8533" s="20">
        <v>43911.291666645986</v>
      </c>
      <c r="B8533" s="22">
        <v>1.313711404800415</v>
      </c>
      <c r="C8533" s="21">
        <v>231107.40937782827</v>
      </c>
      <c r="D8533">
        <f t="shared" si="133"/>
        <v>7</v>
      </c>
    </row>
    <row r="8534" spans="1:4" x14ac:dyDescent="0.25">
      <c r="A8534" s="20">
        <v>43911.33333331265</v>
      </c>
      <c r="B8534" s="22">
        <v>1.5991107225418091</v>
      </c>
      <c r="C8534" s="21">
        <v>281314.70507488732</v>
      </c>
      <c r="D8534">
        <f t="shared" si="133"/>
        <v>8</v>
      </c>
    </row>
    <row r="8535" spans="1:4" x14ac:dyDescent="0.25">
      <c r="A8535" s="20">
        <v>43911.374999979314</v>
      </c>
      <c r="B8535" s="22">
        <v>1.6023859977722168</v>
      </c>
      <c r="C8535" s="21">
        <v>281890.88974583783</v>
      </c>
      <c r="D8535">
        <f t="shared" si="133"/>
        <v>9</v>
      </c>
    </row>
    <row r="8536" spans="1:4" x14ac:dyDescent="0.25">
      <c r="A8536" s="20">
        <v>43911.416666645979</v>
      </c>
      <c r="B8536" s="22">
        <v>1.8715388774871826</v>
      </c>
      <c r="C8536" s="21">
        <v>329240.12073387072</v>
      </c>
      <c r="D8536">
        <f t="shared" si="133"/>
        <v>10</v>
      </c>
    </row>
    <row r="8537" spans="1:4" x14ac:dyDescent="0.25">
      <c r="A8537" s="20">
        <v>43911.458333312643</v>
      </c>
      <c r="B8537" s="22">
        <v>1.842746376991272</v>
      </c>
      <c r="C8537" s="21">
        <v>324174.95940939343</v>
      </c>
      <c r="D8537">
        <f t="shared" si="133"/>
        <v>11</v>
      </c>
    </row>
    <row r="8538" spans="1:4" x14ac:dyDescent="0.25">
      <c r="A8538" s="20">
        <v>43911.499999979307</v>
      </c>
      <c r="B8538" s="22">
        <v>1.9559047222137451</v>
      </c>
      <c r="C8538" s="21">
        <v>344081.71512323368</v>
      </c>
      <c r="D8538">
        <f t="shared" si="133"/>
        <v>12</v>
      </c>
    </row>
    <row r="8539" spans="1:4" x14ac:dyDescent="0.25">
      <c r="A8539" s="20">
        <v>43911.541666645971</v>
      </c>
      <c r="B8539" s="22">
        <v>2.0492823123931885</v>
      </c>
      <c r="C8539" s="21">
        <v>360508.65096428647</v>
      </c>
      <c r="D8539">
        <f t="shared" si="133"/>
        <v>13</v>
      </c>
    </row>
    <row r="8540" spans="1:4" x14ac:dyDescent="0.25">
      <c r="A8540" s="20">
        <v>43911.583333312636</v>
      </c>
      <c r="B8540" s="22">
        <v>2.3734664916992188</v>
      </c>
      <c r="C8540" s="21">
        <v>417538.95881342661</v>
      </c>
      <c r="D8540">
        <f t="shared" si="133"/>
        <v>14</v>
      </c>
    </row>
    <row r="8541" spans="1:4" x14ac:dyDescent="0.25">
      <c r="A8541" s="20">
        <v>43911.6249999793</v>
      </c>
      <c r="B8541" s="22">
        <v>2.0814752578735352</v>
      </c>
      <c r="C8541" s="21">
        <v>366172.01675605628</v>
      </c>
      <c r="D8541">
        <f t="shared" si="133"/>
        <v>15</v>
      </c>
    </row>
    <row r="8542" spans="1:4" x14ac:dyDescent="0.25">
      <c r="A8542" s="20">
        <v>43911.666666645964</v>
      </c>
      <c r="B8542" s="22">
        <v>2.1517496109008789</v>
      </c>
      <c r="C8542" s="21">
        <v>378534.64344446489</v>
      </c>
      <c r="D8542">
        <f t="shared" si="133"/>
        <v>16</v>
      </c>
    </row>
    <row r="8543" spans="1:4" x14ac:dyDescent="0.25">
      <c r="A8543" s="20">
        <v>43911.708333312628</v>
      </c>
      <c r="B8543" s="22">
        <v>2.1964375972747803</v>
      </c>
      <c r="C8543" s="21">
        <v>386396.13016327209</v>
      </c>
      <c r="D8543">
        <f t="shared" si="133"/>
        <v>17</v>
      </c>
    </row>
    <row r="8544" spans="1:4" x14ac:dyDescent="0.25">
      <c r="A8544" s="20">
        <v>43911.749999979293</v>
      </c>
      <c r="B8544" s="22">
        <v>2.2011265754699707</v>
      </c>
      <c r="C8544" s="21">
        <v>387221.01270548021</v>
      </c>
      <c r="D8544">
        <f t="shared" si="133"/>
        <v>18</v>
      </c>
    </row>
    <row r="8545" spans="1:4" x14ac:dyDescent="0.25">
      <c r="A8545" s="20">
        <v>43911.791666645957</v>
      </c>
      <c r="B8545" s="22">
        <v>2.1045205593109131</v>
      </c>
      <c r="C8545" s="21">
        <v>370226.13388867927</v>
      </c>
      <c r="D8545">
        <f t="shared" si="133"/>
        <v>19</v>
      </c>
    </row>
    <row r="8546" spans="1:4" x14ac:dyDescent="0.25">
      <c r="A8546" s="20">
        <v>43911.833333312621</v>
      </c>
      <c r="B8546" s="22">
        <v>2.2136337757110596</v>
      </c>
      <c r="C8546" s="21">
        <v>389421.27269844798</v>
      </c>
      <c r="D8546">
        <f t="shared" si="133"/>
        <v>20</v>
      </c>
    </row>
    <row r="8547" spans="1:4" x14ac:dyDescent="0.25">
      <c r="A8547" s="20">
        <v>43911.874999979285</v>
      </c>
      <c r="B8547" s="22">
        <v>2.2911176681518555</v>
      </c>
      <c r="C8547" s="21">
        <v>403052.19771368994</v>
      </c>
      <c r="D8547">
        <f t="shared" si="133"/>
        <v>21</v>
      </c>
    </row>
    <row r="8548" spans="1:4" x14ac:dyDescent="0.25">
      <c r="A8548" s="20">
        <v>43911.91666664595</v>
      </c>
      <c r="B8548" s="22">
        <v>2.1319656372070313</v>
      </c>
      <c r="C8548" s="21">
        <v>375054.25734834292</v>
      </c>
      <c r="D8548">
        <f t="shared" si="133"/>
        <v>22</v>
      </c>
    </row>
    <row r="8549" spans="1:4" x14ac:dyDescent="0.25">
      <c r="A8549" s="20">
        <v>43911.958333312614</v>
      </c>
      <c r="B8549" s="22">
        <v>2.1607394218444824</v>
      </c>
      <c r="C8549" s="21">
        <v>380116.12618898612</v>
      </c>
      <c r="D8549">
        <f t="shared" si="133"/>
        <v>23</v>
      </c>
    </row>
    <row r="8550" spans="1:4" x14ac:dyDescent="0.25">
      <c r="A8550" s="20">
        <v>43911.999999979278</v>
      </c>
      <c r="B8550" s="22">
        <v>1.8658512830734253</v>
      </c>
      <c r="C8550" s="21">
        <v>328239.5621593222</v>
      </c>
      <c r="D8550">
        <f t="shared" si="133"/>
        <v>0</v>
      </c>
    </row>
    <row r="8551" spans="1:4" x14ac:dyDescent="0.25">
      <c r="A8551" s="20">
        <v>43912.041666645942</v>
      </c>
      <c r="B8551" s="22">
        <v>1.845399022102356</v>
      </c>
      <c r="C8551" s="21">
        <v>324641.6113219682</v>
      </c>
      <c r="D8551">
        <f t="shared" si="133"/>
        <v>1</v>
      </c>
    </row>
    <row r="8552" spans="1:4" x14ac:dyDescent="0.25">
      <c r="A8552" s="20">
        <v>43912.083333312607</v>
      </c>
      <c r="B8552" s="22">
        <v>1.7638022899627686</v>
      </c>
      <c r="C8552" s="21">
        <v>310287.15774139541</v>
      </c>
      <c r="D8552">
        <f t="shared" si="133"/>
        <v>2</v>
      </c>
    </row>
    <row r="8553" spans="1:4" x14ac:dyDescent="0.25">
      <c r="A8553" s="20">
        <v>43912.124999979271</v>
      </c>
      <c r="B8553" s="22">
        <v>1.9269218444824219</v>
      </c>
      <c r="C8553" s="21">
        <v>338983.0627370819</v>
      </c>
      <c r="D8553">
        <f t="shared" si="133"/>
        <v>3</v>
      </c>
    </row>
    <row r="8554" spans="1:4" x14ac:dyDescent="0.25">
      <c r="A8554" s="20">
        <v>43912.166666645935</v>
      </c>
      <c r="B8554" s="22">
        <v>1.7945990562438965</v>
      </c>
      <c r="C8554" s="21">
        <v>315704.90843339555</v>
      </c>
      <c r="D8554">
        <f t="shared" si="133"/>
        <v>4</v>
      </c>
    </row>
    <row r="8555" spans="1:4" x14ac:dyDescent="0.25">
      <c r="A8555" s="20">
        <v>43912.208333312599</v>
      </c>
      <c r="B8555" s="22">
        <v>1.8532381057739258</v>
      </c>
      <c r="C8555" s="21">
        <v>326020.65873878484</v>
      </c>
      <c r="D8555">
        <f t="shared" si="133"/>
        <v>5</v>
      </c>
    </row>
    <row r="8556" spans="1:4" x14ac:dyDescent="0.25">
      <c r="A8556" s="20">
        <v>43912.249999979264</v>
      </c>
      <c r="B8556" s="22">
        <v>1.9997462034225464</v>
      </c>
      <c r="C8556" s="21">
        <v>351794.28510506474</v>
      </c>
      <c r="D8556">
        <f t="shared" si="133"/>
        <v>6</v>
      </c>
    </row>
    <row r="8557" spans="1:4" x14ac:dyDescent="0.25">
      <c r="A8557" s="20">
        <v>43912.291666645928</v>
      </c>
      <c r="B8557" s="22">
        <v>2.0664372444152832</v>
      </c>
      <c r="C8557" s="21">
        <v>363526.53745228675</v>
      </c>
      <c r="D8557">
        <f t="shared" si="133"/>
        <v>7</v>
      </c>
    </row>
    <row r="8558" spans="1:4" x14ac:dyDescent="0.25">
      <c r="A8558" s="20">
        <v>43912.333333312592</v>
      </c>
      <c r="B8558" s="22">
        <v>2.1194233894348145</v>
      </c>
      <c r="C8558" s="21">
        <v>372847.83181239938</v>
      </c>
      <c r="D8558">
        <f t="shared" si="133"/>
        <v>8</v>
      </c>
    </row>
    <row r="8559" spans="1:4" x14ac:dyDescent="0.25">
      <c r="A8559" s="20">
        <v>43912.374999979256</v>
      </c>
      <c r="B8559" s="22">
        <v>2.2930450439453125</v>
      </c>
      <c r="C8559" s="21">
        <v>403391.26063488843</v>
      </c>
      <c r="D8559">
        <f t="shared" si="133"/>
        <v>9</v>
      </c>
    </row>
    <row r="8560" spans="1:4" x14ac:dyDescent="0.25">
      <c r="A8560" s="20">
        <v>43912.41666664592</v>
      </c>
      <c r="B8560" s="22">
        <v>1.9891488552093506</v>
      </c>
      <c r="C8560" s="21">
        <v>349930.00526180759</v>
      </c>
      <c r="D8560">
        <f t="shared" si="133"/>
        <v>10</v>
      </c>
    </row>
    <row r="8561" spans="1:4" x14ac:dyDescent="0.25">
      <c r="A8561" s="20">
        <v>43912.458333312585</v>
      </c>
      <c r="B8561" s="22">
        <v>2.0771458148956299</v>
      </c>
      <c r="C8561" s="21">
        <v>365410.3834574364</v>
      </c>
      <c r="D8561">
        <f t="shared" si="133"/>
        <v>11</v>
      </c>
    </row>
    <row r="8562" spans="1:4" x14ac:dyDescent="0.25">
      <c r="A8562" s="20">
        <v>43912.499999979249</v>
      </c>
      <c r="B8562" s="22">
        <v>1.953289270401001</v>
      </c>
      <c r="C8562" s="21">
        <v>343621.6062358577</v>
      </c>
      <c r="D8562">
        <f t="shared" si="133"/>
        <v>12</v>
      </c>
    </row>
    <row r="8563" spans="1:4" x14ac:dyDescent="0.25">
      <c r="A8563" s="20">
        <v>43912.541666645913</v>
      </c>
      <c r="B8563" s="22">
        <v>1.8328683376312256</v>
      </c>
      <c r="C8563" s="21">
        <v>322437.21999578201</v>
      </c>
      <c r="D8563">
        <f t="shared" si="133"/>
        <v>13</v>
      </c>
    </row>
    <row r="8564" spans="1:4" x14ac:dyDescent="0.25">
      <c r="A8564" s="20">
        <v>43912.583333312577</v>
      </c>
      <c r="B8564" s="22">
        <v>1.9532878398895264</v>
      </c>
      <c r="C8564" s="21">
        <v>343621.35458104237</v>
      </c>
      <c r="D8564">
        <f t="shared" si="133"/>
        <v>14</v>
      </c>
    </row>
    <row r="8565" spans="1:4" x14ac:dyDescent="0.25">
      <c r="A8565" s="20">
        <v>43912.624999979242</v>
      </c>
      <c r="B8565" s="22">
        <v>1.7237138748168945</v>
      </c>
      <c r="C8565" s="21">
        <v>303234.82513883774</v>
      </c>
      <c r="D8565">
        <f t="shared" si="133"/>
        <v>15</v>
      </c>
    </row>
    <row r="8566" spans="1:4" x14ac:dyDescent="0.25">
      <c r="A8566" s="20">
        <v>43912.666666645906</v>
      </c>
      <c r="B8566" s="22">
        <v>1.4152657985687256</v>
      </c>
      <c r="C8566" s="21">
        <v>248972.804143352</v>
      </c>
      <c r="D8566">
        <f t="shared" si="133"/>
        <v>16</v>
      </c>
    </row>
    <row r="8567" spans="1:4" x14ac:dyDescent="0.25">
      <c r="A8567" s="20">
        <v>43912.70833331257</v>
      </c>
      <c r="B8567" s="22">
        <v>1.5517197847366333</v>
      </c>
      <c r="C8567" s="21">
        <v>272977.71658249933</v>
      </c>
      <c r="D8567">
        <f t="shared" si="133"/>
        <v>17</v>
      </c>
    </row>
    <row r="8568" spans="1:4" x14ac:dyDescent="0.25">
      <c r="A8568" s="20">
        <v>43912.749999979234</v>
      </c>
      <c r="B8568" s="22">
        <v>1.5234082937240601</v>
      </c>
      <c r="C8568" s="21">
        <v>267997.17418967938</v>
      </c>
      <c r="D8568">
        <f t="shared" si="133"/>
        <v>18</v>
      </c>
    </row>
    <row r="8569" spans="1:4" x14ac:dyDescent="0.25">
      <c r="A8569" s="20">
        <v>43912.791666645899</v>
      </c>
      <c r="B8569" s="22">
        <v>1.4921799898147583</v>
      </c>
      <c r="C8569" s="21">
        <v>262503.50762838568</v>
      </c>
      <c r="D8569">
        <f t="shared" si="133"/>
        <v>19</v>
      </c>
    </row>
    <row r="8570" spans="1:4" x14ac:dyDescent="0.25">
      <c r="A8570" s="20">
        <v>43912.833333312563</v>
      </c>
      <c r="B8570" s="22">
        <v>1.791494607925415</v>
      </c>
      <c r="C8570" s="21">
        <v>315158.77554164326</v>
      </c>
      <c r="D8570">
        <f t="shared" si="133"/>
        <v>20</v>
      </c>
    </row>
    <row r="8571" spans="1:4" x14ac:dyDescent="0.25">
      <c r="A8571" s="20">
        <v>43912.874999979227</v>
      </c>
      <c r="B8571" s="22">
        <v>1.6375497579574585</v>
      </c>
      <c r="C8571" s="21">
        <v>288076.87967536051</v>
      </c>
      <c r="D8571">
        <f t="shared" si="133"/>
        <v>21</v>
      </c>
    </row>
    <row r="8572" spans="1:4" x14ac:dyDescent="0.25">
      <c r="A8572" s="20">
        <v>43912.916666645891</v>
      </c>
      <c r="B8572" s="22">
        <v>1.4687321186065674</v>
      </c>
      <c r="C8572" s="21">
        <v>258378.57063647971</v>
      </c>
      <c r="D8572">
        <f t="shared" si="133"/>
        <v>22</v>
      </c>
    </row>
    <row r="8573" spans="1:4" x14ac:dyDescent="0.25">
      <c r="A8573" s="20">
        <v>43912.958333312556</v>
      </c>
      <c r="B8573" s="22">
        <v>1.2619824409484863</v>
      </c>
      <c r="C8573" s="21">
        <v>222007.27765792838</v>
      </c>
      <c r="D8573">
        <f t="shared" si="133"/>
        <v>23</v>
      </c>
    </row>
    <row r="8574" spans="1:4" x14ac:dyDescent="0.25">
      <c r="A8574" s="20">
        <v>43912.99999997922</v>
      </c>
      <c r="B8574" s="22">
        <v>1.3285027742385864</v>
      </c>
      <c r="C8574" s="21">
        <v>233709.49919718667</v>
      </c>
      <c r="D8574">
        <f t="shared" si="133"/>
        <v>0</v>
      </c>
    </row>
    <row r="8575" spans="1:4" x14ac:dyDescent="0.25">
      <c r="A8575" s="20">
        <v>43913.041666645884</v>
      </c>
      <c r="B8575" s="22">
        <v>1.2121492624282837</v>
      </c>
      <c r="C8575" s="21">
        <v>213240.65148205485</v>
      </c>
      <c r="D8575">
        <f t="shared" si="133"/>
        <v>1</v>
      </c>
    </row>
    <row r="8576" spans="1:4" x14ac:dyDescent="0.25">
      <c r="A8576" s="20">
        <v>43913.083333312548</v>
      </c>
      <c r="B8576" s="22">
        <v>1.2336920499801636</v>
      </c>
      <c r="C8576" s="21">
        <v>217030.44717363466</v>
      </c>
      <c r="D8576">
        <f t="shared" si="133"/>
        <v>2</v>
      </c>
    </row>
    <row r="8577" spans="1:4" x14ac:dyDescent="0.25">
      <c r="A8577" s="20">
        <v>43913.124999979213</v>
      </c>
      <c r="B8577" s="22">
        <v>1.2239079475402832</v>
      </c>
      <c r="C8577" s="21">
        <v>215309.23309289708</v>
      </c>
      <c r="D8577">
        <f t="shared" si="133"/>
        <v>3</v>
      </c>
    </row>
    <row r="8578" spans="1:4" x14ac:dyDescent="0.25">
      <c r="A8578" s="20">
        <v>43913.166666645877</v>
      </c>
      <c r="B8578" s="22">
        <v>1.2393285036087036</v>
      </c>
      <c r="C8578" s="21">
        <v>218022.00908853489</v>
      </c>
      <c r="D8578">
        <f t="shared" si="133"/>
        <v>4</v>
      </c>
    </row>
    <row r="8579" spans="1:4" x14ac:dyDescent="0.25">
      <c r="A8579" s="20">
        <v>43913.208333312541</v>
      </c>
      <c r="B8579" s="22">
        <v>1.3517239093780518</v>
      </c>
      <c r="C8579" s="21">
        <v>237794.54890086161</v>
      </c>
      <c r="D8579">
        <f t="shared" si="133"/>
        <v>5</v>
      </c>
    </row>
    <row r="8580" spans="1:4" x14ac:dyDescent="0.25">
      <c r="A8580" s="20">
        <v>43913.249999979205</v>
      </c>
      <c r="B8580" s="22">
        <v>1.5461803674697876</v>
      </c>
      <c r="C8580" s="21">
        <v>272003.22525257285</v>
      </c>
      <c r="D8580">
        <f t="shared" si="133"/>
        <v>6</v>
      </c>
    </row>
    <row r="8581" spans="1:4" x14ac:dyDescent="0.25">
      <c r="A8581" s="20">
        <v>43913.29166664587</v>
      </c>
      <c r="B8581" s="22">
        <v>1.4947052001953125</v>
      </c>
      <c r="C8581" s="21">
        <v>262947.74129116075</v>
      </c>
      <c r="D8581">
        <f t="shared" si="133"/>
        <v>7</v>
      </c>
    </row>
    <row r="8582" spans="1:4" x14ac:dyDescent="0.25">
      <c r="A8582" s="20">
        <v>43913.333333312534</v>
      </c>
      <c r="B8582" s="22">
        <v>1.3623121976852417</v>
      </c>
      <c r="C8582" s="21">
        <v>239657.23493028828</v>
      </c>
      <c r="D8582">
        <f t="shared" si="133"/>
        <v>8</v>
      </c>
    </row>
    <row r="8583" spans="1:4" x14ac:dyDescent="0.25">
      <c r="A8583" s="20">
        <v>43913.374999979198</v>
      </c>
      <c r="B8583" s="22">
        <v>1.2488911151885986</v>
      </c>
      <c r="C8583" s="21">
        <v>219704.25861536435</v>
      </c>
      <c r="D8583">
        <f t="shared" ref="D8583:D8646" si="134">HOUR(A8583)</f>
        <v>9</v>
      </c>
    </row>
    <row r="8584" spans="1:4" x14ac:dyDescent="0.25">
      <c r="A8584" s="20">
        <v>43913.416666645862</v>
      </c>
      <c r="B8584" s="22">
        <v>1.3721354007720947</v>
      </c>
      <c r="C8584" s="21">
        <v>241385.32757597844</v>
      </c>
      <c r="D8584">
        <f t="shared" si="134"/>
        <v>10</v>
      </c>
    </row>
    <row r="8585" spans="1:4" x14ac:dyDescent="0.25">
      <c r="A8585" s="20">
        <v>43913.458333312527</v>
      </c>
      <c r="B8585" s="22">
        <v>1.4276732206344604</v>
      </c>
      <c r="C8585" s="21">
        <v>251155.51121294993</v>
      </c>
      <c r="D8585">
        <f t="shared" si="134"/>
        <v>11</v>
      </c>
    </row>
    <row r="8586" spans="1:4" x14ac:dyDescent="0.25">
      <c r="A8586" s="20">
        <v>43913.499999979191</v>
      </c>
      <c r="B8586" s="22">
        <v>1.3407840728759766</v>
      </c>
      <c r="C8586" s="21">
        <v>235870.01870056568</v>
      </c>
      <c r="D8586">
        <f t="shared" si="134"/>
        <v>12</v>
      </c>
    </row>
    <row r="8587" spans="1:4" x14ac:dyDescent="0.25">
      <c r="A8587" s="20">
        <v>43913.541666645855</v>
      </c>
      <c r="B8587" s="22">
        <v>1.2445594072341919</v>
      </c>
      <c r="C8587" s="21">
        <v>218942.22686328684</v>
      </c>
      <c r="D8587">
        <f t="shared" si="134"/>
        <v>13</v>
      </c>
    </row>
    <row r="8588" spans="1:4" x14ac:dyDescent="0.25">
      <c r="A8588" s="20">
        <v>43913.583333312519</v>
      </c>
      <c r="B8588" s="22">
        <v>1.1863868236541748</v>
      </c>
      <c r="C8588" s="21">
        <v>208708.53699893231</v>
      </c>
      <c r="D8588">
        <f t="shared" si="134"/>
        <v>14</v>
      </c>
    </row>
    <row r="8589" spans="1:4" x14ac:dyDescent="0.25">
      <c r="A8589" s="20">
        <v>43913.624999979183</v>
      </c>
      <c r="B8589" s="22">
        <v>1.3110183477401733</v>
      </c>
      <c r="C8589" s="21">
        <v>230633.64821672026</v>
      </c>
      <c r="D8589">
        <f t="shared" si="134"/>
        <v>15</v>
      </c>
    </row>
    <row r="8590" spans="1:4" x14ac:dyDescent="0.25">
      <c r="A8590" s="20">
        <v>43913.666666645848</v>
      </c>
      <c r="B8590" s="22">
        <v>1.3686091899871826</v>
      </c>
      <c r="C8590" s="21">
        <v>240764.99845617072</v>
      </c>
      <c r="D8590">
        <f t="shared" si="134"/>
        <v>16</v>
      </c>
    </row>
    <row r="8591" spans="1:4" x14ac:dyDescent="0.25">
      <c r="A8591" s="20">
        <v>43913.708333312512</v>
      </c>
      <c r="B8591" s="22">
        <v>1.4231884479522705</v>
      </c>
      <c r="C8591" s="21">
        <v>250366.55239563124</v>
      </c>
      <c r="D8591">
        <f t="shared" si="134"/>
        <v>17</v>
      </c>
    </row>
    <row r="8592" spans="1:4" x14ac:dyDescent="0.25">
      <c r="A8592" s="20">
        <v>43913.749999979176</v>
      </c>
      <c r="B8592" s="22">
        <v>1.5815109014511108</v>
      </c>
      <c r="C8592" s="21">
        <v>278218.55393931695</v>
      </c>
      <c r="D8592">
        <f t="shared" si="134"/>
        <v>18</v>
      </c>
    </row>
    <row r="8593" spans="1:4" x14ac:dyDescent="0.25">
      <c r="A8593" s="20">
        <v>43913.79166664584</v>
      </c>
      <c r="B8593" s="22">
        <v>1.5804078578948975</v>
      </c>
      <c r="C8593" s="21">
        <v>278024.5071054569</v>
      </c>
      <c r="D8593">
        <f t="shared" si="134"/>
        <v>19</v>
      </c>
    </row>
    <row r="8594" spans="1:4" x14ac:dyDescent="0.25">
      <c r="A8594" s="20">
        <v>43913.833333312505</v>
      </c>
      <c r="B8594" s="22">
        <v>1.6170581579208374</v>
      </c>
      <c r="C8594" s="21">
        <v>284472.00833058474</v>
      </c>
      <c r="D8594">
        <f t="shared" si="134"/>
        <v>20</v>
      </c>
    </row>
    <row r="8595" spans="1:4" x14ac:dyDescent="0.25">
      <c r="A8595" s="20">
        <v>43913.874999979169</v>
      </c>
      <c r="B8595" s="22">
        <v>1.4074950218200684</v>
      </c>
      <c r="C8595" s="21">
        <v>247605.77324396776</v>
      </c>
      <c r="D8595">
        <f t="shared" si="134"/>
        <v>21</v>
      </c>
    </row>
    <row r="8596" spans="1:4" x14ac:dyDescent="0.25">
      <c r="A8596" s="20">
        <v>43913.916666645833</v>
      </c>
      <c r="B8596" s="22">
        <v>1.4330340623855591</v>
      </c>
      <c r="C8596" s="21">
        <v>252098.58763342837</v>
      </c>
      <c r="D8596">
        <f t="shared" si="134"/>
        <v>22</v>
      </c>
    </row>
    <row r="8597" spans="1:4" x14ac:dyDescent="0.25">
      <c r="A8597" s="20">
        <v>43913.958333312497</v>
      </c>
      <c r="B8597" s="22">
        <v>1.2327548265457153</v>
      </c>
      <c r="C8597" s="21">
        <v>216865.57132711919</v>
      </c>
      <c r="D8597">
        <f t="shared" si="134"/>
        <v>23</v>
      </c>
    </row>
    <row r="8598" spans="1:4" x14ac:dyDescent="0.25">
      <c r="A8598" s="20">
        <v>43913.999999979162</v>
      </c>
      <c r="B8598" s="22">
        <v>1.2690377235412598</v>
      </c>
      <c r="C8598" s="21">
        <v>223248.43920717447</v>
      </c>
      <c r="D8598">
        <f t="shared" si="134"/>
        <v>0</v>
      </c>
    </row>
    <row r="8599" spans="1:4" x14ac:dyDescent="0.25">
      <c r="A8599" s="20">
        <v>43914.041666645826</v>
      </c>
      <c r="B8599" s="22">
        <v>1.2330902814865112</v>
      </c>
      <c r="C8599" s="21">
        <v>216924.58438131592</v>
      </c>
      <c r="D8599">
        <f t="shared" si="134"/>
        <v>1</v>
      </c>
    </row>
    <row r="8600" spans="1:4" x14ac:dyDescent="0.25">
      <c r="A8600" s="20">
        <v>43914.08333331249</v>
      </c>
      <c r="B8600" s="22">
        <v>1.2574282884597778</v>
      </c>
      <c r="C8600" s="21">
        <v>221206.11358206579</v>
      </c>
      <c r="D8600">
        <f t="shared" si="134"/>
        <v>2</v>
      </c>
    </row>
    <row r="8601" spans="1:4" x14ac:dyDescent="0.25">
      <c r="A8601" s="20">
        <v>43914.124999979154</v>
      </c>
      <c r="B8601" s="22">
        <v>1.3891966342926025</v>
      </c>
      <c r="C8601" s="21">
        <v>244386.73067357411</v>
      </c>
      <c r="D8601">
        <f t="shared" si="134"/>
        <v>3</v>
      </c>
    </row>
    <row r="8602" spans="1:4" x14ac:dyDescent="0.25">
      <c r="A8602" s="20">
        <v>43914.166666645819</v>
      </c>
      <c r="B8602" s="22">
        <v>1.4107785224914551</v>
      </c>
      <c r="C8602" s="21">
        <v>248183.40493010651</v>
      </c>
      <c r="D8602">
        <f t="shared" si="134"/>
        <v>4</v>
      </c>
    </row>
    <row r="8603" spans="1:4" x14ac:dyDescent="0.25">
      <c r="A8603" s="20">
        <v>43914.208333312483</v>
      </c>
      <c r="B8603" s="22">
        <v>1.5069750547409058</v>
      </c>
      <c r="C8603" s="21">
        <v>265106.24755601701</v>
      </c>
      <c r="D8603">
        <f t="shared" si="134"/>
        <v>5</v>
      </c>
    </row>
    <row r="8604" spans="1:4" x14ac:dyDescent="0.25">
      <c r="A8604" s="20">
        <v>43914.249999979147</v>
      </c>
      <c r="B8604" s="22">
        <v>1.7514405250549316</v>
      </c>
      <c r="C8604" s="21">
        <v>308112.48265465372</v>
      </c>
      <c r="D8604">
        <f t="shared" si="134"/>
        <v>6</v>
      </c>
    </row>
    <row r="8605" spans="1:4" x14ac:dyDescent="0.25">
      <c r="A8605" s="20">
        <v>43914.291666645811</v>
      </c>
      <c r="B8605" s="22">
        <v>1.7536630630493164</v>
      </c>
      <c r="C8605" s="21">
        <v>308503.47035275021</v>
      </c>
      <c r="D8605">
        <f t="shared" si="134"/>
        <v>7</v>
      </c>
    </row>
    <row r="8606" spans="1:4" x14ac:dyDescent="0.25">
      <c r="A8606" s="20">
        <v>43914.333333312476</v>
      </c>
      <c r="B8606" s="22">
        <v>1.799072265625</v>
      </c>
      <c r="C8606" s="21">
        <v>316491.83304095693</v>
      </c>
      <c r="D8606">
        <f t="shared" si="134"/>
        <v>8</v>
      </c>
    </row>
    <row r="8607" spans="1:4" x14ac:dyDescent="0.25">
      <c r="A8607" s="20">
        <v>43914.37499997914</v>
      </c>
      <c r="B8607" s="22">
        <v>1.6714568138122559</v>
      </c>
      <c r="C8607" s="21">
        <v>294041.79084960895</v>
      </c>
      <c r="D8607">
        <f t="shared" si="134"/>
        <v>9</v>
      </c>
    </row>
    <row r="8608" spans="1:4" x14ac:dyDescent="0.25">
      <c r="A8608" s="20">
        <v>43914.416666645804</v>
      </c>
      <c r="B8608" s="22">
        <v>1.4936268329620361</v>
      </c>
      <c r="C8608" s="21">
        <v>262758.03550286527</v>
      </c>
      <c r="D8608">
        <f t="shared" si="134"/>
        <v>10</v>
      </c>
    </row>
    <row r="8609" spans="1:4" x14ac:dyDescent="0.25">
      <c r="A8609" s="20">
        <v>43914.458333312468</v>
      </c>
      <c r="B8609" s="22">
        <v>1.607719898223877</v>
      </c>
      <c r="C8609" s="21">
        <v>282829.2266672941</v>
      </c>
      <c r="D8609">
        <f t="shared" si="134"/>
        <v>11</v>
      </c>
    </row>
    <row r="8610" spans="1:4" x14ac:dyDescent="0.25">
      <c r="A8610" s="20">
        <v>43914.499999979133</v>
      </c>
      <c r="B8610" s="22">
        <v>1.7095969915390015</v>
      </c>
      <c r="C8610" s="21">
        <v>300751.39056491113</v>
      </c>
      <c r="D8610">
        <f t="shared" si="134"/>
        <v>12</v>
      </c>
    </row>
    <row r="8611" spans="1:4" x14ac:dyDescent="0.25">
      <c r="A8611" s="20">
        <v>43914.541666645797</v>
      </c>
      <c r="B8611" s="22">
        <v>1.5044231414794922</v>
      </c>
      <c r="C8611" s="21">
        <v>264657.31633668899</v>
      </c>
      <c r="D8611">
        <f t="shared" si="134"/>
        <v>13</v>
      </c>
    </row>
    <row r="8612" spans="1:4" x14ac:dyDescent="0.25">
      <c r="A8612" s="20">
        <v>43914.583333312461</v>
      </c>
      <c r="B8612" s="22">
        <v>1.4491978883743286</v>
      </c>
      <c r="C8612" s="21">
        <v>254942.11927686879</v>
      </c>
      <c r="D8612">
        <f t="shared" si="134"/>
        <v>14</v>
      </c>
    </row>
    <row r="8613" spans="1:4" x14ac:dyDescent="0.25">
      <c r="A8613" s="20">
        <v>43914.624999979125</v>
      </c>
      <c r="B8613" s="22">
        <v>1.5398643016815186</v>
      </c>
      <c r="C8613" s="21">
        <v>270892.10632915254</v>
      </c>
      <c r="D8613">
        <f t="shared" si="134"/>
        <v>15</v>
      </c>
    </row>
    <row r="8614" spans="1:4" x14ac:dyDescent="0.25">
      <c r="A8614" s="20">
        <v>43914.66666664579</v>
      </c>
      <c r="B8614" s="22">
        <v>1.6233112812042236</v>
      </c>
      <c r="C8614" s="21">
        <v>285572.0544421302</v>
      </c>
      <c r="D8614">
        <f t="shared" si="134"/>
        <v>16</v>
      </c>
    </row>
    <row r="8615" spans="1:4" x14ac:dyDescent="0.25">
      <c r="A8615" s="20">
        <v>43914.708333312454</v>
      </c>
      <c r="B8615" s="22">
        <v>1.6895712614059448</v>
      </c>
      <c r="C8615" s="21">
        <v>297228.47480499709</v>
      </c>
      <c r="D8615">
        <f t="shared" si="134"/>
        <v>17</v>
      </c>
    </row>
    <row r="8616" spans="1:4" x14ac:dyDescent="0.25">
      <c r="A8616" s="20">
        <v>43914.749999979118</v>
      </c>
      <c r="B8616" s="22">
        <v>1.648821234703064</v>
      </c>
      <c r="C8616" s="21">
        <v>290059.75185034558</v>
      </c>
      <c r="D8616">
        <f t="shared" si="134"/>
        <v>18</v>
      </c>
    </row>
    <row r="8617" spans="1:4" x14ac:dyDescent="0.25">
      <c r="A8617" s="20">
        <v>43914.791666645782</v>
      </c>
      <c r="B8617" s="22">
        <v>1.6673946380615234</v>
      </c>
      <c r="C8617" s="21">
        <v>293327.17505898798</v>
      </c>
      <c r="D8617">
        <f t="shared" si="134"/>
        <v>19</v>
      </c>
    </row>
    <row r="8618" spans="1:4" x14ac:dyDescent="0.25">
      <c r="A8618" s="20">
        <v>43914.833333312446</v>
      </c>
      <c r="B8618" s="22">
        <v>1.493905782699585</v>
      </c>
      <c r="C8618" s="21">
        <v>262807.10819185612</v>
      </c>
      <c r="D8618">
        <f t="shared" si="134"/>
        <v>20</v>
      </c>
    </row>
    <row r="8619" spans="1:4" x14ac:dyDescent="0.25">
      <c r="A8619" s="20">
        <v>43914.874999979111</v>
      </c>
      <c r="B8619" s="22">
        <v>1.6103942394256592</v>
      </c>
      <c r="C8619" s="21">
        <v>283299.69534456817</v>
      </c>
      <c r="D8619">
        <f t="shared" si="134"/>
        <v>21</v>
      </c>
    </row>
    <row r="8620" spans="1:4" x14ac:dyDescent="0.25">
      <c r="A8620" s="20">
        <v>43914.916666645775</v>
      </c>
      <c r="B8620" s="22">
        <v>1.389681339263916</v>
      </c>
      <c r="C8620" s="21">
        <v>244471.9997135044</v>
      </c>
      <c r="D8620">
        <f t="shared" si="134"/>
        <v>22</v>
      </c>
    </row>
    <row r="8621" spans="1:4" x14ac:dyDescent="0.25">
      <c r="A8621" s="20">
        <v>43914.958333312439</v>
      </c>
      <c r="B8621" s="22">
        <v>1.2466336488723755</v>
      </c>
      <c r="C8621" s="21">
        <v>219307.12634552666</v>
      </c>
      <c r="D8621">
        <f t="shared" si="134"/>
        <v>23</v>
      </c>
    </row>
    <row r="8622" spans="1:4" x14ac:dyDescent="0.25">
      <c r="A8622" s="20">
        <v>43914.999999979103</v>
      </c>
      <c r="B8622" s="22">
        <v>1.3366836309432983</v>
      </c>
      <c r="C8622" s="21">
        <v>235148.67114363445</v>
      </c>
      <c r="D8622">
        <f t="shared" si="134"/>
        <v>0</v>
      </c>
    </row>
    <row r="8623" spans="1:4" x14ac:dyDescent="0.25">
      <c r="A8623" s="20">
        <v>43915.041666645768</v>
      </c>
      <c r="B8623" s="22">
        <v>1.2167350053787231</v>
      </c>
      <c r="C8623" s="21">
        <v>214047.37293508943</v>
      </c>
      <c r="D8623">
        <f t="shared" si="134"/>
        <v>1</v>
      </c>
    </row>
    <row r="8624" spans="1:4" x14ac:dyDescent="0.25">
      <c r="A8624" s="20">
        <v>43915.083333312432</v>
      </c>
      <c r="B8624" s="22">
        <v>1.1692256927490234</v>
      </c>
      <c r="C8624" s="21">
        <v>205689.56000673221</v>
      </c>
      <c r="D8624">
        <f t="shared" si="134"/>
        <v>2</v>
      </c>
    </row>
    <row r="8625" spans="1:4" x14ac:dyDescent="0.25">
      <c r="A8625" s="20">
        <v>43915.124999979096</v>
      </c>
      <c r="B8625" s="22">
        <v>1.1638456583023071</v>
      </c>
      <c r="C8625" s="21">
        <v>204743.1072174813</v>
      </c>
      <c r="D8625">
        <f t="shared" si="134"/>
        <v>3</v>
      </c>
    </row>
    <row r="8626" spans="1:4" x14ac:dyDescent="0.25">
      <c r="A8626" s="20">
        <v>43915.16666664576</v>
      </c>
      <c r="B8626" s="22">
        <v>1.1586779356002808</v>
      </c>
      <c r="C8626" s="21">
        <v>203834.00419707346</v>
      </c>
      <c r="D8626">
        <f t="shared" si="134"/>
        <v>4</v>
      </c>
    </row>
    <row r="8627" spans="1:4" x14ac:dyDescent="0.25">
      <c r="A8627" s="20">
        <v>43915.208333312425</v>
      </c>
      <c r="B8627" s="22">
        <v>1.1893593072891235</v>
      </c>
      <c r="C8627" s="21">
        <v>209231.4547339697</v>
      </c>
      <c r="D8627">
        <f t="shared" si="134"/>
        <v>5</v>
      </c>
    </row>
    <row r="8628" spans="1:4" x14ac:dyDescent="0.25">
      <c r="A8628" s="20">
        <v>43915.249999979089</v>
      </c>
      <c r="B8628" s="22">
        <v>1.5401482582092285</v>
      </c>
      <c r="C8628" s="21">
        <v>270942.0598099971</v>
      </c>
      <c r="D8628">
        <f t="shared" si="134"/>
        <v>6</v>
      </c>
    </row>
    <row r="8629" spans="1:4" x14ac:dyDescent="0.25">
      <c r="A8629" s="20">
        <v>43915.291666645753</v>
      </c>
      <c r="B8629" s="22">
        <v>1.4354493618011475</v>
      </c>
      <c r="C8629" s="21">
        <v>252523.48581789169</v>
      </c>
      <c r="D8629">
        <f t="shared" si="134"/>
        <v>7</v>
      </c>
    </row>
    <row r="8630" spans="1:4" x14ac:dyDescent="0.25">
      <c r="A8630" s="20">
        <v>43915.333333312417</v>
      </c>
      <c r="B8630" s="22">
        <v>1.3841370344161987</v>
      </c>
      <c r="C8630" s="21">
        <v>243496.64856295887</v>
      </c>
      <c r="D8630">
        <f t="shared" si="134"/>
        <v>8</v>
      </c>
    </row>
    <row r="8631" spans="1:4" x14ac:dyDescent="0.25">
      <c r="A8631" s="20">
        <v>43915.374999979082</v>
      </c>
      <c r="B8631" s="22">
        <v>1.5157250165939331</v>
      </c>
      <c r="C8631" s="21">
        <v>266645.53617650003</v>
      </c>
      <c r="D8631">
        <f t="shared" si="134"/>
        <v>9</v>
      </c>
    </row>
    <row r="8632" spans="1:4" x14ac:dyDescent="0.25">
      <c r="A8632" s="20">
        <v>43915.416666645746</v>
      </c>
      <c r="B8632" s="22">
        <v>1.6347665786743164</v>
      </c>
      <c r="C8632" s="21">
        <v>287587.26426088624</v>
      </c>
      <c r="D8632">
        <f t="shared" si="134"/>
        <v>10</v>
      </c>
    </row>
    <row r="8633" spans="1:4" x14ac:dyDescent="0.25">
      <c r="A8633" s="20">
        <v>43915.45833331241</v>
      </c>
      <c r="B8633" s="22">
        <v>1.5439735651016235</v>
      </c>
      <c r="C8633" s="21">
        <v>271615.005757445</v>
      </c>
      <c r="D8633">
        <f t="shared" si="134"/>
        <v>11</v>
      </c>
    </row>
    <row r="8634" spans="1:4" x14ac:dyDescent="0.25">
      <c r="A8634" s="20">
        <v>43915.499999979074</v>
      </c>
      <c r="B8634" s="22">
        <v>1.5087897777557373</v>
      </c>
      <c r="C8634" s="21">
        <v>265425.49266050762</v>
      </c>
      <c r="D8634">
        <f t="shared" si="134"/>
        <v>12</v>
      </c>
    </row>
    <row r="8635" spans="1:4" x14ac:dyDescent="0.25">
      <c r="A8635" s="20">
        <v>43915.541666645739</v>
      </c>
      <c r="B8635" s="22">
        <v>1.3379629850387573</v>
      </c>
      <c r="C8635" s="21">
        <v>235373.73443348487</v>
      </c>
      <c r="D8635">
        <f t="shared" si="134"/>
        <v>13</v>
      </c>
    </row>
    <row r="8636" spans="1:4" x14ac:dyDescent="0.25">
      <c r="A8636" s="20">
        <v>43915.583333312403</v>
      </c>
      <c r="B8636" s="22">
        <v>1.1963162422180176</v>
      </c>
      <c r="C8636" s="21">
        <v>210455.31501466129</v>
      </c>
      <c r="D8636">
        <f t="shared" si="134"/>
        <v>14</v>
      </c>
    </row>
    <row r="8637" spans="1:4" x14ac:dyDescent="0.25">
      <c r="A8637" s="20">
        <v>43915.624999979067</v>
      </c>
      <c r="B8637" s="22">
        <v>1.1166796684265137</v>
      </c>
      <c r="C8637" s="21">
        <v>196445.69144480518</v>
      </c>
      <c r="D8637">
        <f t="shared" si="134"/>
        <v>15</v>
      </c>
    </row>
    <row r="8638" spans="1:4" x14ac:dyDescent="0.25">
      <c r="A8638" s="20">
        <v>43915.666666645731</v>
      </c>
      <c r="B8638" s="22">
        <v>1.2863466739654541</v>
      </c>
      <c r="C8638" s="21">
        <v>226293.42053029279</v>
      </c>
      <c r="D8638">
        <f t="shared" si="134"/>
        <v>16</v>
      </c>
    </row>
    <row r="8639" spans="1:4" x14ac:dyDescent="0.25">
      <c r="A8639" s="20">
        <v>43915.708333312396</v>
      </c>
      <c r="B8639" s="22">
        <v>1.3082038164138794</v>
      </c>
      <c r="C8639" s="21">
        <v>230138.51736754307</v>
      </c>
      <c r="D8639">
        <f t="shared" si="134"/>
        <v>17</v>
      </c>
    </row>
    <row r="8640" spans="1:4" x14ac:dyDescent="0.25">
      <c r="A8640" s="20">
        <v>43915.74999997906</v>
      </c>
      <c r="B8640" s="22">
        <v>1.4018605947494507</v>
      </c>
      <c r="C8640" s="21">
        <v>246614.56784005597</v>
      </c>
      <c r="D8640">
        <f t="shared" si="134"/>
        <v>18</v>
      </c>
    </row>
    <row r="8641" spans="1:4" x14ac:dyDescent="0.25">
      <c r="A8641" s="20">
        <v>43915.791666645724</v>
      </c>
      <c r="B8641" s="22">
        <v>1.3159154653549194</v>
      </c>
      <c r="C8641" s="21">
        <v>231495.14653456004</v>
      </c>
      <c r="D8641">
        <f t="shared" si="134"/>
        <v>19</v>
      </c>
    </row>
    <row r="8642" spans="1:4" x14ac:dyDescent="0.25">
      <c r="A8642" s="20">
        <v>43915.833333312388</v>
      </c>
      <c r="B8642" s="22">
        <v>1.5940690040588379</v>
      </c>
      <c r="C8642" s="21">
        <v>280427.76864946383</v>
      </c>
      <c r="D8642">
        <f t="shared" si="134"/>
        <v>20</v>
      </c>
    </row>
    <row r="8643" spans="1:4" x14ac:dyDescent="0.25">
      <c r="A8643" s="20">
        <v>43915.874999979053</v>
      </c>
      <c r="B8643" s="22">
        <v>1.5151585340499878</v>
      </c>
      <c r="C8643" s="21">
        <v>266545.88086962618</v>
      </c>
      <c r="D8643">
        <f t="shared" si="134"/>
        <v>21</v>
      </c>
    </row>
    <row r="8644" spans="1:4" x14ac:dyDescent="0.25">
      <c r="A8644" s="20">
        <v>43915.916666645717</v>
      </c>
      <c r="B8644" s="22">
        <v>1.5586707592010498</v>
      </c>
      <c r="C8644" s="21">
        <v>274200.52830146038</v>
      </c>
      <c r="D8644">
        <f t="shared" si="134"/>
        <v>22</v>
      </c>
    </row>
    <row r="8645" spans="1:4" x14ac:dyDescent="0.25">
      <c r="A8645" s="20">
        <v>43915.958333312381</v>
      </c>
      <c r="B8645" s="22">
        <v>1.2520757913589478</v>
      </c>
      <c r="C8645" s="21">
        <v>220264.50514801012</v>
      </c>
      <c r="D8645">
        <f t="shared" si="134"/>
        <v>23</v>
      </c>
    </row>
    <row r="8646" spans="1:4" x14ac:dyDescent="0.25">
      <c r="A8646" s="20">
        <v>43915.999999979045</v>
      </c>
      <c r="B8646" s="22">
        <v>1.5375314950942993</v>
      </c>
      <c r="C8646" s="21">
        <v>270481.72023904038</v>
      </c>
      <c r="D8646">
        <f t="shared" si="134"/>
        <v>0</v>
      </c>
    </row>
    <row r="8647" spans="1:4" x14ac:dyDescent="0.25">
      <c r="A8647" s="20">
        <v>43916.041666645709</v>
      </c>
      <c r="B8647" s="22">
        <v>1.3967021703720093</v>
      </c>
      <c r="C8647" s="21">
        <v>245707.10057594778</v>
      </c>
      <c r="D8647">
        <f t="shared" ref="D8647:D8710" si="135">HOUR(A8647)</f>
        <v>1</v>
      </c>
    </row>
    <row r="8648" spans="1:4" x14ac:dyDescent="0.25">
      <c r="A8648" s="20">
        <v>43916.083333312374</v>
      </c>
      <c r="B8648" s="22">
        <v>1.479289174079895</v>
      </c>
      <c r="C8648" s="21">
        <v>260235.76220243817</v>
      </c>
      <c r="D8648">
        <f t="shared" si="135"/>
        <v>2</v>
      </c>
    </row>
    <row r="8649" spans="1:4" x14ac:dyDescent="0.25">
      <c r="A8649" s="20">
        <v>43916.124999979038</v>
      </c>
      <c r="B8649" s="22">
        <v>1.4756649732589722</v>
      </c>
      <c r="C8649" s="21">
        <v>259598.19472777983</v>
      </c>
      <c r="D8649">
        <f t="shared" si="135"/>
        <v>3</v>
      </c>
    </row>
    <row r="8650" spans="1:4" x14ac:dyDescent="0.25">
      <c r="A8650" s="20">
        <v>43916.166666645702</v>
      </c>
      <c r="B8650" s="22">
        <v>1.6796872615814209</v>
      </c>
      <c r="C8650" s="21">
        <v>295489.68682965502</v>
      </c>
      <c r="D8650">
        <f t="shared" si="135"/>
        <v>4</v>
      </c>
    </row>
    <row r="8651" spans="1:4" x14ac:dyDescent="0.25">
      <c r="A8651" s="20">
        <v>43916.208333312366</v>
      </c>
      <c r="B8651" s="22">
        <v>1.7183551788330078</v>
      </c>
      <c r="C8651" s="21">
        <v>302292.12620058231</v>
      </c>
      <c r="D8651">
        <f t="shared" si="135"/>
        <v>5</v>
      </c>
    </row>
    <row r="8652" spans="1:4" x14ac:dyDescent="0.25">
      <c r="A8652" s="20">
        <v>43916.249999979031</v>
      </c>
      <c r="B8652" s="22">
        <v>2.0971484184265137</v>
      </c>
      <c r="C8652" s="21">
        <v>368929.23079783586</v>
      </c>
      <c r="D8652">
        <f t="shared" si="135"/>
        <v>6</v>
      </c>
    </row>
    <row r="8653" spans="1:4" x14ac:dyDescent="0.25">
      <c r="A8653" s="20">
        <v>43916.291666645695</v>
      </c>
      <c r="B8653" s="22">
        <v>2.0876312255859375</v>
      </c>
      <c r="C8653" s="21">
        <v>367254.97131139331</v>
      </c>
      <c r="D8653">
        <f t="shared" si="135"/>
        <v>7</v>
      </c>
    </row>
    <row r="8654" spans="1:4" x14ac:dyDescent="0.25">
      <c r="A8654" s="20">
        <v>43916.333333312359</v>
      </c>
      <c r="B8654" s="22">
        <v>1.8154438734054565</v>
      </c>
      <c r="C8654" s="21">
        <v>319371.91754632513</v>
      </c>
      <c r="D8654">
        <f t="shared" si="135"/>
        <v>8</v>
      </c>
    </row>
    <row r="8655" spans="1:4" x14ac:dyDescent="0.25">
      <c r="A8655" s="20">
        <v>43916.374999979023</v>
      </c>
      <c r="B8655" s="22">
        <v>1.6526991128921509</v>
      </c>
      <c r="C8655" s="21">
        <v>290741.9461122572</v>
      </c>
      <c r="D8655">
        <f t="shared" si="135"/>
        <v>9</v>
      </c>
    </row>
    <row r="8656" spans="1:4" x14ac:dyDescent="0.25">
      <c r="A8656" s="20">
        <v>43916.416666645688</v>
      </c>
      <c r="B8656" s="22">
        <v>1.5433717966079712</v>
      </c>
      <c r="C8656" s="21">
        <v>271509.14296512626</v>
      </c>
      <c r="D8656">
        <f t="shared" si="135"/>
        <v>10</v>
      </c>
    </row>
    <row r="8657" spans="1:4" x14ac:dyDescent="0.25">
      <c r="A8657" s="20">
        <v>43916.458333312352</v>
      </c>
      <c r="B8657" s="22">
        <v>1.2210729122161865</v>
      </c>
      <c r="C8657" s="21">
        <v>214810.49519136676</v>
      </c>
      <c r="D8657">
        <f t="shared" si="135"/>
        <v>11</v>
      </c>
    </row>
    <row r="8658" spans="1:4" x14ac:dyDescent="0.25">
      <c r="A8658" s="20">
        <v>43916.499999979016</v>
      </c>
      <c r="B8658" s="22">
        <v>1.2119489908218384</v>
      </c>
      <c r="C8658" s="21">
        <v>213205.41980790757</v>
      </c>
      <c r="D8658">
        <f t="shared" si="135"/>
        <v>12</v>
      </c>
    </row>
    <row r="8659" spans="1:4" x14ac:dyDescent="0.25">
      <c r="A8659" s="20">
        <v>43916.54166664568</v>
      </c>
      <c r="B8659" s="22">
        <v>1.0434811115264893</v>
      </c>
      <c r="C8659" s="21">
        <v>183568.64037137685</v>
      </c>
      <c r="D8659">
        <f t="shared" si="135"/>
        <v>13</v>
      </c>
    </row>
    <row r="8660" spans="1:4" x14ac:dyDescent="0.25">
      <c r="A8660" s="20">
        <v>43916.583333312345</v>
      </c>
      <c r="B8660" s="22">
        <v>1.1507420539855957</v>
      </c>
      <c r="C8660" s="21">
        <v>202437.92813775231</v>
      </c>
      <c r="D8660">
        <f t="shared" si="135"/>
        <v>14</v>
      </c>
    </row>
    <row r="8661" spans="1:4" x14ac:dyDescent="0.25">
      <c r="A8661" s="20">
        <v>43916.624999979009</v>
      </c>
      <c r="B8661" s="22">
        <v>1.2550505399703979</v>
      </c>
      <c r="C8661" s="21">
        <v>220787.82133650515</v>
      </c>
      <c r="D8661">
        <f t="shared" si="135"/>
        <v>15</v>
      </c>
    </row>
    <row r="8662" spans="1:4" x14ac:dyDescent="0.25">
      <c r="A8662" s="20">
        <v>43916.666666645673</v>
      </c>
      <c r="B8662" s="22">
        <v>1.2875585556030273</v>
      </c>
      <c r="C8662" s="21">
        <v>226506.61410135313</v>
      </c>
      <c r="D8662">
        <f t="shared" si="135"/>
        <v>16</v>
      </c>
    </row>
    <row r="8663" spans="1:4" x14ac:dyDescent="0.25">
      <c r="A8663" s="20">
        <v>43916.708333312337</v>
      </c>
      <c r="B8663" s="22">
        <v>1.2270593643188477</v>
      </c>
      <c r="C8663" s="21">
        <v>215863.6286510863</v>
      </c>
      <c r="D8663">
        <f t="shared" si="135"/>
        <v>17</v>
      </c>
    </row>
    <row r="8664" spans="1:4" x14ac:dyDescent="0.25">
      <c r="A8664" s="20">
        <v>43916.749999979002</v>
      </c>
      <c r="B8664" s="22">
        <v>1.1920008659362793</v>
      </c>
      <c r="C8664" s="21">
        <v>209696.15632172558</v>
      </c>
      <c r="D8664">
        <f t="shared" si="135"/>
        <v>18</v>
      </c>
    </row>
    <row r="8665" spans="1:4" x14ac:dyDescent="0.25">
      <c r="A8665" s="20">
        <v>43916.791666645666</v>
      </c>
      <c r="B8665" s="22">
        <v>1.3096115589141846</v>
      </c>
      <c r="C8665" s="21">
        <v>230386.16667707014</v>
      </c>
      <c r="D8665">
        <f t="shared" si="135"/>
        <v>19</v>
      </c>
    </row>
    <row r="8666" spans="1:4" x14ac:dyDescent="0.25">
      <c r="A8666" s="20">
        <v>43916.83333331233</v>
      </c>
      <c r="B8666" s="22">
        <v>1.4135898351669312</v>
      </c>
      <c r="C8666" s="21">
        <v>248677.96955594912</v>
      </c>
      <c r="D8666">
        <f t="shared" si="135"/>
        <v>20</v>
      </c>
    </row>
    <row r="8667" spans="1:4" x14ac:dyDescent="0.25">
      <c r="A8667" s="20">
        <v>43916.874999978994</v>
      </c>
      <c r="B8667" s="22">
        <v>1.3630812168121338</v>
      </c>
      <c r="C8667" s="21">
        <v>239792.52036476697</v>
      </c>
      <c r="D8667">
        <f t="shared" si="135"/>
        <v>21</v>
      </c>
    </row>
    <row r="8668" spans="1:4" x14ac:dyDescent="0.25">
      <c r="A8668" s="20">
        <v>43916.916666645659</v>
      </c>
      <c r="B8668" s="22">
        <v>1.1431481838226318</v>
      </c>
      <c r="C8668" s="21">
        <v>201102.0185505315</v>
      </c>
      <c r="D8668">
        <f t="shared" si="135"/>
        <v>22</v>
      </c>
    </row>
    <row r="8669" spans="1:4" x14ac:dyDescent="0.25">
      <c r="A8669" s="20">
        <v>43916.958333312323</v>
      </c>
      <c r="B8669" s="22">
        <v>0.9201587438583374</v>
      </c>
      <c r="C8669" s="21">
        <v>161873.83525209222</v>
      </c>
      <c r="D8669">
        <f t="shared" si="135"/>
        <v>23</v>
      </c>
    </row>
    <row r="8670" spans="1:4" x14ac:dyDescent="0.25">
      <c r="A8670" s="20">
        <v>43916.999999978987</v>
      </c>
      <c r="B8670" s="22">
        <v>0.78585201501846313</v>
      </c>
      <c r="C8670" s="21">
        <v>138246.6671763843</v>
      </c>
      <c r="D8670">
        <f t="shared" si="135"/>
        <v>0</v>
      </c>
    </row>
    <row r="8671" spans="1:4" x14ac:dyDescent="0.25">
      <c r="A8671" s="20">
        <v>43917.041666645651</v>
      </c>
      <c r="B8671" s="22">
        <v>0.76446741819381714</v>
      </c>
      <c r="C8671" s="21">
        <v>134484.70031313392</v>
      </c>
      <c r="D8671">
        <f t="shared" si="135"/>
        <v>1</v>
      </c>
    </row>
    <row r="8672" spans="1:4" x14ac:dyDescent="0.25">
      <c r="A8672" s="20">
        <v>43917.083333312316</v>
      </c>
      <c r="B8672" s="22">
        <v>0.73237901926040649</v>
      </c>
      <c r="C8672" s="21">
        <v>128839.72629411833</v>
      </c>
      <c r="D8672">
        <f t="shared" si="135"/>
        <v>2</v>
      </c>
    </row>
    <row r="8673" spans="1:4" x14ac:dyDescent="0.25">
      <c r="A8673" s="20">
        <v>43917.12499997898</v>
      </c>
      <c r="B8673" s="22">
        <v>0.72917228937149048</v>
      </c>
      <c r="C8673" s="21">
        <v>128275.60008306941</v>
      </c>
      <c r="D8673">
        <f t="shared" si="135"/>
        <v>3</v>
      </c>
    </row>
    <row r="8674" spans="1:4" x14ac:dyDescent="0.25">
      <c r="A8674" s="20">
        <v>43917.166666645644</v>
      </c>
      <c r="B8674" s="22">
        <v>0.70216315984725952</v>
      </c>
      <c r="C8674" s="21">
        <v>123524.16842837994</v>
      </c>
      <c r="D8674">
        <f t="shared" si="135"/>
        <v>4</v>
      </c>
    </row>
    <row r="8675" spans="1:4" x14ac:dyDescent="0.25">
      <c r="A8675" s="20">
        <v>43917.208333312308</v>
      </c>
      <c r="B8675" s="22">
        <v>0.79368501901626587</v>
      </c>
      <c r="C8675" s="21">
        <v>139624.64506023572</v>
      </c>
      <c r="D8675">
        <f t="shared" si="135"/>
        <v>5</v>
      </c>
    </row>
    <row r="8676" spans="1:4" x14ac:dyDescent="0.25">
      <c r="A8676" s="20">
        <v>43917.249999978972</v>
      </c>
      <c r="B8676" s="22">
        <v>0.99831944704055786</v>
      </c>
      <c r="C8676" s="21">
        <v>175623.82445184092</v>
      </c>
      <c r="D8676">
        <f t="shared" si="135"/>
        <v>6</v>
      </c>
    </row>
    <row r="8677" spans="1:4" x14ac:dyDescent="0.25">
      <c r="A8677" s="20">
        <v>43917.291666645637</v>
      </c>
      <c r="B8677" s="22">
        <v>0.95928657054901123</v>
      </c>
      <c r="C8677" s="21">
        <v>168757.1816461506</v>
      </c>
      <c r="D8677">
        <f t="shared" si="135"/>
        <v>7</v>
      </c>
    </row>
    <row r="8678" spans="1:4" x14ac:dyDescent="0.25">
      <c r="A8678" s="20">
        <v>43917.333333312301</v>
      </c>
      <c r="B8678" s="22">
        <v>1.0510905981063843</v>
      </c>
      <c r="C8678" s="21">
        <v>184907.29719033174</v>
      </c>
      <c r="D8678">
        <f t="shared" si="135"/>
        <v>8</v>
      </c>
    </row>
    <row r="8679" spans="1:4" x14ac:dyDescent="0.25">
      <c r="A8679" s="20">
        <v>43917.374999978965</v>
      </c>
      <c r="B8679" s="22">
        <v>1.1696876287460327</v>
      </c>
      <c r="C8679" s="21">
        <v>205770.82354085171</v>
      </c>
      <c r="D8679">
        <f t="shared" si="135"/>
        <v>9</v>
      </c>
    </row>
    <row r="8680" spans="1:4" x14ac:dyDescent="0.25">
      <c r="A8680" s="20">
        <v>43917.416666645629</v>
      </c>
      <c r="B8680" s="22">
        <v>0.98878777027130127</v>
      </c>
      <c r="C8680" s="21">
        <v>173947.01696039311</v>
      </c>
      <c r="D8680">
        <f t="shared" si="135"/>
        <v>10</v>
      </c>
    </row>
    <row r="8681" spans="1:4" x14ac:dyDescent="0.25">
      <c r="A8681" s="20">
        <v>43917.458333312294</v>
      </c>
      <c r="B8681" s="22">
        <v>1.1050173044204712</v>
      </c>
      <c r="C8681" s="21">
        <v>194394.05459152901</v>
      </c>
      <c r="D8681">
        <f t="shared" si="135"/>
        <v>11</v>
      </c>
    </row>
    <row r="8682" spans="1:4" x14ac:dyDescent="0.25">
      <c r="A8682" s="20">
        <v>43917.499999978958</v>
      </c>
      <c r="B8682" s="22">
        <v>1.1323541402816772</v>
      </c>
      <c r="C8682" s="21">
        <v>199203.13617016544</v>
      </c>
      <c r="D8682">
        <f t="shared" si="135"/>
        <v>12</v>
      </c>
    </row>
    <row r="8683" spans="1:4" x14ac:dyDescent="0.25">
      <c r="A8683" s="20">
        <v>43917.541666645622</v>
      </c>
      <c r="B8683" s="22">
        <v>1.0070223808288574</v>
      </c>
      <c r="C8683" s="21">
        <v>177154.83992026965</v>
      </c>
      <c r="D8683">
        <f t="shared" si="135"/>
        <v>13</v>
      </c>
    </row>
    <row r="8684" spans="1:4" x14ac:dyDescent="0.25">
      <c r="A8684" s="20">
        <v>43917.583333312286</v>
      </c>
      <c r="B8684" s="22">
        <v>1.1039397716522217</v>
      </c>
      <c r="C8684" s="21">
        <v>194204.49560187579</v>
      </c>
      <c r="D8684">
        <f t="shared" si="135"/>
        <v>14</v>
      </c>
    </row>
    <row r="8685" spans="1:4" x14ac:dyDescent="0.25">
      <c r="A8685" s="20">
        <v>43917.624999978951</v>
      </c>
      <c r="B8685" s="22">
        <v>1.2893664836883545</v>
      </c>
      <c r="C8685" s="21">
        <v>226824.66384547093</v>
      </c>
      <c r="D8685">
        <f t="shared" si="135"/>
        <v>15</v>
      </c>
    </row>
    <row r="8686" spans="1:4" x14ac:dyDescent="0.25">
      <c r="A8686" s="20">
        <v>43917.666666645615</v>
      </c>
      <c r="B8686" s="22">
        <v>1.3793264627456665</v>
      </c>
      <c r="C8686" s="21">
        <v>242650.37536144702</v>
      </c>
      <c r="D8686">
        <f t="shared" si="135"/>
        <v>16</v>
      </c>
    </row>
    <row r="8687" spans="1:4" x14ac:dyDescent="0.25">
      <c r="A8687" s="20">
        <v>43917.708333312279</v>
      </c>
      <c r="B8687" s="22">
        <v>1.3856981992721558</v>
      </c>
      <c r="C8687" s="21">
        <v>243771.28785143088</v>
      </c>
      <c r="D8687">
        <f t="shared" si="135"/>
        <v>17</v>
      </c>
    </row>
    <row r="8688" spans="1:4" x14ac:dyDescent="0.25">
      <c r="A8688" s="20">
        <v>43917.749999978943</v>
      </c>
      <c r="B8688" s="22">
        <v>1.4806287288665771</v>
      </c>
      <c r="C8688" s="21">
        <v>260471.41596576743</v>
      </c>
      <c r="D8688">
        <f t="shared" si="135"/>
        <v>18</v>
      </c>
    </row>
    <row r="8689" spans="1:4" x14ac:dyDescent="0.25">
      <c r="A8689" s="20">
        <v>43917.791666645608</v>
      </c>
      <c r="B8689" s="22">
        <v>1.4375952482223511</v>
      </c>
      <c r="C8689" s="21">
        <v>252900.98901213301</v>
      </c>
      <c r="D8689">
        <f t="shared" si="135"/>
        <v>19</v>
      </c>
    </row>
    <row r="8690" spans="1:4" x14ac:dyDescent="0.25">
      <c r="A8690" s="20">
        <v>43917.833333312272</v>
      </c>
      <c r="B8690" s="22">
        <v>1.627687931060791</v>
      </c>
      <c r="C8690" s="21">
        <v>286341.99234965624</v>
      </c>
      <c r="D8690">
        <f t="shared" si="135"/>
        <v>20</v>
      </c>
    </row>
    <row r="8691" spans="1:4" x14ac:dyDescent="0.25">
      <c r="A8691" s="20">
        <v>43917.874999978936</v>
      </c>
      <c r="B8691" s="22">
        <v>1.4215315580368042</v>
      </c>
      <c r="C8691" s="21">
        <v>250075.07320576624</v>
      </c>
      <c r="D8691">
        <f t="shared" si="135"/>
        <v>21</v>
      </c>
    </row>
    <row r="8692" spans="1:4" x14ac:dyDescent="0.25">
      <c r="A8692" s="20">
        <v>43917.9166666456</v>
      </c>
      <c r="B8692" s="22">
        <v>1.2478519678115845</v>
      </c>
      <c r="C8692" s="21">
        <v>219521.45236325604</v>
      </c>
      <c r="D8692">
        <f t="shared" si="135"/>
        <v>22</v>
      </c>
    </row>
    <row r="8693" spans="1:4" x14ac:dyDescent="0.25">
      <c r="A8693" s="20">
        <v>43917.958333312265</v>
      </c>
      <c r="B8693" s="22">
        <v>1.0513700246810913</v>
      </c>
      <c r="C8693" s="21">
        <v>184956.45376426107</v>
      </c>
      <c r="D8693">
        <f t="shared" si="135"/>
        <v>23</v>
      </c>
    </row>
    <row r="8694" spans="1:4" x14ac:dyDescent="0.25">
      <c r="A8694" s="20">
        <v>43917.999999978929</v>
      </c>
      <c r="B8694" s="22">
        <v>0.99301028251647949</v>
      </c>
      <c r="C8694" s="21">
        <v>174689.83906156651</v>
      </c>
      <c r="D8694">
        <f t="shared" si="135"/>
        <v>0</v>
      </c>
    </row>
    <row r="8695" spans="1:4" x14ac:dyDescent="0.25">
      <c r="A8695" s="20">
        <v>43918.041666645593</v>
      </c>
      <c r="B8695" s="22">
        <v>0.82110130786895752</v>
      </c>
      <c r="C8695" s="21">
        <v>144447.70396674069</v>
      </c>
      <c r="D8695">
        <f t="shared" si="135"/>
        <v>1</v>
      </c>
    </row>
    <row r="8696" spans="1:4" x14ac:dyDescent="0.25">
      <c r="A8696" s="20">
        <v>43918.083333312257</v>
      </c>
      <c r="B8696" s="22">
        <v>1.0090051889419556</v>
      </c>
      <c r="C8696" s="21">
        <v>177503.65446556246</v>
      </c>
      <c r="D8696">
        <f t="shared" si="135"/>
        <v>2</v>
      </c>
    </row>
    <row r="8697" spans="1:4" x14ac:dyDescent="0.25">
      <c r="A8697" s="20">
        <v>43918.124999978922</v>
      </c>
      <c r="B8697" s="22">
        <v>0.73892992734909058</v>
      </c>
      <c r="C8697" s="21">
        <v>129992.15854972324</v>
      </c>
      <c r="D8697">
        <f t="shared" si="135"/>
        <v>3</v>
      </c>
    </row>
    <row r="8698" spans="1:4" x14ac:dyDescent="0.25">
      <c r="A8698" s="20">
        <v>43918.166666645586</v>
      </c>
      <c r="B8698" s="22">
        <v>0.72565138339996338</v>
      </c>
      <c r="C8698" s="21">
        <v>127656.20418320189</v>
      </c>
      <c r="D8698">
        <f t="shared" si="135"/>
        <v>4</v>
      </c>
    </row>
    <row r="8699" spans="1:4" x14ac:dyDescent="0.25">
      <c r="A8699" s="20">
        <v>43918.20833331225</v>
      </c>
      <c r="B8699" s="22">
        <v>0.70510047674179077</v>
      </c>
      <c r="C8699" s="21">
        <v>124040.89964920691</v>
      </c>
      <c r="D8699">
        <f t="shared" si="135"/>
        <v>5</v>
      </c>
    </row>
    <row r="8700" spans="1:4" x14ac:dyDescent="0.25">
      <c r="A8700" s="20">
        <v>43918.249999978914</v>
      </c>
      <c r="B8700" s="22">
        <v>0.68820255994796753</v>
      </c>
      <c r="C8700" s="21">
        <v>121068.22714302898</v>
      </c>
      <c r="D8700">
        <f t="shared" si="135"/>
        <v>6</v>
      </c>
    </row>
    <row r="8701" spans="1:4" x14ac:dyDescent="0.25">
      <c r="A8701" s="20">
        <v>43918.291666645579</v>
      </c>
      <c r="B8701" s="22">
        <v>0.76901894807815552</v>
      </c>
      <c r="C8701" s="21">
        <v>135285.40302183499</v>
      </c>
      <c r="D8701">
        <f t="shared" si="135"/>
        <v>7</v>
      </c>
    </row>
    <row r="8702" spans="1:4" x14ac:dyDescent="0.25">
      <c r="A8702" s="20">
        <v>43918.333333312243</v>
      </c>
      <c r="B8702" s="22">
        <v>1.0682024955749512</v>
      </c>
      <c r="C8702" s="21">
        <v>187917.61306263728</v>
      </c>
      <c r="D8702">
        <f t="shared" si="135"/>
        <v>8</v>
      </c>
    </row>
    <row r="8703" spans="1:4" x14ac:dyDescent="0.25">
      <c r="A8703" s="20">
        <v>43918.374999978907</v>
      </c>
      <c r="B8703" s="22">
        <v>1.1691079139709473</v>
      </c>
      <c r="C8703" s="21">
        <v>205668.84042693611</v>
      </c>
      <c r="D8703">
        <f t="shared" si="135"/>
        <v>9</v>
      </c>
    </row>
    <row r="8704" spans="1:4" x14ac:dyDescent="0.25">
      <c r="A8704" s="20">
        <v>43918.416666645571</v>
      </c>
      <c r="B8704" s="22">
        <v>1.3077114820480347</v>
      </c>
      <c r="C8704" s="21">
        <v>230051.90616859766</v>
      </c>
      <c r="D8704">
        <f t="shared" si="135"/>
        <v>10</v>
      </c>
    </row>
    <row r="8705" spans="1:4" x14ac:dyDescent="0.25">
      <c r="A8705" s="20">
        <v>43918.458333312235</v>
      </c>
      <c r="B8705" s="22">
        <v>1.5112245082855225</v>
      </c>
      <c r="C8705" s="21">
        <v>265853.80915621261</v>
      </c>
      <c r="D8705">
        <f t="shared" si="135"/>
        <v>11</v>
      </c>
    </row>
    <row r="8706" spans="1:4" x14ac:dyDescent="0.25">
      <c r="A8706" s="20">
        <v>43918.4999999789</v>
      </c>
      <c r="B8706" s="22">
        <v>1.4952799081802368</v>
      </c>
      <c r="C8706" s="21">
        <v>263048.84361322271</v>
      </c>
      <c r="D8706">
        <f t="shared" si="135"/>
        <v>12</v>
      </c>
    </row>
    <row r="8707" spans="1:4" x14ac:dyDescent="0.25">
      <c r="A8707" s="20">
        <v>43918.541666645564</v>
      </c>
      <c r="B8707" s="22">
        <v>1.6298284530639648</v>
      </c>
      <c r="C8707" s="21">
        <v>286718.55183834006</v>
      </c>
      <c r="D8707">
        <f t="shared" si="135"/>
        <v>13</v>
      </c>
    </row>
    <row r="8708" spans="1:4" x14ac:dyDescent="0.25">
      <c r="A8708" s="20">
        <v>43918.583333312228</v>
      </c>
      <c r="B8708" s="22">
        <v>1.6382261514663696</v>
      </c>
      <c r="C8708" s="21">
        <v>288195.87046054611</v>
      </c>
      <c r="D8708">
        <f t="shared" si="135"/>
        <v>14</v>
      </c>
    </row>
    <row r="8709" spans="1:4" x14ac:dyDescent="0.25">
      <c r="A8709" s="20">
        <v>43918.624999978892</v>
      </c>
      <c r="B8709" s="22">
        <v>1.9473123550415039</v>
      </c>
      <c r="C8709" s="21">
        <v>342570.15047490713</v>
      </c>
      <c r="D8709">
        <f t="shared" si="135"/>
        <v>15</v>
      </c>
    </row>
    <row r="8710" spans="1:4" x14ac:dyDescent="0.25">
      <c r="A8710" s="20">
        <v>43918.666666645557</v>
      </c>
      <c r="B8710" s="22">
        <v>1.8583714962005615</v>
      </c>
      <c r="C8710" s="21">
        <v>326923.72204362461</v>
      </c>
      <c r="D8710">
        <f t="shared" si="135"/>
        <v>16</v>
      </c>
    </row>
    <row r="8711" spans="1:4" x14ac:dyDescent="0.25">
      <c r="A8711" s="20">
        <v>43918.708333312221</v>
      </c>
      <c r="B8711" s="22">
        <v>1.8816606998443604</v>
      </c>
      <c r="C8711" s="21">
        <v>331020.74632226268</v>
      </c>
      <c r="D8711">
        <f t="shared" ref="D8711:D8774" si="136">HOUR(A8711)</f>
        <v>17</v>
      </c>
    </row>
    <row r="8712" spans="1:4" x14ac:dyDescent="0.25">
      <c r="A8712" s="20">
        <v>43918.749999978885</v>
      </c>
      <c r="B8712" s="22">
        <v>1.8277605772018433</v>
      </c>
      <c r="C8712" s="21">
        <v>321538.6655063837</v>
      </c>
      <c r="D8712">
        <f t="shared" si="136"/>
        <v>18</v>
      </c>
    </row>
    <row r="8713" spans="1:4" x14ac:dyDescent="0.25">
      <c r="A8713" s="20">
        <v>43918.791666645549</v>
      </c>
      <c r="B8713" s="22">
        <v>1.8189176321029663</v>
      </c>
      <c r="C8713" s="21">
        <v>319983.01932290383</v>
      </c>
      <c r="D8713">
        <f t="shared" si="136"/>
        <v>19</v>
      </c>
    </row>
    <row r="8714" spans="1:4" x14ac:dyDescent="0.25">
      <c r="A8714" s="20">
        <v>43918.833333312214</v>
      </c>
      <c r="B8714" s="22">
        <v>1.7114906311035156</v>
      </c>
      <c r="C8714" s="21">
        <v>301084.51862671453</v>
      </c>
      <c r="D8714">
        <f t="shared" si="136"/>
        <v>20</v>
      </c>
    </row>
    <row r="8715" spans="1:4" x14ac:dyDescent="0.25">
      <c r="A8715" s="20">
        <v>43918.874999978878</v>
      </c>
      <c r="B8715" s="22">
        <v>1.745476245880127</v>
      </c>
      <c r="C8715" s="21">
        <v>307063.24984457192</v>
      </c>
      <c r="D8715">
        <f t="shared" si="136"/>
        <v>21</v>
      </c>
    </row>
    <row r="8716" spans="1:4" x14ac:dyDescent="0.25">
      <c r="A8716" s="20">
        <v>43918.916666645542</v>
      </c>
      <c r="B8716" s="22">
        <v>1.5353168249130249</v>
      </c>
      <c r="C8716" s="21">
        <v>270092.11664242827</v>
      </c>
      <c r="D8716">
        <f t="shared" si="136"/>
        <v>22</v>
      </c>
    </row>
    <row r="8717" spans="1:4" x14ac:dyDescent="0.25">
      <c r="A8717" s="20">
        <v>43918.958333312206</v>
      </c>
      <c r="B8717" s="22">
        <v>1.1361826658248901</v>
      </c>
      <c r="C8717" s="21">
        <v>199876.64834094787</v>
      </c>
      <c r="D8717">
        <f t="shared" si="136"/>
        <v>23</v>
      </c>
    </row>
    <row r="8718" spans="1:4" x14ac:dyDescent="0.25">
      <c r="A8718" s="20">
        <v>43918.999999978871</v>
      </c>
      <c r="B8718" s="22">
        <v>1.0804456472396851</v>
      </c>
      <c r="C8718" s="21">
        <v>190071.42177094059</v>
      </c>
      <c r="D8718">
        <f t="shared" si="136"/>
        <v>0</v>
      </c>
    </row>
    <row r="8719" spans="1:4" x14ac:dyDescent="0.25">
      <c r="A8719" s="20">
        <v>43919.041666645535</v>
      </c>
      <c r="B8719" s="22">
        <v>0.88685482740402222</v>
      </c>
      <c r="C8719" s="21">
        <v>156015.02803936065</v>
      </c>
      <c r="D8719">
        <f t="shared" si="136"/>
        <v>1</v>
      </c>
    </row>
    <row r="8720" spans="1:4" x14ac:dyDescent="0.25">
      <c r="A8720" s="20">
        <v>43919.083333312199</v>
      </c>
      <c r="B8720" s="22">
        <v>0.79965811967849731</v>
      </c>
      <c r="C8720" s="21">
        <v>140675.42974167876</v>
      </c>
      <c r="D8720">
        <f t="shared" si="136"/>
        <v>2</v>
      </c>
    </row>
    <row r="8721" spans="1:4" x14ac:dyDescent="0.25">
      <c r="A8721" s="20">
        <v>43919.124999978863</v>
      </c>
      <c r="B8721" s="22">
        <v>0.73863118886947632</v>
      </c>
      <c r="C8721" s="21">
        <v>129939.60463578686</v>
      </c>
      <c r="D8721">
        <f t="shared" si="136"/>
        <v>3</v>
      </c>
    </row>
    <row r="8722" spans="1:4" x14ac:dyDescent="0.25">
      <c r="A8722" s="20">
        <v>43919.166666645528</v>
      </c>
      <c r="B8722" s="22">
        <v>0.62604141235351563</v>
      </c>
      <c r="C8722" s="21">
        <v>110132.87122542612</v>
      </c>
      <c r="D8722">
        <f t="shared" si="136"/>
        <v>4</v>
      </c>
    </row>
    <row r="8723" spans="1:4" x14ac:dyDescent="0.25">
      <c r="A8723" s="20">
        <v>43919.208333312192</v>
      </c>
      <c r="B8723" s="22">
        <v>0.64928668737411499</v>
      </c>
      <c r="C8723" s="21">
        <v>114222.16760410984</v>
      </c>
      <c r="D8723">
        <f t="shared" si="136"/>
        <v>5</v>
      </c>
    </row>
    <row r="8724" spans="1:4" x14ac:dyDescent="0.25">
      <c r="A8724" s="20">
        <v>43919.249999978856</v>
      </c>
      <c r="B8724" s="22">
        <v>0.721038818359375</v>
      </c>
      <c r="C8724" s="21">
        <v>126844.76420237972</v>
      </c>
      <c r="D8724">
        <f t="shared" si="136"/>
        <v>6</v>
      </c>
    </row>
    <row r="8725" spans="1:4" x14ac:dyDescent="0.25">
      <c r="A8725" s="20">
        <v>43919.29166664552</v>
      </c>
      <c r="B8725" s="22">
        <v>0.66841775178909302</v>
      </c>
      <c r="C8725" s="21">
        <v>117587.69424826473</v>
      </c>
      <c r="D8725">
        <f t="shared" si="136"/>
        <v>7</v>
      </c>
    </row>
    <row r="8726" spans="1:4" x14ac:dyDescent="0.25">
      <c r="A8726" s="20">
        <v>43919.333333312185</v>
      </c>
      <c r="B8726" s="22">
        <v>0.94450265169143677</v>
      </c>
      <c r="C8726" s="21">
        <v>166156.40252895543</v>
      </c>
      <c r="D8726">
        <f t="shared" si="136"/>
        <v>8</v>
      </c>
    </row>
    <row r="8727" spans="1:4" x14ac:dyDescent="0.25">
      <c r="A8727" s="20">
        <v>43919.374999978849</v>
      </c>
      <c r="B8727" s="22">
        <v>0.97278332710266113</v>
      </c>
      <c r="C8727" s="21">
        <v>171131.52385762826</v>
      </c>
      <c r="D8727">
        <f t="shared" si="136"/>
        <v>9</v>
      </c>
    </row>
    <row r="8728" spans="1:4" x14ac:dyDescent="0.25">
      <c r="A8728" s="20">
        <v>43919.416666645513</v>
      </c>
      <c r="B8728" s="22">
        <v>1.0484862327575684</v>
      </c>
      <c r="C8728" s="21">
        <v>184449.13862777464</v>
      </c>
      <c r="D8728">
        <f t="shared" si="136"/>
        <v>10</v>
      </c>
    </row>
    <row r="8729" spans="1:4" x14ac:dyDescent="0.25">
      <c r="A8729" s="20">
        <v>43919.458333312177</v>
      </c>
      <c r="B8729" s="22">
        <v>1.1685199737548828</v>
      </c>
      <c r="C8729" s="21">
        <v>205565.41029783222</v>
      </c>
      <c r="D8729">
        <f t="shared" si="136"/>
        <v>11</v>
      </c>
    </row>
    <row r="8730" spans="1:4" x14ac:dyDescent="0.25">
      <c r="A8730" s="20">
        <v>43919.499999978842</v>
      </c>
      <c r="B8730" s="22">
        <v>1.2675788402557373</v>
      </c>
      <c r="C8730" s="21">
        <v>222991.79323799911</v>
      </c>
      <c r="D8730">
        <f t="shared" si="136"/>
        <v>12</v>
      </c>
    </row>
    <row r="8731" spans="1:4" x14ac:dyDescent="0.25">
      <c r="A8731" s="20">
        <v>43919.541666645506</v>
      </c>
      <c r="B8731" s="22">
        <v>1.4187620878219604</v>
      </c>
      <c r="C8731" s="21">
        <v>249587.86948327222</v>
      </c>
      <c r="D8731">
        <f t="shared" si="136"/>
        <v>13</v>
      </c>
    </row>
    <row r="8732" spans="1:4" x14ac:dyDescent="0.25">
      <c r="A8732" s="20">
        <v>43919.58333331217</v>
      </c>
      <c r="B8732" s="22">
        <v>1.6852809190750122</v>
      </c>
      <c r="C8732" s="21">
        <v>296473.72007132974</v>
      </c>
      <c r="D8732">
        <f t="shared" si="136"/>
        <v>14</v>
      </c>
    </row>
    <row r="8733" spans="1:4" x14ac:dyDescent="0.25">
      <c r="A8733" s="20">
        <v>43919.624999978834</v>
      </c>
      <c r="B8733" s="22">
        <v>1.6229425668716431</v>
      </c>
      <c r="C8733" s="21">
        <v>285507.1904134769</v>
      </c>
      <c r="D8733">
        <f t="shared" si="136"/>
        <v>15</v>
      </c>
    </row>
    <row r="8734" spans="1:4" x14ac:dyDescent="0.25">
      <c r="A8734" s="20">
        <v>43919.666666645498</v>
      </c>
      <c r="B8734" s="22">
        <v>1.6273106336593628</v>
      </c>
      <c r="C8734" s="21">
        <v>286275.61839211092</v>
      </c>
      <c r="D8734">
        <f t="shared" si="136"/>
        <v>16</v>
      </c>
    </row>
    <row r="8735" spans="1:4" x14ac:dyDescent="0.25">
      <c r="A8735" s="20">
        <v>43919.708333312163</v>
      </c>
      <c r="B8735" s="22">
        <v>1.37294602394104</v>
      </c>
      <c r="C8735" s="21">
        <v>241527.93197133651</v>
      </c>
      <c r="D8735">
        <f t="shared" si="136"/>
        <v>17</v>
      </c>
    </row>
    <row r="8736" spans="1:4" x14ac:dyDescent="0.25">
      <c r="A8736" s="20">
        <v>43919.749999978827</v>
      </c>
      <c r="B8736" s="22">
        <v>1.6413134336471558</v>
      </c>
      <c r="C8736" s="21">
        <v>288738.98349451431</v>
      </c>
      <c r="D8736">
        <f t="shared" si="136"/>
        <v>18</v>
      </c>
    </row>
    <row r="8737" spans="1:4" x14ac:dyDescent="0.25">
      <c r="A8737" s="20">
        <v>43919.791666645491</v>
      </c>
      <c r="B8737" s="22">
        <v>1.4197156429290771</v>
      </c>
      <c r="C8737" s="21">
        <v>249755.61838892949</v>
      </c>
      <c r="D8737">
        <f t="shared" si="136"/>
        <v>19</v>
      </c>
    </row>
    <row r="8738" spans="1:4" x14ac:dyDescent="0.25">
      <c r="A8738" s="20">
        <v>43919.833333312155</v>
      </c>
      <c r="B8738" s="22">
        <v>1.5080052614212036</v>
      </c>
      <c r="C8738" s="21">
        <v>265287.48096552951</v>
      </c>
      <c r="D8738">
        <f t="shared" si="136"/>
        <v>20</v>
      </c>
    </row>
    <row r="8739" spans="1:4" x14ac:dyDescent="0.25">
      <c r="A8739" s="20">
        <v>43919.87499997882</v>
      </c>
      <c r="B8739" s="22">
        <v>1.3192986249923706</v>
      </c>
      <c r="C8739" s="21">
        <v>232090.310172834</v>
      </c>
      <c r="D8739">
        <f t="shared" si="136"/>
        <v>21</v>
      </c>
    </row>
    <row r="8740" spans="1:4" x14ac:dyDescent="0.25">
      <c r="A8740" s="20">
        <v>43919.916666645484</v>
      </c>
      <c r="B8740" s="22">
        <v>1.1566023826599121</v>
      </c>
      <c r="C8740" s="21">
        <v>203468.8740312529</v>
      </c>
      <c r="D8740">
        <f t="shared" si="136"/>
        <v>22</v>
      </c>
    </row>
    <row r="8741" spans="1:4" x14ac:dyDescent="0.25">
      <c r="A8741" s="20">
        <v>43919.958333312148</v>
      </c>
      <c r="B8741" s="22">
        <v>0.87171775102615356</v>
      </c>
      <c r="C8741" s="21">
        <v>153352.12163962895</v>
      </c>
      <c r="D8741">
        <f t="shared" si="136"/>
        <v>23</v>
      </c>
    </row>
    <row r="8742" spans="1:4" x14ac:dyDescent="0.25">
      <c r="A8742" s="20">
        <v>43919.999999978812</v>
      </c>
      <c r="B8742" s="22">
        <v>0.78833901882171631</v>
      </c>
      <c r="C8742" s="21">
        <v>138684.17955846639</v>
      </c>
      <c r="D8742">
        <f t="shared" si="136"/>
        <v>0</v>
      </c>
    </row>
    <row r="8743" spans="1:4" x14ac:dyDescent="0.25">
      <c r="A8743" s="20">
        <v>43920.041666645477</v>
      </c>
      <c r="B8743" s="22">
        <v>0.7892003059387207</v>
      </c>
      <c r="C8743" s="21">
        <v>138835.69672853436</v>
      </c>
      <c r="D8743">
        <f t="shared" si="136"/>
        <v>1</v>
      </c>
    </row>
    <row r="8744" spans="1:4" x14ac:dyDescent="0.25">
      <c r="A8744" s="20">
        <v>43920.083333312141</v>
      </c>
      <c r="B8744" s="22">
        <v>0.74283206462860107</v>
      </c>
      <c r="C8744" s="21">
        <v>130678.62045787828</v>
      </c>
      <c r="D8744">
        <f t="shared" si="136"/>
        <v>2</v>
      </c>
    </row>
    <row r="8745" spans="1:4" x14ac:dyDescent="0.25">
      <c r="A8745" s="20">
        <v>43920.124999978805</v>
      </c>
      <c r="B8745" s="22">
        <v>0.71814870834350586</v>
      </c>
      <c r="C8745" s="21">
        <v>126336.33759045889</v>
      </c>
      <c r="D8745">
        <f t="shared" si="136"/>
        <v>3</v>
      </c>
    </row>
    <row r="8746" spans="1:4" x14ac:dyDescent="0.25">
      <c r="A8746" s="20">
        <v>43920.166666645469</v>
      </c>
      <c r="B8746" s="22">
        <v>0.77519965171813965</v>
      </c>
      <c r="C8746" s="21">
        <v>136372.70910835394</v>
      </c>
      <c r="D8746">
        <f t="shared" si="136"/>
        <v>4</v>
      </c>
    </row>
    <row r="8747" spans="1:4" x14ac:dyDescent="0.25">
      <c r="A8747" s="20">
        <v>43920.208333312134</v>
      </c>
      <c r="B8747" s="22">
        <v>1.0196986198425293</v>
      </c>
      <c r="C8747" s="21">
        <v>179384.83712391646</v>
      </c>
      <c r="D8747">
        <f t="shared" si="136"/>
        <v>5</v>
      </c>
    </row>
    <row r="8748" spans="1:4" x14ac:dyDescent="0.25">
      <c r="A8748" s="20">
        <v>43920.249999978798</v>
      </c>
      <c r="B8748" s="22">
        <v>1.1156944036483765</v>
      </c>
      <c r="C8748" s="21">
        <v>196272.36419074124</v>
      </c>
      <c r="D8748">
        <f t="shared" si="136"/>
        <v>6</v>
      </c>
    </row>
    <row r="8749" spans="1:4" x14ac:dyDescent="0.25">
      <c r="A8749" s="20">
        <v>43920.291666645462</v>
      </c>
      <c r="B8749" s="22">
        <v>1.1945240497589111</v>
      </c>
      <c r="C8749" s="21">
        <v>210140.03347351225</v>
      </c>
      <c r="D8749">
        <f t="shared" si="136"/>
        <v>7</v>
      </c>
    </row>
    <row r="8750" spans="1:4" x14ac:dyDescent="0.25">
      <c r="A8750" s="20">
        <v>43920.333333312126</v>
      </c>
      <c r="B8750" s="22">
        <v>1.2125133275985718</v>
      </c>
      <c r="C8750" s="21">
        <v>213304.69763255832</v>
      </c>
      <c r="D8750">
        <f t="shared" si="136"/>
        <v>8</v>
      </c>
    </row>
    <row r="8751" spans="1:4" x14ac:dyDescent="0.25">
      <c r="A8751" s="20">
        <v>43920.374999978791</v>
      </c>
      <c r="B8751" s="22">
        <v>1.0621329545974731</v>
      </c>
      <c r="C8751" s="21">
        <v>186849.86265239355</v>
      </c>
      <c r="D8751">
        <f t="shared" si="136"/>
        <v>9</v>
      </c>
    </row>
    <row r="8752" spans="1:4" x14ac:dyDescent="0.25">
      <c r="A8752" s="20">
        <v>43920.416666645455</v>
      </c>
      <c r="B8752" s="22">
        <v>0.9400443434715271</v>
      </c>
      <c r="C8752" s="21">
        <v>165372.09932572051</v>
      </c>
      <c r="D8752">
        <f t="shared" si="136"/>
        <v>10</v>
      </c>
    </row>
    <row r="8753" spans="1:4" x14ac:dyDescent="0.25">
      <c r="A8753" s="20">
        <v>43920.458333312119</v>
      </c>
      <c r="B8753" s="22">
        <v>1.0752346515655518</v>
      </c>
      <c r="C8753" s="21">
        <v>189154.70619236879</v>
      </c>
      <c r="D8753">
        <f t="shared" si="136"/>
        <v>11</v>
      </c>
    </row>
    <row r="8754" spans="1:4" x14ac:dyDescent="0.25">
      <c r="A8754" s="20">
        <v>43920.499999978783</v>
      </c>
      <c r="B8754" s="22">
        <v>1.1534571647644043</v>
      </c>
      <c r="C8754" s="21">
        <v>202915.56897726349</v>
      </c>
      <c r="D8754">
        <f t="shared" si="136"/>
        <v>12</v>
      </c>
    </row>
    <row r="8755" spans="1:4" x14ac:dyDescent="0.25">
      <c r="A8755" s="20">
        <v>43920.541666645448</v>
      </c>
      <c r="B8755" s="22">
        <v>1.1018799543380737</v>
      </c>
      <c r="C8755" s="21">
        <v>193842.13363902396</v>
      </c>
      <c r="D8755">
        <f t="shared" si="136"/>
        <v>13</v>
      </c>
    </row>
    <row r="8756" spans="1:4" x14ac:dyDescent="0.25">
      <c r="A8756" s="20">
        <v>43920.583333312112</v>
      </c>
      <c r="B8756" s="22">
        <v>1.3420699834823608</v>
      </c>
      <c r="C8756" s="21">
        <v>236096.23540831974</v>
      </c>
      <c r="D8756">
        <f t="shared" si="136"/>
        <v>14</v>
      </c>
    </row>
    <row r="8757" spans="1:4" x14ac:dyDescent="0.25">
      <c r="A8757" s="20">
        <v>43920.624999978776</v>
      </c>
      <c r="B8757" s="22">
        <v>1.4457228183746338</v>
      </c>
      <c r="C8757" s="21">
        <v>254330.78681670941</v>
      </c>
      <c r="D8757">
        <f t="shared" si="136"/>
        <v>15</v>
      </c>
    </row>
    <row r="8758" spans="1:4" x14ac:dyDescent="0.25">
      <c r="A8758" s="20">
        <v>43920.66666664544</v>
      </c>
      <c r="B8758" s="22">
        <v>1.3875837326049805</v>
      </c>
      <c r="C8758" s="21">
        <v>244102.98986928075</v>
      </c>
      <c r="D8758">
        <f t="shared" si="136"/>
        <v>16</v>
      </c>
    </row>
    <row r="8759" spans="1:4" x14ac:dyDescent="0.25">
      <c r="A8759" s="20">
        <v>43920.708333312105</v>
      </c>
      <c r="B8759" s="22">
        <v>1.1776069402694702</v>
      </c>
      <c r="C8759" s="21">
        <v>207163.98459856186</v>
      </c>
      <c r="D8759">
        <f t="shared" si="136"/>
        <v>17</v>
      </c>
    </row>
    <row r="8760" spans="1:4" x14ac:dyDescent="0.25">
      <c r="A8760" s="20">
        <v>43920.749999978769</v>
      </c>
      <c r="B8760" s="22">
        <v>1.4046016931533813</v>
      </c>
      <c r="C8760" s="21">
        <v>247096.7804087124</v>
      </c>
      <c r="D8760">
        <f t="shared" si="136"/>
        <v>18</v>
      </c>
    </row>
    <row r="8761" spans="1:4" x14ac:dyDescent="0.25">
      <c r="A8761" s="20">
        <v>43920.791666645433</v>
      </c>
      <c r="B8761" s="22">
        <v>1.4414163827896118</v>
      </c>
      <c r="C8761" s="21">
        <v>253573.20096636954</v>
      </c>
      <c r="D8761">
        <f t="shared" si="136"/>
        <v>19</v>
      </c>
    </row>
    <row r="8762" spans="1:4" x14ac:dyDescent="0.25">
      <c r="A8762" s="20">
        <v>43920.833333312097</v>
      </c>
      <c r="B8762" s="22">
        <v>1.507921576499939</v>
      </c>
      <c r="C8762" s="21">
        <v>265272.7591588322</v>
      </c>
      <c r="D8762">
        <f t="shared" si="136"/>
        <v>20</v>
      </c>
    </row>
    <row r="8763" spans="1:4" x14ac:dyDescent="0.25">
      <c r="A8763" s="20">
        <v>43920.874999978761</v>
      </c>
      <c r="B8763" s="22">
        <v>1.4963918924331665</v>
      </c>
      <c r="C8763" s="21">
        <v>263244.46328967868</v>
      </c>
      <c r="D8763">
        <f t="shared" si="136"/>
        <v>21</v>
      </c>
    </row>
    <row r="8764" spans="1:4" x14ac:dyDescent="0.25">
      <c r="A8764" s="20">
        <v>43920.916666645426</v>
      </c>
      <c r="B8764" s="22">
        <v>1.297878623008728</v>
      </c>
      <c r="C8764" s="21">
        <v>228322.11485290399</v>
      </c>
      <c r="D8764">
        <f t="shared" si="136"/>
        <v>22</v>
      </c>
    </row>
    <row r="8765" spans="1:4" x14ac:dyDescent="0.25">
      <c r="A8765" s="20">
        <v>43920.95833331209</v>
      </c>
      <c r="B8765" s="22">
        <v>1.0873316526412964</v>
      </c>
      <c r="C8765" s="21">
        <v>191282.80416703838</v>
      </c>
      <c r="D8765">
        <f t="shared" si="136"/>
        <v>23</v>
      </c>
    </row>
    <row r="8766" spans="1:4" x14ac:dyDescent="0.25">
      <c r="A8766" s="20">
        <v>43920.999999978754</v>
      </c>
      <c r="B8766" s="22">
        <v>1.0843600034713745</v>
      </c>
      <c r="C8766" s="21">
        <v>190760.03323064331</v>
      </c>
      <c r="D8766">
        <f t="shared" si="136"/>
        <v>0</v>
      </c>
    </row>
    <row r="8767" spans="1:4" x14ac:dyDescent="0.25">
      <c r="A8767" s="20">
        <v>43921.041666645418</v>
      </c>
      <c r="B8767" s="22">
        <v>0.95016926527023315</v>
      </c>
      <c r="C8767" s="21">
        <v>167153.27016621231</v>
      </c>
      <c r="D8767">
        <f t="shared" si="136"/>
        <v>1</v>
      </c>
    </row>
    <row r="8768" spans="1:4" x14ac:dyDescent="0.25">
      <c r="A8768" s="20">
        <v>43921.083333312083</v>
      </c>
      <c r="B8768" s="22">
        <v>0.9461820125579834</v>
      </c>
      <c r="C8768" s="21">
        <v>166451.83479654472</v>
      </c>
      <c r="D8768">
        <f t="shared" si="136"/>
        <v>2</v>
      </c>
    </row>
    <row r="8769" spans="1:4" x14ac:dyDescent="0.25">
      <c r="A8769" s="20">
        <v>43921.124999978747</v>
      </c>
      <c r="B8769" s="22">
        <v>0.96360009908676147</v>
      </c>
      <c r="C8769" s="21">
        <v>169516.01528494986</v>
      </c>
      <c r="D8769">
        <f t="shared" si="136"/>
        <v>3</v>
      </c>
    </row>
    <row r="8770" spans="1:4" x14ac:dyDescent="0.25">
      <c r="A8770" s="20">
        <v>43921.166666645411</v>
      </c>
      <c r="B8770" s="22">
        <v>1.0111076831817627</v>
      </c>
      <c r="C8770" s="21">
        <v>177873.52413040522</v>
      </c>
      <c r="D8770">
        <f t="shared" si="136"/>
        <v>4</v>
      </c>
    </row>
    <row r="8771" spans="1:4" x14ac:dyDescent="0.25">
      <c r="A8771" s="20">
        <v>43921.208333312075</v>
      </c>
      <c r="B8771" s="22">
        <v>1.1373224258422852</v>
      </c>
      <c r="C8771" s="21">
        <v>200077.15431506827</v>
      </c>
      <c r="D8771">
        <f t="shared" si="136"/>
        <v>5</v>
      </c>
    </row>
    <row r="8772" spans="1:4" x14ac:dyDescent="0.25">
      <c r="A8772" s="20">
        <v>43921.24999997874</v>
      </c>
      <c r="B8772" s="22">
        <v>1.391249418258667</v>
      </c>
      <c r="C8772" s="21">
        <v>244747.8553335839</v>
      </c>
      <c r="D8772">
        <f t="shared" si="136"/>
        <v>6</v>
      </c>
    </row>
    <row r="8773" spans="1:4" x14ac:dyDescent="0.25">
      <c r="A8773" s="20">
        <v>43921.291666645404</v>
      </c>
      <c r="B8773" s="22">
        <v>1.4583265781402588</v>
      </c>
      <c r="C8773" s="21">
        <v>256548.03350971243</v>
      </c>
      <c r="D8773">
        <f t="shared" si="136"/>
        <v>7</v>
      </c>
    </row>
    <row r="8774" spans="1:4" x14ac:dyDescent="0.25">
      <c r="A8774" s="20">
        <v>43921.333333312068</v>
      </c>
      <c r="B8774" s="22">
        <v>1.4871430397033691</v>
      </c>
      <c r="C8774" s="21">
        <v>261617.41005234662</v>
      </c>
      <c r="D8774">
        <f t="shared" si="136"/>
        <v>8</v>
      </c>
    </row>
    <row r="8775" spans="1:4" x14ac:dyDescent="0.25">
      <c r="A8775" s="20">
        <v>43921.374999978732</v>
      </c>
      <c r="B8775" s="22">
        <v>1.5029177665710449</v>
      </c>
      <c r="C8775" s="21">
        <v>264392.49158601515</v>
      </c>
      <c r="D8775">
        <f t="shared" ref="D8775:D8789" si="137">HOUR(A8775)</f>
        <v>9</v>
      </c>
    </row>
    <row r="8776" spans="1:4" x14ac:dyDescent="0.25">
      <c r="A8776" s="20">
        <v>43921.416666645397</v>
      </c>
      <c r="B8776" s="22">
        <v>1.7225812673568726</v>
      </c>
      <c r="C8776" s="21">
        <v>303035.57743879402</v>
      </c>
      <c r="D8776">
        <f t="shared" si="137"/>
        <v>10</v>
      </c>
    </row>
    <row r="8777" spans="1:4" x14ac:dyDescent="0.25">
      <c r="A8777" s="20">
        <v>43921.458333312061</v>
      </c>
      <c r="B8777" s="22">
        <v>1.6492574214935303</v>
      </c>
      <c r="C8777" s="21">
        <v>290136.48559778905</v>
      </c>
      <c r="D8777">
        <f t="shared" si="137"/>
        <v>11</v>
      </c>
    </row>
    <row r="8778" spans="1:4" x14ac:dyDescent="0.25">
      <c r="A8778" s="20">
        <v>43921.499999978725</v>
      </c>
      <c r="B8778" s="22">
        <v>1.7549794912338257</v>
      </c>
      <c r="C8778" s="21">
        <v>308735.05569656484</v>
      </c>
      <c r="D8778">
        <f t="shared" si="137"/>
        <v>12</v>
      </c>
    </row>
    <row r="8779" spans="1:4" x14ac:dyDescent="0.25">
      <c r="A8779" s="20">
        <v>43921.541666645389</v>
      </c>
      <c r="B8779" s="22">
        <v>1.6292434930801392</v>
      </c>
      <c r="C8779" s="21">
        <v>286615.6459901015</v>
      </c>
      <c r="D8779">
        <f t="shared" si="137"/>
        <v>13</v>
      </c>
    </row>
    <row r="8780" spans="1:4" x14ac:dyDescent="0.25">
      <c r="A8780" s="20">
        <v>43921.583333312054</v>
      </c>
      <c r="B8780" s="22">
        <v>1.4754674434661865</v>
      </c>
      <c r="C8780" s="21">
        <v>259563.44539202857</v>
      </c>
      <c r="D8780">
        <f t="shared" si="137"/>
        <v>14</v>
      </c>
    </row>
    <row r="8781" spans="1:4" x14ac:dyDescent="0.25">
      <c r="A8781" s="20">
        <v>43921.624999978718</v>
      </c>
      <c r="B8781" s="22">
        <v>1.7419250011444092</v>
      </c>
      <c r="C8781" s="21">
        <v>306438.51676549576</v>
      </c>
      <c r="D8781">
        <f t="shared" si="137"/>
        <v>15</v>
      </c>
    </row>
    <row r="8782" spans="1:4" x14ac:dyDescent="0.25">
      <c r="A8782" s="20">
        <v>43921.666666645382</v>
      </c>
      <c r="B8782" s="22">
        <v>1.8642557859420776</v>
      </c>
      <c r="C8782" s="21">
        <v>327958.88315528206</v>
      </c>
      <c r="D8782">
        <f t="shared" si="137"/>
        <v>16</v>
      </c>
    </row>
    <row r="8783" spans="1:4" x14ac:dyDescent="0.25">
      <c r="A8783" s="20">
        <v>43921.708333312046</v>
      </c>
      <c r="B8783" s="22">
        <v>1.8294098377227783</v>
      </c>
      <c r="C8783" s="21">
        <v>321828.80253723363</v>
      </c>
      <c r="D8783">
        <f t="shared" si="137"/>
        <v>17</v>
      </c>
    </row>
    <row r="8784" spans="1:4" x14ac:dyDescent="0.25">
      <c r="A8784" s="20">
        <v>43921.749999978711</v>
      </c>
      <c r="B8784" s="22">
        <v>1.8121577501296997</v>
      </c>
      <c r="C8784" s="21">
        <v>318793.82449302496</v>
      </c>
      <c r="D8784">
        <f t="shared" si="137"/>
        <v>18</v>
      </c>
    </row>
    <row r="8785" spans="1:4" x14ac:dyDescent="0.25">
      <c r="A8785" s="20">
        <v>43921.791666645375</v>
      </c>
      <c r="B8785" s="22">
        <v>1.876176118850708</v>
      </c>
      <c r="C8785" s="21">
        <v>330055.90176025749</v>
      </c>
      <c r="D8785">
        <f t="shared" si="137"/>
        <v>19</v>
      </c>
    </row>
    <row r="8786" spans="1:4" x14ac:dyDescent="0.25">
      <c r="A8786" s="20">
        <v>43921.833333312039</v>
      </c>
      <c r="B8786" s="22">
        <v>2.0863826274871826</v>
      </c>
      <c r="C8786" s="21">
        <v>367035.31860007264</v>
      </c>
      <c r="D8786">
        <f t="shared" si="137"/>
        <v>20</v>
      </c>
    </row>
    <row r="8787" spans="1:4" x14ac:dyDescent="0.25">
      <c r="A8787" s="20">
        <v>43921.874999978703</v>
      </c>
      <c r="B8787" s="22">
        <v>1.8969321250915527</v>
      </c>
      <c r="C8787" s="21">
        <v>333707.28730340145</v>
      </c>
      <c r="D8787">
        <f t="shared" si="137"/>
        <v>21</v>
      </c>
    </row>
    <row r="8788" spans="1:4" x14ac:dyDescent="0.25">
      <c r="A8788" s="20">
        <v>43921.916666645368</v>
      </c>
      <c r="B8788" s="22">
        <v>1.6745870113372803</v>
      </c>
      <c r="C8788" s="21">
        <v>294592.45352803729</v>
      </c>
      <c r="D8788">
        <f t="shared" si="137"/>
        <v>22</v>
      </c>
    </row>
    <row r="8789" spans="1:4" x14ac:dyDescent="0.25">
      <c r="A8789" s="20">
        <v>43921.958333312032</v>
      </c>
      <c r="B8789" s="22">
        <v>1.4819968938827515</v>
      </c>
      <c r="C8789" s="21">
        <v>260712.10282540342</v>
      </c>
      <c r="D8789">
        <f t="shared" si="137"/>
        <v>23</v>
      </c>
    </row>
  </sheetData>
  <mergeCells count="2">
    <mergeCell ref="A1:C1"/>
    <mergeCell ref="A2:C2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8768"/>
  <sheetViews>
    <sheetView topLeftCell="A8578" workbookViewId="0">
      <selection activeCell="J8600" sqref="J8600"/>
    </sheetView>
  </sheetViews>
  <sheetFormatPr defaultRowHeight="15" x14ac:dyDescent="0.25"/>
  <cols>
    <col min="1" max="1" width="18.140625" style="2" customWidth="1"/>
    <col min="2" max="2" width="35" style="2" bestFit="1" customWidth="1"/>
  </cols>
  <sheetData>
    <row r="1" spans="1:4" ht="15.75" x14ac:dyDescent="0.25">
      <c r="A1" s="70" t="s">
        <v>3</v>
      </c>
      <c r="B1" s="70"/>
    </row>
    <row r="2" spans="1:4" ht="15.75" x14ac:dyDescent="0.25">
      <c r="A2" s="70" t="s">
        <v>5</v>
      </c>
      <c r="B2" s="70"/>
    </row>
    <row r="3" spans="1:4" x14ac:dyDescent="0.25">
      <c r="A3" s="71" t="s">
        <v>4</v>
      </c>
      <c r="B3" s="71"/>
    </row>
    <row r="5" spans="1:4" ht="26.25" x14ac:dyDescent="0.25">
      <c r="A5" s="3"/>
      <c r="B5" s="4" t="s">
        <v>0</v>
      </c>
    </row>
    <row r="6" spans="1:4" ht="26.25" x14ac:dyDescent="0.25">
      <c r="A6" s="5" t="s">
        <v>2</v>
      </c>
      <c r="B6" s="1" t="s">
        <v>1</v>
      </c>
    </row>
    <row r="7" spans="1:4" ht="26.25" x14ac:dyDescent="0.25">
      <c r="A7" s="5" t="s">
        <v>6</v>
      </c>
      <c r="B7" s="9">
        <f t="shared" ref="B7" si="0">SUM(B9:B8768)</f>
        <v>38460.000000000102</v>
      </c>
    </row>
    <row r="8" spans="1:4" ht="26.25" x14ac:dyDescent="0.25">
      <c r="A8" s="5"/>
      <c r="B8" s="9" t="s">
        <v>73</v>
      </c>
      <c r="C8" s="10" t="s">
        <v>7</v>
      </c>
      <c r="D8" s="10" t="s">
        <v>8</v>
      </c>
    </row>
    <row r="9" spans="1:4" x14ac:dyDescent="0.25">
      <c r="A9" s="6">
        <v>44562.041666666664</v>
      </c>
      <c r="B9" s="8">
        <v>-4.9800999999999998E-2</v>
      </c>
      <c r="C9">
        <f>HOUR(A9)</f>
        <v>1</v>
      </c>
      <c r="D9">
        <f>MONTH(A9)</f>
        <v>1</v>
      </c>
    </row>
    <row r="10" spans="1:4" x14ac:dyDescent="0.25">
      <c r="A10" s="7">
        <f>+A9+1/24</f>
        <v>44562.083333333328</v>
      </c>
      <c r="B10" s="8">
        <v>-4.9800999999999998E-2</v>
      </c>
      <c r="C10">
        <f t="shared" ref="C10:C73" si="1">HOUR(A10)</f>
        <v>2</v>
      </c>
      <c r="D10">
        <f t="shared" ref="D10:D73" si="2">MONTH(A10)</f>
        <v>1</v>
      </c>
    </row>
    <row r="11" spans="1:4" x14ac:dyDescent="0.25">
      <c r="A11" s="7">
        <f t="shared" ref="A11:A74" si="3">+A10+1/24</f>
        <v>44562.124999999993</v>
      </c>
      <c r="B11" s="8">
        <v>-4.9800999999999998E-2</v>
      </c>
      <c r="C11">
        <f t="shared" si="1"/>
        <v>3</v>
      </c>
      <c r="D11">
        <f t="shared" si="2"/>
        <v>1</v>
      </c>
    </row>
    <row r="12" spans="1:4" x14ac:dyDescent="0.25">
      <c r="A12" s="7">
        <f t="shared" si="3"/>
        <v>44562.166666666657</v>
      </c>
      <c r="B12" s="8">
        <v>-4.9800999999999998E-2</v>
      </c>
      <c r="C12">
        <f t="shared" si="1"/>
        <v>4</v>
      </c>
      <c r="D12">
        <f t="shared" si="2"/>
        <v>1</v>
      </c>
    </row>
    <row r="13" spans="1:4" x14ac:dyDescent="0.25">
      <c r="A13" s="7">
        <f t="shared" si="3"/>
        <v>44562.208333333321</v>
      </c>
      <c r="B13" s="8">
        <v>-4.9800999999999998E-2</v>
      </c>
      <c r="C13">
        <f t="shared" si="1"/>
        <v>5</v>
      </c>
      <c r="D13">
        <f t="shared" si="2"/>
        <v>1</v>
      </c>
    </row>
    <row r="14" spans="1:4" x14ac:dyDescent="0.25">
      <c r="A14" s="7">
        <f t="shared" si="3"/>
        <v>44562.249999999985</v>
      </c>
      <c r="B14" s="8">
        <v>-4.9800999999999998E-2</v>
      </c>
      <c r="C14">
        <f t="shared" si="1"/>
        <v>6</v>
      </c>
      <c r="D14">
        <f t="shared" si="2"/>
        <v>1</v>
      </c>
    </row>
    <row r="15" spans="1:4" x14ac:dyDescent="0.25">
      <c r="A15" s="7">
        <f t="shared" si="3"/>
        <v>44562.29166666665</v>
      </c>
      <c r="B15" s="8">
        <v>-4.9800999999999998E-2</v>
      </c>
      <c r="C15">
        <f t="shared" si="1"/>
        <v>7</v>
      </c>
      <c r="D15">
        <f t="shared" si="2"/>
        <v>1</v>
      </c>
    </row>
    <row r="16" spans="1:4" x14ac:dyDescent="0.25">
      <c r="A16" s="7">
        <f t="shared" si="3"/>
        <v>44562.333333333314</v>
      </c>
      <c r="B16" s="8">
        <v>-4.9800999999999998E-2</v>
      </c>
      <c r="C16">
        <f t="shared" si="1"/>
        <v>8</v>
      </c>
      <c r="D16">
        <f t="shared" si="2"/>
        <v>1</v>
      </c>
    </row>
    <row r="17" spans="1:4" x14ac:dyDescent="0.25">
      <c r="A17" s="7">
        <f t="shared" si="3"/>
        <v>44562.374999999978</v>
      </c>
      <c r="B17" s="8">
        <v>2.9451306641440507</v>
      </c>
      <c r="C17">
        <f t="shared" si="1"/>
        <v>9</v>
      </c>
      <c r="D17">
        <f t="shared" si="2"/>
        <v>1</v>
      </c>
    </row>
    <row r="18" spans="1:4" x14ac:dyDescent="0.25">
      <c r="A18" s="7">
        <f t="shared" si="3"/>
        <v>44562.416666666642</v>
      </c>
      <c r="B18" s="8">
        <v>4.8723119111526723</v>
      </c>
      <c r="C18">
        <f t="shared" si="1"/>
        <v>10</v>
      </c>
      <c r="D18">
        <f t="shared" si="2"/>
        <v>1</v>
      </c>
    </row>
    <row r="19" spans="1:4" x14ac:dyDescent="0.25">
      <c r="A19" s="7">
        <f t="shared" si="3"/>
        <v>44562.458333333307</v>
      </c>
      <c r="B19" s="8">
        <v>4.5237411970099828</v>
      </c>
      <c r="C19">
        <f t="shared" si="1"/>
        <v>11</v>
      </c>
      <c r="D19">
        <f t="shared" si="2"/>
        <v>1</v>
      </c>
    </row>
    <row r="20" spans="1:4" x14ac:dyDescent="0.25">
      <c r="A20" s="7">
        <f t="shared" si="3"/>
        <v>44562.499999999971</v>
      </c>
      <c r="B20" s="8">
        <v>4.4262171266904824</v>
      </c>
      <c r="C20">
        <f t="shared" si="1"/>
        <v>12</v>
      </c>
      <c r="D20">
        <f t="shared" si="2"/>
        <v>1</v>
      </c>
    </row>
    <row r="21" spans="1:4" x14ac:dyDescent="0.25">
      <c r="A21" s="7">
        <f t="shared" si="3"/>
        <v>44562.541666666635</v>
      </c>
      <c r="B21" s="8">
        <v>3.8913420153709173</v>
      </c>
      <c r="C21">
        <f t="shared" si="1"/>
        <v>13</v>
      </c>
      <c r="D21">
        <f t="shared" si="2"/>
        <v>1</v>
      </c>
    </row>
    <row r="22" spans="1:4" x14ac:dyDescent="0.25">
      <c r="A22" s="7">
        <f t="shared" si="3"/>
        <v>44562.583333333299</v>
      </c>
      <c r="B22" s="8">
        <v>4.8180809138663578</v>
      </c>
      <c r="C22">
        <f t="shared" si="1"/>
        <v>14</v>
      </c>
      <c r="D22">
        <f t="shared" si="2"/>
        <v>1</v>
      </c>
    </row>
    <row r="23" spans="1:4" x14ac:dyDescent="0.25">
      <c r="A23" s="7">
        <f t="shared" si="3"/>
        <v>44562.624999999964</v>
      </c>
      <c r="B23" s="8">
        <v>4.4873955043019027</v>
      </c>
      <c r="C23">
        <f t="shared" si="1"/>
        <v>15</v>
      </c>
      <c r="D23">
        <f t="shared" si="2"/>
        <v>1</v>
      </c>
    </row>
    <row r="24" spans="1:4" x14ac:dyDescent="0.25">
      <c r="A24" s="7">
        <f t="shared" si="3"/>
        <v>44562.666666666628</v>
      </c>
      <c r="B24" s="8">
        <v>5.8427633432646422</v>
      </c>
      <c r="C24">
        <f t="shared" si="1"/>
        <v>16</v>
      </c>
      <c r="D24">
        <f t="shared" si="2"/>
        <v>1</v>
      </c>
    </row>
    <row r="25" spans="1:4" x14ac:dyDescent="0.25">
      <c r="A25" s="7">
        <f t="shared" si="3"/>
        <v>44562.708333333292</v>
      </c>
      <c r="B25" s="8">
        <v>3.5236853293782606</v>
      </c>
      <c r="C25">
        <f t="shared" si="1"/>
        <v>17</v>
      </c>
      <c r="D25">
        <f t="shared" si="2"/>
        <v>1</v>
      </c>
    </row>
    <row r="26" spans="1:4" x14ac:dyDescent="0.25">
      <c r="A26" s="7">
        <f t="shared" si="3"/>
        <v>44562.749999999956</v>
      </c>
      <c r="B26" s="8">
        <v>-4.9800999999999998E-2</v>
      </c>
      <c r="C26">
        <f t="shared" si="1"/>
        <v>18</v>
      </c>
      <c r="D26">
        <f t="shared" si="2"/>
        <v>1</v>
      </c>
    </row>
    <row r="27" spans="1:4" x14ac:dyDescent="0.25">
      <c r="A27" s="7">
        <f t="shared" si="3"/>
        <v>44562.791666666621</v>
      </c>
      <c r="B27" s="8">
        <v>-4.9800999999999998E-2</v>
      </c>
      <c r="C27">
        <f t="shared" si="1"/>
        <v>19</v>
      </c>
      <c r="D27">
        <f t="shared" si="2"/>
        <v>1</v>
      </c>
    </row>
    <row r="28" spans="1:4" x14ac:dyDescent="0.25">
      <c r="A28" s="7">
        <f t="shared" si="3"/>
        <v>44562.833333333285</v>
      </c>
      <c r="B28" s="8">
        <v>-4.9800999999999998E-2</v>
      </c>
      <c r="C28">
        <f t="shared" si="1"/>
        <v>20</v>
      </c>
      <c r="D28">
        <f t="shared" si="2"/>
        <v>1</v>
      </c>
    </row>
    <row r="29" spans="1:4" x14ac:dyDescent="0.25">
      <c r="A29" s="7">
        <f t="shared" si="3"/>
        <v>44562.874999999949</v>
      </c>
      <c r="B29" s="8">
        <v>-4.9800999999999998E-2</v>
      </c>
      <c r="C29">
        <f t="shared" si="1"/>
        <v>21</v>
      </c>
      <c r="D29">
        <f t="shared" si="2"/>
        <v>1</v>
      </c>
    </row>
    <row r="30" spans="1:4" x14ac:dyDescent="0.25">
      <c r="A30" s="7">
        <f t="shared" si="3"/>
        <v>44562.916666666613</v>
      </c>
      <c r="B30" s="8">
        <v>-4.9800999999999998E-2</v>
      </c>
      <c r="C30">
        <f t="shared" si="1"/>
        <v>22</v>
      </c>
      <c r="D30">
        <f t="shared" si="2"/>
        <v>1</v>
      </c>
    </row>
    <row r="31" spans="1:4" x14ac:dyDescent="0.25">
      <c r="A31" s="7">
        <f t="shared" si="3"/>
        <v>44562.958333333278</v>
      </c>
      <c r="B31" s="8">
        <v>-4.9800999999999998E-2</v>
      </c>
      <c r="C31">
        <f t="shared" si="1"/>
        <v>23</v>
      </c>
      <c r="D31">
        <f t="shared" si="2"/>
        <v>1</v>
      </c>
    </row>
    <row r="32" spans="1:4" x14ac:dyDescent="0.25">
      <c r="A32" s="7">
        <f t="shared" si="3"/>
        <v>44562.999999999942</v>
      </c>
      <c r="B32" s="8">
        <v>-4.9800999999999998E-2</v>
      </c>
      <c r="C32">
        <f t="shared" si="1"/>
        <v>0</v>
      </c>
      <c r="D32">
        <f t="shared" si="2"/>
        <v>1</v>
      </c>
    </row>
    <row r="33" spans="1:4" x14ac:dyDescent="0.25">
      <c r="A33" s="7">
        <f t="shared" si="3"/>
        <v>44563.041666666606</v>
      </c>
      <c r="B33" s="8">
        <v>-4.9800999999999998E-2</v>
      </c>
      <c r="C33">
        <f t="shared" si="1"/>
        <v>1</v>
      </c>
      <c r="D33">
        <f t="shared" si="2"/>
        <v>1</v>
      </c>
    </row>
    <row r="34" spans="1:4" x14ac:dyDescent="0.25">
      <c r="A34" s="7">
        <f t="shared" si="3"/>
        <v>44563.08333333327</v>
      </c>
      <c r="B34" s="8">
        <v>-4.9800999999999998E-2</v>
      </c>
      <c r="C34">
        <f t="shared" si="1"/>
        <v>2</v>
      </c>
      <c r="D34">
        <f t="shared" si="2"/>
        <v>1</v>
      </c>
    </row>
    <row r="35" spans="1:4" x14ac:dyDescent="0.25">
      <c r="A35" s="7">
        <f t="shared" si="3"/>
        <v>44563.124999999935</v>
      </c>
      <c r="B35" s="8">
        <v>-4.9800999999999998E-2</v>
      </c>
      <c r="C35">
        <f t="shared" si="1"/>
        <v>3</v>
      </c>
      <c r="D35">
        <f t="shared" si="2"/>
        <v>1</v>
      </c>
    </row>
    <row r="36" spans="1:4" x14ac:dyDescent="0.25">
      <c r="A36" s="7">
        <f t="shared" si="3"/>
        <v>44563.166666666599</v>
      </c>
      <c r="B36" s="8">
        <v>-4.9800999999999998E-2</v>
      </c>
      <c r="C36">
        <f t="shared" si="1"/>
        <v>4</v>
      </c>
      <c r="D36">
        <f t="shared" si="2"/>
        <v>1</v>
      </c>
    </row>
    <row r="37" spans="1:4" x14ac:dyDescent="0.25">
      <c r="A37" s="7">
        <f t="shared" si="3"/>
        <v>44563.208333333263</v>
      </c>
      <c r="B37" s="8">
        <v>-4.9800999999999998E-2</v>
      </c>
      <c r="C37">
        <f t="shared" si="1"/>
        <v>5</v>
      </c>
      <c r="D37">
        <f t="shared" si="2"/>
        <v>1</v>
      </c>
    </row>
    <row r="38" spans="1:4" x14ac:dyDescent="0.25">
      <c r="A38" s="7">
        <f t="shared" si="3"/>
        <v>44563.249999999927</v>
      </c>
      <c r="B38" s="8">
        <v>-4.9800999999999998E-2</v>
      </c>
      <c r="C38">
        <f t="shared" si="1"/>
        <v>6</v>
      </c>
      <c r="D38">
        <f t="shared" si="2"/>
        <v>1</v>
      </c>
    </row>
    <row r="39" spans="1:4" x14ac:dyDescent="0.25">
      <c r="A39" s="7">
        <f t="shared" si="3"/>
        <v>44563.291666666591</v>
      </c>
      <c r="B39" s="8">
        <v>-4.9800999999999998E-2</v>
      </c>
      <c r="C39">
        <f t="shared" si="1"/>
        <v>7</v>
      </c>
      <c r="D39">
        <f t="shared" si="2"/>
        <v>1</v>
      </c>
    </row>
    <row r="40" spans="1:4" x14ac:dyDescent="0.25">
      <c r="A40" s="7">
        <f t="shared" si="3"/>
        <v>44563.333333333256</v>
      </c>
      <c r="B40" s="8">
        <v>-4.9800999999999998E-2</v>
      </c>
      <c r="C40">
        <f t="shared" si="1"/>
        <v>8</v>
      </c>
      <c r="D40">
        <f t="shared" si="2"/>
        <v>1</v>
      </c>
    </row>
    <row r="41" spans="1:4" x14ac:dyDescent="0.25">
      <c r="A41" s="7">
        <f t="shared" si="3"/>
        <v>44563.37499999992</v>
      </c>
      <c r="B41" s="8">
        <v>0.56020249175117254</v>
      </c>
      <c r="C41">
        <f t="shared" si="1"/>
        <v>9</v>
      </c>
      <c r="D41">
        <f t="shared" si="2"/>
        <v>1</v>
      </c>
    </row>
    <row r="42" spans="1:4" x14ac:dyDescent="0.25">
      <c r="A42" s="7">
        <f t="shared" si="3"/>
        <v>44563.416666666584</v>
      </c>
      <c r="B42" s="8">
        <v>1.4959757673315968</v>
      </c>
      <c r="C42">
        <f t="shared" si="1"/>
        <v>10</v>
      </c>
      <c r="D42">
        <f t="shared" si="2"/>
        <v>1</v>
      </c>
    </row>
    <row r="43" spans="1:4" x14ac:dyDescent="0.25">
      <c r="A43" s="7">
        <f t="shared" si="3"/>
        <v>44563.458333333248</v>
      </c>
      <c r="B43" s="8">
        <v>2.1990762155012309</v>
      </c>
      <c r="C43">
        <f t="shared" si="1"/>
        <v>11</v>
      </c>
      <c r="D43">
        <f t="shared" si="2"/>
        <v>1</v>
      </c>
    </row>
    <row r="44" spans="1:4" x14ac:dyDescent="0.25">
      <c r="A44" s="7">
        <f t="shared" si="3"/>
        <v>44563.499999999913</v>
      </c>
      <c r="B44" s="8">
        <v>2.0732071220276915</v>
      </c>
      <c r="C44">
        <f t="shared" si="1"/>
        <v>12</v>
      </c>
      <c r="D44">
        <f t="shared" si="2"/>
        <v>1</v>
      </c>
    </row>
    <row r="45" spans="1:4" x14ac:dyDescent="0.25">
      <c r="A45" s="7">
        <f t="shared" si="3"/>
        <v>44563.541666666577</v>
      </c>
      <c r="B45" s="8">
        <v>2.0612530107102458</v>
      </c>
      <c r="C45">
        <f t="shared" si="1"/>
        <v>13</v>
      </c>
      <c r="D45">
        <f t="shared" si="2"/>
        <v>1</v>
      </c>
    </row>
    <row r="46" spans="1:4" x14ac:dyDescent="0.25">
      <c r="A46" s="7">
        <f t="shared" si="3"/>
        <v>44563.583333333241</v>
      </c>
      <c r="B46" s="8">
        <v>1.9297711842222387</v>
      </c>
      <c r="C46">
        <f t="shared" si="1"/>
        <v>14</v>
      </c>
      <c r="D46">
        <f t="shared" si="2"/>
        <v>1</v>
      </c>
    </row>
    <row r="47" spans="1:4" x14ac:dyDescent="0.25">
      <c r="A47" s="7">
        <f t="shared" si="3"/>
        <v>44563.624999999905</v>
      </c>
      <c r="B47" s="8">
        <v>1.8924773250849793</v>
      </c>
      <c r="C47">
        <f t="shared" si="1"/>
        <v>15</v>
      </c>
      <c r="D47">
        <f t="shared" si="2"/>
        <v>1</v>
      </c>
    </row>
    <row r="48" spans="1:4" x14ac:dyDescent="0.25">
      <c r="A48" s="7">
        <f t="shared" si="3"/>
        <v>44563.66666666657</v>
      </c>
      <c r="B48" s="8">
        <v>2.1349162667163148</v>
      </c>
      <c r="C48">
        <f t="shared" si="1"/>
        <v>16</v>
      </c>
      <c r="D48">
        <f t="shared" si="2"/>
        <v>1</v>
      </c>
    </row>
    <row r="49" spans="1:4" x14ac:dyDescent="0.25">
      <c r="A49" s="7">
        <f t="shared" si="3"/>
        <v>44563.708333333234</v>
      </c>
      <c r="B49" s="8">
        <v>1.0908129153707988</v>
      </c>
      <c r="C49">
        <f t="shared" si="1"/>
        <v>17</v>
      </c>
      <c r="D49">
        <f t="shared" si="2"/>
        <v>1</v>
      </c>
    </row>
    <row r="50" spans="1:4" x14ac:dyDescent="0.25">
      <c r="A50" s="7">
        <f t="shared" si="3"/>
        <v>44563.749999999898</v>
      </c>
      <c r="B50" s="8">
        <v>-4.9800999999999998E-2</v>
      </c>
      <c r="C50">
        <f t="shared" si="1"/>
        <v>18</v>
      </c>
      <c r="D50">
        <f t="shared" si="2"/>
        <v>1</v>
      </c>
    </row>
    <row r="51" spans="1:4" x14ac:dyDescent="0.25">
      <c r="A51" s="7">
        <f t="shared" si="3"/>
        <v>44563.791666666562</v>
      </c>
      <c r="B51" s="8">
        <v>-4.9800999999999998E-2</v>
      </c>
      <c r="C51">
        <f t="shared" si="1"/>
        <v>19</v>
      </c>
      <c r="D51">
        <f t="shared" si="2"/>
        <v>1</v>
      </c>
    </row>
    <row r="52" spans="1:4" x14ac:dyDescent="0.25">
      <c r="A52" s="7">
        <f t="shared" si="3"/>
        <v>44563.833333333227</v>
      </c>
      <c r="B52" s="8">
        <v>-4.9800999999999998E-2</v>
      </c>
      <c r="C52">
        <f t="shared" si="1"/>
        <v>20</v>
      </c>
      <c r="D52">
        <f t="shared" si="2"/>
        <v>1</v>
      </c>
    </row>
    <row r="53" spans="1:4" x14ac:dyDescent="0.25">
      <c r="A53" s="7">
        <f t="shared" si="3"/>
        <v>44563.874999999891</v>
      </c>
      <c r="B53" s="8">
        <v>-4.9800999999999998E-2</v>
      </c>
      <c r="C53">
        <f t="shared" si="1"/>
        <v>21</v>
      </c>
      <c r="D53">
        <f t="shared" si="2"/>
        <v>1</v>
      </c>
    </row>
    <row r="54" spans="1:4" x14ac:dyDescent="0.25">
      <c r="A54" s="7">
        <f t="shared" si="3"/>
        <v>44563.916666666555</v>
      </c>
      <c r="B54" s="8">
        <v>-4.9800999999999998E-2</v>
      </c>
      <c r="C54">
        <f t="shared" si="1"/>
        <v>22</v>
      </c>
      <c r="D54">
        <f t="shared" si="2"/>
        <v>1</v>
      </c>
    </row>
    <row r="55" spans="1:4" x14ac:dyDescent="0.25">
      <c r="A55" s="7">
        <f t="shared" si="3"/>
        <v>44563.958333333219</v>
      </c>
      <c r="B55" s="8">
        <v>-4.9800999999999998E-2</v>
      </c>
      <c r="C55">
        <f t="shared" si="1"/>
        <v>23</v>
      </c>
      <c r="D55">
        <f t="shared" si="2"/>
        <v>1</v>
      </c>
    </row>
    <row r="56" spans="1:4" x14ac:dyDescent="0.25">
      <c r="A56" s="7">
        <f t="shared" si="3"/>
        <v>44563.999999999884</v>
      </c>
      <c r="B56" s="8">
        <v>-4.9800999999999998E-2</v>
      </c>
      <c r="C56">
        <f t="shared" si="1"/>
        <v>0</v>
      </c>
      <c r="D56">
        <f t="shared" si="2"/>
        <v>1</v>
      </c>
    </row>
    <row r="57" spans="1:4" x14ac:dyDescent="0.25">
      <c r="A57" s="7">
        <f t="shared" si="3"/>
        <v>44564.041666666548</v>
      </c>
      <c r="B57" s="8">
        <v>-4.9800999999999998E-2</v>
      </c>
      <c r="C57">
        <f t="shared" si="1"/>
        <v>1</v>
      </c>
      <c r="D57">
        <f t="shared" si="2"/>
        <v>1</v>
      </c>
    </row>
    <row r="58" spans="1:4" x14ac:dyDescent="0.25">
      <c r="A58" s="7">
        <f t="shared" si="3"/>
        <v>44564.083333333212</v>
      </c>
      <c r="B58" s="8">
        <v>-4.9800999999999998E-2</v>
      </c>
      <c r="C58">
        <f t="shared" si="1"/>
        <v>2</v>
      </c>
      <c r="D58">
        <f t="shared" si="2"/>
        <v>1</v>
      </c>
    </row>
    <row r="59" spans="1:4" x14ac:dyDescent="0.25">
      <c r="A59" s="7">
        <f t="shared" si="3"/>
        <v>44564.124999999876</v>
      </c>
      <c r="B59" s="8">
        <v>-4.9800999999999998E-2</v>
      </c>
      <c r="C59">
        <f t="shared" si="1"/>
        <v>3</v>
      </c>
      <c r="D59">
        <f t="shared" si="2"/>
        <v>1</v>
      </c>
    </row>
    <row r="60" spans="1:4" x14ac:dyDescent="0.25">
      <c r="A60" s="7">
        <f t="shared" si="3"/>
        <v>44564.166666666541</v>
      </c>
      <c r="B60" s="8">
        <v>-4.9800999999999998E-2</v>
      </c>
      <c r="C60">
        <f t="shared" si="1"/>
        <v>4</v>
      </c>
      <c r="D60">
        <f t="shared" si="2"/>
        <v>1</v>
      </c>
    </row>
    <row r="61" spans="1:4" x14ac:dyDescent="0.25">
      <c r="A61" s="7">
        <f t="shared" si="3"/>
        <v>44564.208333333205</v>
      </c>
      <c r="B61" s="8">
        <v>-4.9800999999999998E-2</v>
      </c>
      <c r="C61">
        <f t="shared" si="1"/>
        <v>5</v>
      </c>
      <c r="D61">
        <f t="shared" si="2"/>
        <v>1</v>
      </c>
    </row>
    <row r="62" spans="1:4" x14ac:dyDescent="0.25">
      <c r="A62" s="7">
        <f t="shared" si="3"/>
        <v>44564.249999999869</v>
      </c>
      <c r="B62" s="8">
        <v>-4.9800999999999998E-2</v>
      </c>
      <c r="C62">
        <f t="shared" si="1"/>
        <v>6</v>
      </c>
      <c r="D62">
        <f t="shared" si="2"/>
        <v>1</v>
      </c>
    </row>
    <row r="63" spans="1:4" x14ac:dyDescent="0.25">
      <c r="A63" s="7">
        <f t="shared" si="3"/>
        <v>44564.291666666533</v>
      </c>
      <c r="B63" s="8">
        <v>-4.9800999999999998E-2</v>
      </c>
      <c r="C63">
        <f t="shared" si="1"/>
        <v>7</v>
      </c>
      <c r="D63">
        <f t="shared" si="2"/>
        <v>1</v>
      </c>
    </row>
    <row r="64" spans="1:4" x14ac:dyDescent="0.25">
      <c r="A64" s="7">
        <f t="shared" si="3"/>
        <v>44564.333333333198</v>
      </c>
      <c r="B64" s="8">
        <v>-4.9800999999999998E-2</v>
      </c>
      <c r="C64">
        <f t="shared" si="1"/>
        <v>8</v>
      </c>
      <c r="D64">
        <f t="shared" si="2"/>
        <v>1</v>
      </c>
    </row>
    <row r="65" spans="1:4" x14ac:dyDescent="0.25">
      <c r="A65" s="7">
        <f t="shared" si="3"/>
        <v>44564.374999999862</v>
      </c>
      <c r="B65" s="8">
        <v>0.21106287775097532</v>
      </c>
      <c r="C65">
        <f t="shared" si="1"/>
        <v>9</v>
      </c>
      <c r="D65">
        <f t="shared" si="2"/>
        <v>1</v>
      </c>
    </row>
    <row r="66" spans="1:4" x14ac:dyDescent="0.25">
      <c r="A66" s="7">
        <f t="shared" si="3"/>
        <v>44564.416666666526</v>
      </c>
      <c r="B66" s="8">
        <v>1.6124188497602745</v>
      </c>
      <c r="C66">
        <f t="shared" si="1"/>
        <v>10</v>
      </c>
      <c r="D66">
        <f t="shared" si="2"/>
        <v>1</v>
      </c>
    </row>
    <row r="67" spans="1:4" x14ac:dyDescent="0.25">
      <c r="A67" s="7">
        <f t="shared" si="3"/>
        <v>44564.45833333319</v>
      </c>
      <c r="B67" s="8">
        <v>2.6158664736076807</v>
      </c>
      <c r="C67">
        <f t="shared" si="1"/>
        <v>11</v>
      </c>
      <c r="D67">
        <f t="shared" si="2"/>
        <v>1</v>
      </c>
    </row>
    <row r="68" spans="1:4" x14ac:dyDescent="0.25">
      <c r="A68" s="7">
        <f t="shared" si="3"/>
        <v>44564.499999999854</v>
      </c>
      <c r="B68" s="8">
        <v>5.4876770767683976</v>
      </c>
      <c r="C68">
        <f t="shared" si="1"/>
        <v>12</v>
      </c>
      <c r="D68">
        <f t="shared" si="2"/>
        <v>1</v>
      </c>
    </row>
    <row r="69" spans="1:4" x14ac:dyDescent="0.25">
      <c r="A69" s="7">
        <f t="shared" si="3"/>
        <v>44564.541666666519</v>
      </c>
      <c r="B69" s="8">
        <v>3.6374209844053582</v>
      </c>
      <c r="C69">
        <f t="shared" si="1"/>
        <v>13</v>
      </c>
      <c r="D69">
        <f t="shared" si="2"/>
        <v>1</v>
      </c>
    </row>
    <row r="70" spans="1:4" x14ac:dyDescent="0.25">
      <c r="A70" s="7">
        <f t="shared" si="3"/>
        <v>44564.583333333183</v>
      </c>
      <c r="B70" s="8">
        <v>4.7436271756307447</v>
      </c>
      <c r="C70">
        <f t="shared" si="1"/>
        <v>14</v>
      </c>
      <c r="D70">
        <f t="shared" si="2"/>
        <v>1</v>
      </c>
    </row>
    <row r="71" spans="1:4" x14ac:dyDescent="0.25">
      <c r="A71" s="7">
        <f t="shared" si="3"/>
        <v>44564.624999999847</v>
      </c>
      <c r="B71" s="8">
        <v>1.9846720817030827</v>
      </c>
      <c r="C71">
        <f t="shared" si="1"/>
        <v>15</v>
      </c>
      <c r="D71">
        <f t="shared" si="2"/>
        <v>1</v>
      </c>
    </row>
    <row r="72" spans="1:4" x14ac:dyDescent="0.25">
      <c r="A72" s="7">
        <f t="shared" si="3"/>
        <v>44564.666666666511</v>
      </c>
      <c r="B72" s="8">
        <v>1.5071898965880088</v>
      </c>
      <c r="C72">
        <f t="shared" si="1"/>
        <v>16</v>
      </c>
      <c r="D72">
        <f t="shared" si="2"/>
        <v>1</v>
      </c>
    </row>
    <row r="73" spans="1:4" x14ac:dyDescent="0.25">
      <c r="A73" s="7">
        <f t="shared" si="3"/>
        <v>44564.708333333176</v>
      </c>
      <c r="B73" s="8">
        <v>0.53745989545476225</v>
      </c>
      <c r="C73">
        <f t="shared" si="1"/>
        <v>17</v>
      </c>
      <c r="D73">
        <f t="shared" si="2"/>
        <v>1</v>
      </c>
    </row>
    <row r="74" spans="1:4" x14ac:dyDescent="0.25">
      <c r="A74" s="7">
        <f t="shared" si="3"/>
        <v>44564.74999999984</v>
      </c>
      <c r="B74" s="8">
        <v>-4.9800999999999998E-2</v>
      </c>
      <c r="C74">
        <f t="shared" ref="C74:C137" si="4">HOUR(A74)</f>
        <v>18</v>
      </c>
      <c r="D74">
        <f t="shared" ref="D74:D137" si="5">MONTH(A74)</f>
        <v>1</v>
      </c>
    </row>
    <row r="75" spans="1:4" x14ac:dyDescent="0.25">
      <c r="A75" s="7">
        <f t="shared" ref="A75:A138" si="6">+A74+1/24</f>
        <v>44564.791666666504</v>
      </c>
      <c r="B75" s="8">
        <v>-4.9800999999999998E-2</v>
      </c>
      <c r="C75">
        <f t="shared" si="4"/>
        <v>19</v>
      </c>
      <c r="D75">
        <f t="shared" si="5"/>
        <v>1</v>
      </c>
    </row>
    <row r="76" spans="1:4" x14ac:dyDescent="0.25">
      <c r="A76" s="7">
        <f t="shared" si="6"/>
        <v>44564.833333333168</v>
      </c>
      <c r="B76" s="8">
        <v>-4.9800999999999998E-2</v>
      </c>
      <c r="C76">
        <f t="shared" si="4"/>
        <v>20</v>
      </c>
      <c r="D76">
        <f t="shared" si="5"/>
        <v>1</v>
      </c>
    </row>
    <row r="77" spans="1:4" x14ac:dyDescent="0.25">
      <c r="A77" s="7">
        <f t="shared" si="6"/>
        <v>44564.874999999833</v>
      </c>
      <c r="B77" s="8">
        <v>-4.9800999999999998E-2</v>
      </c>
      <c r="C77">
        <f t="shared" si="4"/>
        <v>21</v>
      </c>
      <c r="D77">
        <f t="shared" si="5"/>
        <v>1</v>
      </c>
    </row>
    <row r="78" spans="1:4" x14ac:dyDescent="0.25">
      <c r="A78" s="7">
        <f t="shared" si="6"/>
        <v>44564.916666666497</v>
      </c>
      <c r="B78" s="8">
        <v>-4.9800999999999998E-2</v>
      </c>
      <c r="C78">
        <f t="shared" si="4"/>
        <v>22</v>
      </c>
      <c r="D78">
        <f t="shared" si="5"/>
        <v>1</v>
      </c>
    </row>
    <row r="79" spans="1:4" x14ac:dyDescent="0.25">
      <c r="A79" s="7">
        <f t="shared" si="6"/>
        <v>44564.958333333161</v>
      </c>
      <c r="B79" s="8">
        <v>-4.9800999999999998E-2</v>
      </c>
      <c r="C79">
        <f t="shared" si="4"/>
        <v>23</v>
      </c>
      <c r="D79">
        <f t="shared" si="5"/>
        <v>1</v>
      </c>
    </row>
    <row r="80" spans="1:4" x14ac:dyDescent="0.25">
      <c r="A80" s="7">
        <f t="shared" si="6"/>
        <v>44564.999999999825</v>
      </c>
      <c r="B80" s="8">
        <v>-4.9800999999999998E-2</v>
      </c>
      <c r="C80">
        <f t="shared" si="4"/>
        <v>0</v>
      </c>
      <c r="D80">
        <f t="shared" si="5"/>
        <v>1</v>
      </c>
    </row>
    <row r="81" spans="1:4" x14ac:dyDescent="0.25">
      <c r="A81" s="7">
        <f t="shared" si="6"/>
        <v>44565.04166666649</v>
      </c>
      <c r="B81" s="8">
        <v>-4.9800999999999998E-2</v>
      </c>
      <c r="C81">
        <f t="shared" si="4"/>
        <v>1</v>
      </c>
      <c r="D81">
        <f t="shared" si="5"/>
        <v>1</v>
      </c>
    </row>
    <row r="82" spans="1:4" x14ac:dyDescent="0.25">
      <c r="A82" s="7">
        <f t="shared" si="6"/>
        <v>44565.083333333154</v>
      </c>
      <c r="B82" s="8">
        <v>-4.9800999999999998E-2</v>
      </c>
      <c r="C82">
        <f t="shared" si="4"/>
        <v>2</v>
      </c>
      <c r="D82">
        <f t="shared" si="5"/>
        <v>1</v>
      </c>
    </row>
    <row r="83" spans="1:4" x14ac:dyDescent="0.25">
      <c r="A83" s="7">
        <f t="shared" si="6"/>
        <v>44565.124999999818</v>
      </c>
      <c r="B83" s="8">
        <v>-4.9800999999999998E-2</v>
      </c>
      <c r="C83">
        <f t="shared" si="4"/>
        <v>3</v>
      </c>
      <c r="D83">
        <f t="shared" si="5"/>
        <v>1</v>
      </c>
    </row>
    <row r="84" spans="1:4" x14ac:dyDescent="0.25">
      <c r="A84" s="7">
        <f t="shared" si="6"/>
        <v>44565.166666666482</v>
      </c>
      <c r="B84" s="8">
        <v>-4.9800999999999998E-2</v>
      </c>
      <c r="C84">
        <f t="shared" si="4"/>
        <v>4</v>
      </c>
      <c r="D84">
        <f t="shared" si="5"/>
        <v>1</v>
      </c>
    </row>
    <row r="85" spans="1:4" x14ac:dyDescent="0.25">
      <c r="A85" s="7">
        <f t="shared" si="6"/>
        <v>44565.208333333147</v>
      </c>
      <c r="B85" s="8">
        <v>-4.9800999999999998E-2</v>
      </c>
      <c r="C85">
        <f t="shared" si="4"/>
        <v>5</v>
      </c>
      <c r="D85">
        <f t="shared" si="5"/>
        <v>1</v>
      </c>
    </row>
    <row r="86" spans="1:4" x14ac:dyDescent="0.25">
      <c r="A86" s="7">
        <f t="shared" si="6"/>
        <v>44565.249999999811</v>
      </c>
      <c r="B86" s="8">
        <v>-4.9800999999999998E-2</v>
      </c>
      <c r="C86">
        <f t="shared" si="4"/>
        <v>6</v>
      </c>
      <c r="D86">
        <f t="shared" si="5"/>
        <v>1</v>
      </c>
    </row>
    <row r="87" spans="1:4" x14ac:dyDescent="0.25">
      <c r="A87" s="7">
        <f t="shared" si="6"/>
        <v>44565.291666666475</v>
      </c>
      <c r="B87" s="8">
        <v>-4.9800999999999998E-2</v>
      </c>
      <c r="C87">
        <f t="shared" si="4"/>
        <v>7</v>
      </c>
      <c r="D87">
        <f t="shared" si="5"/>
        <v>1</v>
      </c>
    </row>
    <row r="88" spans="1:4" x14ac:dyDescent="0.25">
      <c r="A88" s="7">
        <f t="shared" si="6"/>
        <v>44565.333333333139</v>
      </c>
      <c r="B88" s="8">
        <v>-4.9800999999999998E-2</v>
      </c>
      <c r="C88">
        <f t="shared" si="4"/>
        <v>8</v>
      </c>
      <c r="D88">
        <f t="shared" si="5"/>
        <v>1</v>
      </c>
    </row>
    <row r="89" spans="1:4" x14ac:dyDescent="0.25">
      <c r="A89" s="7">
        <f t="shared" si="6"/>
        <v>44565.374999999804</v>
      </c>
      <c r="B89" s="8">
        <v>0.24803415417917712</v>
      </c>
      <c r="C89">
        <f t="shared" si="4"/>
        <v>9</v>
      </c>
      <c r="D89">
        <f t="shared" si="5"/>
        <v>1</v>
      </c>
    </row>
    <row r="90" spans="1:4" x14ac:dyDescent="0.25">
      <c r="A90" s="7">
        <f t="shared" si="6"/>
        <v>44565.416666666468</v>
      </c>
      <c r="B90" s="8">
        <v>1.2027439623354041</v>
      </c>
      <c r="C90">
        <f t="shared" si="4"/>
        <v>10</v>
      </c>
      <c r="D90">
        <f t="shared" si="5"/>
        <v>1</v>
      </c>
    </row>
    <row r="91" spans="1:4" x14ac:dyDescent="0.25">
      <c r="A91" s="7">
        <f t="shared" si="6"/>
        <v>44565.458333333132</v>
      </c>
      <c r="B91" s="8">
        <v>1.9288487831851571</v>
      </c>
      <c r="C91">
        <f t="shared" si="4"/>
        <v>11</v>
      </c>
      <c r="D91">
        <f t="shared" si="5"/>
        <v>1</v>
      </c>
    </row>
    <row r="92" spans="1:4" x14ac:dyDescent="0.25">
      <c r="A92" s="7">
        <f t="shared" si="6"/>
        <v>44565.499999999796</v>
      </c>
      <c r="B92" s="8">
        <v>2.118181129241302</v>
      </c>
      <c r="C92">
        <f t="shared" si="4"/>
        <v>12</v>
      </c>
      <c r="D92">
        <f t="shared" si="5"/>
        <v>1</v>
      </c>
    </row>
    <row r="93" spans="1:4" x14ac:dyDescent="0.25">
      <c r="A93" s="7">
        <f t="shared" si="6"/>
        <v>44565.541666666461</v>
      </c>
      <c r="B93" s="8">
        <v>3.0126792772975981</v>
      </c>
      <c r="C93">
        <f t="shared" si="4"/>
        <v>13</v>
      </c>
      <c r="D93">
        <f t="shared" si="5"/>
        <v>1</v>
      </c>
    </row>
    <row r="94" spans="1:4" x14ac:dyDescent="0.25">
      <c r="A94" s="7">
        <f t="shared" si="6"/>
        <v>44565.583333333125</v>
      </c>
      <c r="B94" s="8">
        <v>3.0342160532438567</v>
      </c>
      <c r="C94">
        <f t="shared" si="4"/>
        <v>14</v>
      </c>
      <c r="D94">
        <f t="shared" si="5"/>
        <v>1</v>
      </c>
    </row>
    <row r="95" spans="1:4" x14ac:dyDescent="0.25">
      <c r="A95" s="7">
        <f t="shared" si="6"/>
        <v>44565.624999999789</v>
      </c>
      <c r="B95" s="8">
        <v>3.7198980657400584</v>
      </c>
      <c r="C95">
        <f t="shared" si="4"/>
        <v>15</v>
      </c>
      <c r="D95">
        <f t="shared" si="5"/>
        <v>1</v>
      </c>
    </row>
    <row r="96" spans="1:4" x14ac:dyDescent="0.25">
      <c r="A96" s="7">
        <f t="shared" si="6"/>
        <v>44565.666666666453</v>
      </c>
      <c r="B96" s="8">
        <v>2.3844808851860697</v>
      </c>
      <c r="C96">
        <f t="shared" si="4"/>
        <v>16</v>
      </c>
      <c r="D96">
        <f t="shared" si="5"/>
        <v>1</v>
      </c>
    </row>
    <row r="97" spans="1:4" x14ac:dyDescent="0.25">
      <c r="A97" s="7">
        <f t="shared" si="6"/>
        <v>44565.708333333117</v>
      </c>
      <c r="B97" s="8">
        <v>1.5709850074208269</v>
      </c>
      <c r="C97">
        <f t="shared" si="4"/>
        <v>17</v>
      </c>
      <c r="D97">
        <f t="shared" si="5"/>
        <v>1</v>
      </c>
    </row>
    <row r="98" spans="1:4" x14ac:dyDescent="0.25">
      <c r="A98" s="7">
        <f t="shared" si="6"/>
        <v>44565.749999999782</v>
      </c>
      <c r="B98" s="8">
        <v>-4.9800999999999998E-2</v>
      </c>
      <c r="C98">
        <f t="shared" si="4"/>
        <v>18</v>
      </c>
      <c r="D98">
        <f t="shared" si="5"/>
        <v>1</v>
      </c>
    </row>
    <row r="99" spans="1:4" x14ac:dyDescent="0.25">
      <c r="A99" s="7">
        <f t="shared" si="6"/>
        <v>44565.791666666446</v>
      </c>
      <c r="B99" s="8">
        <v>-4.9800999999999998E-2</v>
      </c>
      <c r="C99">
        <f t="shared" si="4"/>
        <v>19</v>
      </c>
      <c r="D99">
        <f t="shared" si="5"/>
        <v>1</v>
      </c>
    </row>
    <row r="100" spans="1:4" x14ac:dyDescent="0.25">
      <c r="A100" s="7">
        <f t="shared" si="6"/>
        <v>44565.83333333311</v>
      </c>
      <c r="B100" s="8">
        <v>-4.9800999999999998E-2</v>
      </c>
      <c r="C100">
        <f t="shared" si="4"/>
        <v>20</v>
      </c>
      <c r="D100">
        <f t="shared" si="5"/>
        <v>1</v>
      </c>
    </row>
    <row r="101" spans="1:4" x14ac:dyDescent="0.25">
      <c r="A101" s="7">
        <f t="shared" si="6"/>
        <v>44565.874999999774</v>
      </c>
      <c r="B101" s="8">
        <v>-4.9800999999999998E-2</v>
      </c>
      <c r="C101">
        <f t="shared" si="4"/>
        <v>21</v>
      </c>
      <c r="D101">
        <f t="shared" si="5"/>
        <v>1</v>
      </c>
    </row>
    <row r="102" spans="1:4" x14ac:dyDescent="0.25">
      <c r="A102" s="7">
        <f t="shared" si="6"/>
        <v>44565.916666666439</v>
      </c>
      <c r="B102" s="8">
        <v>-4.9800999999999998E-2</v>
      </c>
      <c r="C102">
        <f t="shared" si="4"/>
        <v>22</v>
      </c>
      <c r="D102">
        <f t="shared" si="5"/>
        <v>1</v>
      </c>
    </row>
    <row r="103" spans="1:4" x14ac:dyDescent="0.25">
      <c r="A103" s="7">
        <f t="shared" si="6"/>
        <v>44565.958333333103</v>
      </c>
      <c r="B103" s="8">
        <v>-4.9800999999999998E-2</v>
      </c>
      <c r="C103">
        <f t="shared" si="4"/>
        <v>23</v>
      </c>
      <c r="D103">
        <f t="shared" si="5"/>
        <v>1</v>
      </c>
    </row>
    <row r="104" spans="1:4" x14ac:dyDescent="0.25">
      <c r="A104" s="7">
        <f t="shared" si="6"/>
        <v>44565.999999999767</v>
      </c>
      <c r="B104" s="8">
        <v>-4.9800999999999998E-2</v>
      </c>
      <c r="C104">
        <f t="shared" si="4"/>
        <v>0</v>
      </c>
      <c r="D104">
        <f t="shared" si="5"/>
        <v>1</v>
      </c>
    </row>
    <row r="105" spans="1:4" x14ac:dyDescent="0.25">
      <c r="A105" s="7">
        <f t="shared" si="6"/>
        <v>44566.041666666431</v>
      </c>
      <c r="B105" s="8">
        <v>-4.9800999999999998E-2</v>
      </c>
      <c r="C105">
        <f t="shared" si="4"/>
        <v>1</v>
      </c>
      <c r="D105">
        <f t="shared" si="5"/>
        <v>1</v>
      </c>
    </row>
    <row r="106" spans="1:4" x14ac:dyDescent="0.25">
      <c r="A106" s="7">
        <f t="shared" si="6"/>
        <v>44566.083333333096</v>
      </c>
      <c r="B106" s="8">
        <v>-4.9800999999999998E-2</v>
      </c>
      <c r="C106">
        <f t="shared" si="4"/>
        <v>2</v>
      </c>
      <c r="D106">
        <f t="shared" si="5"/>
        <v>1</v>
      </c>
    </row>
    <row r="107" spans="1:4" x14ac:dyDescent="0.25">
      <c r="A107" s="7">
        <f t="shared" si="6"/>
        <v>44566.12499999976</v>
      </c>
      <c r="B107" s="8">
        <v>-4.9800999999999998E-2</v>
      </c>
      <c r="C107">
        <f t="shared" si="4"/>
        <v>3</v>
      </c>
      <c r="D107">
        <f t="shared" si="5"/>
        <v>1</v>
      </c>
    </row>
    <row r="108" spans="1:4" x14ac:dyDescent="0.25">
      <c r="A108" s="7">
        <f t="shared" si="6"/>
        <v>44566.166666666424</v>
      </c>
      <c r="B108" s="8">
        <v>-4.9800999999999998E-2</v>
      </c>
      <c r="C108">
        <f t="shared" si="4"/>
        <v>4</v>
      </c>
      <c r="D108">
        <f t="shared" si="5"/>
        <v>1</v>
      </c>
    </row>
    <row r="109" spans="1:4" x14ac:dyDescent="0.25">
      <c r="A109" s="7">
        <f t="shared" si="6"/>
        <v>44566.208333333088</v>
      </c>
      <c r="B109" s="8">
        <v>-4.9800999999999998E-2</v>
      </c>
      <c r="C109">
        <f t="shared" si="4"/>
        <v>5</v>
      </c>
      <c r="D109">
        <f t="shared" si="5"/>
        <v>1</v>
      </c>
    </row>
    <row r="110" spans="1:4" x14ac:dyDescent="0.25">
      <c r="A110" s="7">
        <f t="shared" si="6"/>
        <v>44566.249999999753</v>
      </c>
      <c r="B110" s="8">
        <v>-4.9800999999999998E-2</v>
      </c>
      <c r="C110">
        <f t="shared" si="4"/>
        <v>6</v>
      </c>
      <c r="D110">
        <f t="shared" si="5"/>
        <v>1</v>
      </c>
    </row>
    <row r="111" spans="1:4" x14ac:dyDescent="0.25">
      <c r="A111" s="7">
        <f t="shared" si="6"/>
        <v>44566.291666666417</v>
      </c>
      <c r="B111" s="8">
        <v>-4.9800999999999998E-2</v>
      </c>
      <c r="C111">
        <f t="shared" si="4"/>
        <v>7</v>
      </c>
      <c r="D111">
        <f t="shared" si="5"/>
        <v>1</v>
      </c>
    </row>
    <row r="112" spans="1:4" x14ac:dyDescent="0.25">
      <c r="A112" s="7">
        <f t="shared" si="6"/>
        <v>44566.333333333081</v>
      </c>
      <c r="B112" s="8">
        <v>-4.9800999999999998E-2</v>
      </c>
      <c r="C112">
        <f t="shared" si="4"/>
        <v>8</v>
      </c>
      <c r="D112">
        <f t="shared" si="5"/>
        <v>1</v>
      </c>
    </row>
    <row r="113" spans="1:4" x14ac:dyDescent="0.25">
      <c r="A113" s="7">
        <f t="shared" si="6"/>
        <v>44566.374999999745</v>
      </c>
      <c r="B113" s="8">
        <v>1.6851483679567392</v>
      </c>
      <c r="C113">
        <f t="shared" si="4"/>
        <v>9</v>
      </c>
      <c r="D113">
        <f t="shared" si="5"/>
        <v>1</v>
      </c>
    </row>
    <row r="114" spans="1:4" x14ac:dyDescent="0.25">
      <c r="A114" s="7">
        <f t="shared" si="6"/>
        <v>44566.41666666641</v>
      </c>
      <c r="B114" s="8">
        <v>10.08913494126919</v>
      </c>
      <c r="C114">
        <f t="shared" si="4"/>
        <v>10</v>
      </c>
      <c r="D114">
        <f t="shared" si="5"/>
        <v>1</v>
      </c>
    </row>
    <row r="115" spans="1:4" x14ac:dyDescent="0.25">
      <c r="A115" s="7">
        <f t="shared" si="6"/>
        <v>44566.458333333074</v>
      </c>
      <c r="B115" s="8">
        <v>18.031230483532465</v>
      </c>
      <c r="C115">
        <f t="shared" si="4"/>
        <v>11</v>
      </c>
      <c r="D115">
        <f t="shared" si="5"/>
        <v>1</v>
      </c>
    </row>
    <row r="116" spans="1:4" x14ac:dyDescent="0.25">
      <c r="A116" s="7">
        <f t="shared" si="6"/>
        <v>44566.499999999738</v>
      </c>
      <c r="B116" s="8">
        <v>20.45112641546406</v>
      </c>
      <c r="C116">
        <f t="shared" si="4"/>
        <v>12</v>
      </c>
      <c r="D116">
        <f t="shared" si="5"/>
        <v>1</v>
      </c>
    </row>
    <row r="117" spans="1:4" x14ac:dyDescent="0.25">
      <c r="A117" s="7">
        <f t="shared" si="6"/>
        <v>44566.541666666402</v>
      </c>
      <c r="B117" s="8">
        <v>20.45117176255415</v>
      </c>
      <c r="C117">
        <f t="shared" si="4"/>
        <v>13</v>
      </c>
      <c r="D117">
        <f t="shared" si="5"/>
        <v>1</v>
      </c>
    </row>
    <row r="118" spans="1:4" x14ac:dyDescent="0.25">
      <c r="A118" s="7">
        <f t="shared" si="6"/>
        <v>44566.583333333067</v>
      </c>
      <c r="B118" s="8">
        <v>20.451153211471844</v>
      </c>
      <c r="C118">
        <f t="shared" si="4"/>
        <v>14</v>
      </c>
      <c r="D118">
        <f t="shared" si="5"/>
        <v>1</v>
      </c>
    </row>
    <row r="119" spans="1:4" x14ac:dyDescent="0.25">
      <c r="A119" s="7">
        <f t="shared" si="6"/>
        <v>44566.624999999731</v>
      </c>
      <c r="B119" s="8">
        <v>18.552760152361333</v>
      </c>
      <c r="C119">
        <f t="shared" si="4"/>
        <v>15</v>
      </c>
      <c r="D119">
        <f t="shared" si="5"/>
        <v>1</v>
      </c>
    </row>
    <row r="120" spans="1:4" x14ac:dyDescent="0.25">
      <c r="A120" s="7">
        <f t="shared" si="6"/>
        <v>44566.666666666395</v>
      </c>
      <c r="B120" s="8">
        <v>11.494849387005663</v>
      </c>
      <c r="C120">
        <f t="shared" si="4"/>
        <v>16</v>
      </c>
      <c r="D120">
        <f t="shared" si="5"/>
        <v>1</v>
      </c>
    </row>
    <row r="121" spans="1:4" x14ac:dyDescent="0.25">
      <c r="A121" s="7">
        <f t="shared" si="6"/>
        <v>44566.708333333059</v>
      </c>
      <c r="B121" s="8">
        <v>3.9130292612070239</v>
      </c>
      <c r="C121">
        <f t="shared" si="4"/>
        <v>17</v>
      </c>
      <c r="D121">
        <f t="shared" si="5"/>
        <v>1</v>
      </c>
    </row>
    <row r="122" spans="1:4" x14ac:dyDescent="0.25">
      <c r="A122" s="7">
        <f t="shared" si="6"/>
        <v>44566.749999999724</v>
      </c>
      <c r="B122" s="8">
        <v>-4.9800999999999998E-2</v>
      </c>
      <c r="C122">
        <f t="shared" si="4"/>
        <v>18</v>
      </c>
      <c r="D122">
        <f t="shared" si="5"/>
        <v>1</v>
      </c>
    </row>
    <row r="123" spans="1:4" x14ac:dyDescent="0.25">
      <c r="A123" s="7">
        <f t="shared" si="6"/>
        <v>44566.791666666388</v>
      </c>
      <c r="B123" s="8">
        <v>-4.9800999999999998E-2</v>
      </c>
      <c r="C123">
        <f t="shared" si="4"/>
        <v>19</v>
      </c>
      <c r="D123">
        <f t="shared" si="5"/>
        <v>1</v>
      </c>
    </row>
    <row r="124" spans="1:4" x14ac:dyDescent="0.25">
      <c r="A124" s="7">
        <f t="shared" si="6"/>
        <v>44566.833333333052</v>
      </c>
      <c r="B124" s="8">
        <v>-4.9800999999999998E-2</v>
      </c>
      <c r="C124">
        <f t="shared" si="4"/>
        <v>20</v>
      </c>
      <c r="D124">
        <f t="shared" si="5"/>
        <v>1</v>
      </c>
    </row>
    <row r="125" spans="1:4" x14ac:dyDescent="0.25">
      <c r="A125" s="7">
        <f t="shared" si="6"/>
        <v>44566.874999999716</v>
      </c>
      <c r="B125" s="8">
        <v>-4.9800999999999998E-2</v>
      </c>
      <c r="C125">
        <f t="shared" si="4"/>
        <v>21</v>
      </c>
      <c r="D125">
        <f t="shared" si="5"/>
        <v>1</v>
      </c>
    </row>
    <row r="126" spans="1:4" x14ac:dyDescent="0.25">
      <c r="A126" s="7">
        <f t="shared" si="6"/>
        <v>44566.91666666638</v>
      </c>
      <c r="B126" s="8">
        <v>-4.9800999999999998E-2</v>
      </c>
      <c r="C126">
        <f t="shared" si="4"/>
        <v>22</v>
      </c>
      <c r="D126">
        <f t="shared" si="5"/>
        <v>1</v>
      </c>
    </row>
    <row r="127" spans="1:4" x14ac:dyDescent="0.25">
      <c r="A127" s="7">
        <f t="shared" si="6"/>
        <v>44566.958333333045</v>
      </c>
      <c r="B127" s="8">
        <v>-4.9800999999999998E-2</v>
      </c>
      <c r="C127">
        <f t="shared" si="4"/>
        <v>23</v>
      </c>
      <c r="D127">
        <f t="shared" si="5"/>
        <v>1</v>
      </c>
    </row>
    <row r="128" spans="1:4" x14ac:dyDescent="0.25">
      <c r="A128" s="7">
        <f t="shared" si="6"/>
        <v>44566.999999999709</v>
      </c>
      <c r="B128" s="8">
        <v>-4.9800999999999998E-2</v>
      </c>
      <c r="C128">
        <f t="shared" si="4"/>
        <v>0</v>
      </c>
      <c r="D128">
        <f t="shared" si="5"/>
        <v>1</v>
      </c>
    </row>
    <row r="129" spans="1:4" x14ac:dyDescent="0.25">
      <c r="A129" s="7">
        <f t="shared" si="6"/>
        <v>44567.041666666373</v>
      </c>
      <c r="B129" s="8">
        <v>-4.9800999999999998E-2</v>
      </c>
      <c r="C129">
        <f t="shared" si="4"/>
        <v>1</v>
      </c>
      <c r="D129">
        <f t="shared" si="5"/>
        <v>1</v>
      </c>
    </row>
    <row r="130" spans="1:4" x14ac:dyDescent="0.25">
      <c r="A130" s="7">
        <f t="shared" si="6"/>
        <v>44567.083333333037</v>
      </c>
      <c r="B130" s="8">
        <v>-4.9800999999999998E-2</v>
      </c>
      <c r="C130">
        <f t="shared" si="4"/>
        <v>2</v>
      </c>
      <c r="D130">
        <f t="shared" si="5"/>
        <v>1</v>
      </c>
    </row>
    <row r="131" spans="1:4" x14ac:dyDescent="0.25">
      <c r="A131" s="7">
        <f t="shared" si="6"/>
        <v>44567.124999999702</v>
      </c>
      <c r="B131" s="8">
        <v>-4.9800999999999998E-2</v>
      </c>
      <c r="C131">
        <f t="shared" si="4"/>
        <v>3</v>
      </c>
      <c r="D131">
        <f t="shared" si="5"/>
        <v>1</v>
      </c>
    </row>
    <row r="132" spans="1:4" x14ac:dyDescent="0.25">
      <c r="A132" s="7">
        <f t="shared" si="6"/>
        <v>44567.166666666366</v>
      </c>
      <c r="B132" s="8">
        <v>-4.9800999999999998E-2</v>
      </c>
      <c r="C132">
        <f t="shared" si="4"/>
        <v>4</v>
      </c>
      <c r="D132">
        <f t="shared" si="5"/>
        <v>1</v>
      </c>
    </row>
    <row r="133" spans="1:4" x14ac:dyDescent="0.25">
      <c r="A133" s="7">
        <f t="shared" si="6"/>
        <v>44567.20833333303</v>
      </c>
      <c r="B133" s="8">
        <v>-4.9800999999999998E-2</v>
      </c>
      <c r="C133">
        <f t="shared" si="4"/>
        <v>5</v>
      </c>
      <c r="D133">
        <f t="shared" si="5"/>
        <v>1</v>
      </c>
    </row>
    <row r="134" spans="1:4" x14ac:dyDescent="0.25">
      <c r="A134" s="7">
        <f t="shared" si="6"/>
        <v>44567.249999999694</v>
      </c>
      <c r="B134" s="8">
        <v>-4.9800999999999998E-2</v>
      </c>
      <c r="C134">
        <f t="shared" si="4"/>
        <v>6</v>
      </c>
      <c r="D134">
        <f t="shared" si="5"/>
        <v>1</v>
      </c>
    </row>
    <row r="135" spans="1:4" x14ac:dyDescent="0.25">
      <c r="A135" s="7">
        <f t="shared" si="6"/>
        <v>44567.291666666359</v>
      </c>
      <c r="B135" s="8">
        <v>-4.9800999999999998E-2</v>
      </c>
      <c r="C135">
        <f t="shared" si="4"/>
        <v>7</v>
      </c>
      <c r="D135">
        <f t="shared" si="5"/>
        <v>1</v>
      </c>
    </row>
    <row r="136" spans="1:4" x14ac:dyDescent="0.25">
      <c r="A136" s="7">
        <f t="shared" si="6"/>
        <v>44567.333333333023</v>
      </c>
      <c r="B136" s="8">
        <v>-4.9800999999999998E-2</v>
      </c>
      <c r="C136">
        <f t="shared" si="4"/>
        <v>8</v>
      </c>
      <c r="D136">
        <f t="shared" si="5"/>
        <v>1</v>
      </c>
    </row>
    <row r="137" spans="1:4" x14ac:dyDescent="0.25">
      <c r="A137" s="7">
        <f t="shared" si="6"/>
        <v>44567.374999999687</v>
      </c>
      <c r="B137" s="8">
        <v>2.2869640291763562</v>
      </c>
      <c r="C137">
        <f t="shared" si="4"/>
        <v>9</v>
      </c>
      <c r="D137">
        <f t="shared" si="5"/>
        <v>1</v>
      </c>
    </row>
    <row r="138" spans="1:4" x14ac:dyDescent="0.25">
      <c r="A138" s="7">
        <f t="shared" si="6"/>
        <v>44567.416666666351</v>
      </c>
      <c r="B138" s="8">
        <v>1.8745002957108783</v>
      </c>
      <c r="C138">
        <f t="shared" ref="C138:C201" si="7">HOUR(A138)</f>
        <v>10</v>
      </c>
      <c r="D138">
        <f t="shared" ref="D138:D201" si="8">MONTH(A138)</f>
        <v>1</v>
      </c>
    </row>
    <row r="139" spans="1:4" x14ac:dyDescent="0.25">
      <c r="A139" s="7">
        <f t="shared" ref="A139:A202" si="9">+A138+1/24</f>
        <v>44567.458333333016</v>
      </c>
      <c r="B139" s="8">
        <v>3.1863957345114358</v>
      </c>
      <c r="C139">
        <f t="shared" si="7"/>
        <v>11</v>
      </c>
      <c r="D139">
        <f t="shared" si="8"/>
        <v>1</v>
      </c>
    </row>
    <row r="140" spans="1:4" x14ac:dyDescent="0.25">
      <c r="A140" s="7">
        <f t="shared" si="9"/>
        <v>44567.49999999968</v>
      </c>
      <c r="B140" s="8">
        <v>4.0482264572354563</v>
      </c>
      <c r="C140">
        <f t="shared" si="7"/>
        <v>12</v>
      </c>
      <c r="D140">
        <f t="shared" si="8"/>
        <v>1</v>
      </c>
    </row>
    <row r="141" spans="1:4" x14ac:dyDescent="0.25">
      <c r="A141" s="7">
        <f t="shared" si="9"/>
        <v>44567.541666666344</v>
      </c>
      <c r="B141" s="8">
        <v>4.8333783424623444</v>
      </c>
      <c r="C141">
        <f t="shared" si="7"/>
        <v>13</v>
      </c>
      <c r="D141">
        <f t="shared" si="8"/>
        <v>1</v>
      </c>
    </row>
    <row r="142" spans="1:4" x14ac:dyDescent="0.25">
      <c r="A142" s="7">
        <f t="shared" si="9"/>
        <v>44567.583333333008</v>
      </c>
      <c r="B142" s="8">
        <v>4.4052688322997247</v>
      </c>
      <c r="C142">
        <f t="shared" si="7"/>
        <v>14</v>
      </c>
      <c r="D142">
        <f t="shared" si="8"/>
        <v>1</v>
      </c>
    </row>
    <row r="143" spans="1:4" x14ac:dyDescent="0.25">
      <c r="A143" s="7">
        <f t="shared" si="9"/>
        <v>44567.624999999673</v>
      </c>
      <c r="B143" s="8">
        <v>3.0244818881095115</v>
      </c>
      <c r="C143">
        <f t="shared" si="7"/>
        <v>15</v>
      </c>
      <c r="D143">
        <f t="shared" si="8"/>
        <v>1</v>
      </c>
    </row>
    <row r="144" spans="1:4" x14ac:dyDescent="0.25">
      <c r="A144" s="7">
        <f t="shared" si="9"/>
        <v>44567.666666666337</v>
      </c>
      <c r="B144" s="8">
        <v>2.2322455506715611</v>
      </c>
      <c r="C144">
        <f t="shared" si="7"/>
        <v>16</v>
      </c>
      <c r="D144">
        <f t="shared" si="8"/>
        <v>1</v>
      </c>
    </row>
    <row r="145" spans="1:4" x14ac:dyDescent="0.25">
      <c r="A145" s="7">
        <f t="shared" si="9"/>
        <v>44567.708333333001</v>
      </c>
      <c r="B145" s="8">
        <v>0.62328853899347436</v>
      </c>
      <c r="C145">
        <f t="shared" si="7"/>
        <v>17</v>
      </c>
      <c r="D145">
        <f t="shared" si="8"/>
        <v>1</v>
      </c>
    </row>
    <row r="146" spans="1:4" x14ac:dyDescent="0.25">
      <c r="A146" s="7">
        <f t="shared" si="9"/>
        <v>44567.749999999665</v>
      </c>
      <c r="B146" s="8">
        <v>-4.9800999999999998E-2</v>
      </c>
      <c r="C146">
        <f t="shared" si="7"/>
        <v>18</v>
      </c>
      <c r="D146">
        <f t="shared" si="8"/>
        <v>1</v>
      </c>
    </row>
    <row r="147" spans="1:4" x14ac:dyDescent="0.25">
      <c r="A147" s="7">
        <f t="shared" si="9"/>
        <v>44567.79166666633</v>
      </c>
      <c r="B147" s="8">
        <v>-4.9800999999999998E-2</v>
      </c>
      <c r="C147">
        <f t="shared" si="7"/>
        <v>19</v>
      </c>
      <c r="D147">
        <f t="shared" si="8"/>
        <v>1</v>
      </c>
    </row>
    <row r="148" spans="1:4" x14ac:dyDescent="0.25">
      <c r="A148" s="7">
        <f t="shared" si="9"/>
        <v>44567.833333332994</v>
      </c>
      <c r="B148" s="8">
        <v>-4.9800999999999998E-2</v>
      </c>
      <c r="C148">
        <f t="shared" si="7"/>
        <v>20</v>
      </c>
      <c r="D148">
        <f t="shared" si="8"/>
        <v>1</v>
      </c>
    </row>
    <row r="149" spans="1:4" x14ac:dyDescent="0.25">
      <c r="A149" s="7">
        <f t="shared" si="9"/>
        <v>44567.874999999658</v>
      </c>
      <c r="B149" s="8">
        <v>-4.9800999999999998E-2</v>
      </c>
      <c r="C149">
        <f t="shared" si="7"/>
        <v>21</v>
      </c>
      <c r="D149">
        <f t="shared" si="8"/>
        <v>1</v>
      </c>
    </row>
    <row r="150" spans="1:4" x14ac:dyDescent="0.25">
      <c r="A150" s="7">
        <f t="shared" si="9"/>
        <v>44567.916666666322</v>
      </c>
      <c r="B150" s="8">
        <v>-4.9800999999999998E-2</v>
      </c>
      <c r="C150">
        <f t="shared" si="7"/>
        <v>22</v>
      </c>
      <c r="D150">
        <f t="shared" si="8"/>
        <v>1</v>
      </c>
    </row>
    <row r="151" spans="1:4" x14ac:dyDescent="0.25">
      <c r="A151" s="7">
        <f t="shared" si="9"/>
        <v>44567.958333332987</v>
      </c>
      <c r="B151" s="8">
        <v>-4.9800999999999998E-2</v>
      </c>
      <c r="C151">
        <f t="shared" si="7"/>
        <v>23</v>
      </c>
      <c r="D151">
        <f t="shared" si="8"/>
        <v>1</v>
      </c>
    </row>
    <row r="152" spans="1:4" x14ac:dyDescent="0.25">
      <c r="A152" s="7">
        <f t="shared" si="9"/>
        <v>44567.999999999651</v>
      </c>
      <c r="B152" s="8">
        <v>-4.9800999999999998E-2</v>
      </c>
      <c r="C152">
        <f t="shared" si="7"/>
        <v>0</v>
      </c>
      <c r="D152">
        <f t="shared" si="8"/>
        <v>1</v>
      </c>
    </row>
    <row r="153" spans="1:4" x14ac:dyDescent="0.25">
      <c r="A153" s="7">
        <f t="shared" si="9"/>
        <v>44568.041666666315</v>
      </c>
      <c r="B153" s="8">
        <v>-4.9800999999999998E-2</v>
      </c>
      <c r="C153">
        <f t="shared" si="7"/>
        <v>1</v>
      </c>
      <c r="D153">
        <f t="shared" si="8"/>
        <v>1</v>
      </c>
    </row>
    <row r="154" spans="1:4" x14ac:dyDescent="0.25">
      <c r="A154" s="7">
        <f t="shared" si="9"/>
        <v>44568.083333332979</v>
      </c>
      <c r="B154" s="8">
        <v>-4.9800999999999998E-2</v>
      </c>
      <c r="C154">
        <f t="shared" si="7"/>
        <v>2</v>
      </c>
      <c r="D154">
        <f t="shared" si="8"/>
        <v>1</v>
      </c>
    </row>
    <row r="155" spans="1:4" x14ac:dyDescent="0.25">
      <c r="A155" s="7">
        <f t="shared" si="9"/>
        <v>44568.124999999643</v>
      </c>
      <c r="B155" s="8">
        <v>-4.9800999999999998E-2</v>
      </c>
      <c r="C155">
        <f t="shared" si="7"/>
        <v>3</v>
      </c>
      <c r="D155">
        <f t="shared" si="8"/>
        <v>1</v>
      </c>
    </row>
    <row r="156" spans="1:4" x14ac:dyDescent="0.25">
      <c r="A156" s="7">
        <f t="shared" si="9"/>
        <v>44568.166666666308</v>
      </c>
      <c r="B156" s="8">
        <v>-4.9800999999999998E-2</v>
      </c>
      <c r="C156">
        <f t="shared" si="7"/>
        <v>4</v>
      </c>
      <c r="D156">
        <f t="shared" si="8"/>
        <v>1</v>
      </c>
    </row>
    <row r="157" spans="1:4" x14ac:dyDescent="0.25">
      <c r="A157" s="7">
        <f t="shared" si="9"/>
        <v>44568.208333332972</v>
      </c>
      <c r="B157" s="8">
        <v>-4.9800999999999998E-2</v>
      </c>
      <c r="C157">
        <f t="shared" si="7"/>
        <v>5</v>
      </c>
      <c r="D157">
        <f t="shared" si="8"/>
        <v>1</v>
      </c>
    </row>
    <row r="158" spans="1:4" x14ac:dyDescent="0.25">
      <c r="A158" s="7">
        <f t="shared" si="9"/>
        <v>44568.249999999636</v>
      </c>
      <c r="B158" s="8">
        <v>-4.9800999999999998E-2</v>
      </c>
      <c r="C158">
        <f t="shared" si="7"/>
        <v>6</v>
      </c>
      <c r="D158">
        <f t="shared" si="8"/>
        <v>1</v>
      </c>
    </row>
    <row r="159" spans="1:4" x14ac:dyDescent="0.25">
      <c r="A159" s="7">
        <f t="shared" si="9"/>
        <v>44568.2916666663</v>
      </c>
      <c r="B159" s="8">
        <v>-4.9800999999999998E-2</v>
      </c>
      <c r="C159">
        <f t="shared" si="7"/>
        <v>7</v>
      </c>
      <c r="D159">
        <f t="shared" si="8"/>
        <v>1</v>
      </c>
    </row>
    <row r="160" spans="1:4" x14ac:dyDescent="0.25">
      <c r="A160" s="7">
        <f t="shared" si="9"/>
        <v>44568.333333332965</v>
      </c>
      <c r="B160" s="8">
        <v>-4.9800999999999998E-2</v>
      </c>
      <c r="C160">
        <f t="shared" si="7"/>
        <v>8</v>
      </c>
      <c r="D160">
        <f t="shared" si="8"/>
        <v>1</v>
      </c>
    </row>
    <row r="161" spans="1:4" x14ac:dyDescent="0.25">
      <c r="A161" s="7">
        <f t="shared" si="9"/>
        <v>44568.374999999629</v>
      </c>
      <c r="B161" s="8">
        <v>0.4936288410345856</v>
      </c>
      <c r="C161">
        <f t="shared" si="7"/>
        <v>9</v>
      </c>
      <c r="D161">
        <f t="shared" si="8"/>
        <v>1</v>
      </c>
    </row>
    <row r="162" spans="1:4" x14ac:dyDescent="0.25">
      <c r="A162" s="7">
        <f t="shared" si="9"/>
        <v>44568.416666666293</v>
      </c>
      <c r="B162" s="8">
        <v>1.1931922161771078</v>
      </c>
      <c r="C162">
        <f t="shared" si="7"/>
        <v>10</v>
      </c>
      <c r="D162">
        <f t="shared" si="8"/>
        <v>1</v>
      </c>
    </row>
    <row r="163" spans="1:4" x14ac:dyDescent="0.25">
      <c r="A163" s="7">
        <f t="shared" si="9"/>
        <v>44568.458333332957</v>
      </c>
      <c r="B163" s="8">
        <v>3.2213779226697286</v>
      </c>
      <c r="C163">
        <f t="shared" si="7"/>
        <v>11</v>
      </c>
      <c r="D163">
        <f t="shared" si="8"/>
        <v>1</v>
      </c>
    </row>
    <row r="164" spans="1:4" x14ac:dyDescent="0.25">
      <c r="A164" s="7">
        <f t="shared" si="9"/>
        <v>44568.499999999622</v>
      </c>
      <c r="B164" s="8">
        <v>11.723508996943384</v>
      </c>
      <c r="C164">
        <f t="shared" si="7"/>
        <v>12</v>
      </c>
      <c r="D164">
        <f t="shared" si="8"/>
        <v>1</v>
      </c>
    </row>
    <row r="165" spans="1:4" x14ac:dyDescent="0.25">
      <c r="A165" s="7">
        <f t="shared" si="9"/>
        <v>44568.541666666286</v>
      </c>
      <c r="B165" s="8">
        <v>11.564912702427904</v>
      </c>
      <c r="C165">
        <f t="shared" si="7"/>
        <v>13</v>
      </c>
      <c r="D165">
        <f t="shared" si="8"/>
        <v>1</v>
      </c>
    </row>
    <row r="166" spans="1:4" x14ac:dyDescent="0.25">
      <c r="A166" s="7">
        <f t="shared" si="9"/>
        <v>44568.58333333295</v>
      </c>
      <c r="B166" s="8">
        <v>9.5435084471352809</v>
      </c>
      <c r="C166">
        <f t="shared" si="7"/>
        <v>14</v>
      </c>
      <c r="D166">
        <f t="shared" si="8"/>
        <v>1</v>
      </c>
    </row>
    <row r="167" spans="1:4" x14ac:dyDescent="0.25">
      <c r="A167" s="7">
        <f t="shared" si="9"/>
        <v>44568.624999999614</v>
      </c>
      <c r="B167" s="8">
        <v>9.9144414603870263</v>
      </c>
      <c r="C167">
        <f t="shared" si="7"/>
        <v>15</v>
      </c>
      <c r="D167">
        <f t="shared" si="8"/>
        <v>1</v>
      </c>
    </row>
    <row r="168" spans="1:4" x14ac:dyDescent="0.25">
      <c r="A168" s="7">
        <f t="shared" si="9"/>
        <v>44568.666666666279</v>
      </c>
      <c r="B168" s="8">
        <v>9.1101108478986212</v>
      </c>
      <c r="C168">
        <f t="shared" si="7"/>
        <v>16</v>
      </c>
      <c r="D168">
        <f t="shared" si="8"/>
        <v>1</v>
      </c>
    </row>
    <row r="169" spans="1:4" x14ac:dyDescent="0.25">
      <c r="A169" s="7">
        <f t="shared" si="9"/>
        <v>44568.708333332943</v>
      </c>
      <c r="B169" s="8">
        <v>3.5446088889926042</v>
      </c>
      <c r="C169">
        <f t="shared" si="7"/>
        <v>17</v>
      </c>
      <c r="D169">
        <f t="shared" si="8"/>
        <v>1</v>
      </c>
    </row>
    <row r="170" spans="1:4" x14ac:dyDescent="0.25">
      <c r="A170" s="7">
        <f t="shared" si="9"/>
        <v>44568.749999999607</v>
      </c>
      <c r="B170" s="8">
        <v>-4.9800999999999998E-2</v>
      </c>
      <c r="C170">
        <f t="shared" si="7"/>
        <v>18</v>
      </c>
      <c r="D170">
        <f t="shared" si="8"/>
        <v>1</v>
      </c>
    </row>
    <row r="171" spans="1:4" x14ac:dyDescent="0.25">
      <c r="A171" s="7">
        <f t="shared" si="9"/>
        <v>44568.791666666271</v>
      </c>
      <c r="B171" s="8">
        <v>-4.9800999999999998E-2</v>
      </c>
      <c r="C171">
        <f t="shared" si="7"/>
        <v>19</v>
      </c>
      <c r="D171">
        <f t="shared" si="8"/>
        <v>1</v>
      </c>
    </row>
    <row r="172" spans="1:4" x14ac:dyDescent="0.25">
      <c r="A172" s="7">
        <f t="shared" si="9"/>
        <v>44568.833333332936</v>
      </c>
      <c r="B172" s="8">
        <v>-4.9800999999999998E-2</v>
      </c>
      <c r="C172">
        <f t="shared" si="7"/>
        <v>20</v>
      </c>
      <c r="D172">
        <f t="shared" si="8"/>
        <v>1</v>
      </c>
    </row>
    <row r="173" spans="1:4" x14ac:dyDescent="0.25">
      <c r="A173" s="7">
        <f t="shared" si="9"/>
        <v>44568.8749999996</v>
      </c>
      <c r="B173" s="8">
        <v>-4.9800999999999998E-2</v>
      </c>
      <c r="C173">
        <f t="shared" si="7"/>
        <v>21</v>
      </c>
      <c r="D173">
        <f t="shared" si="8"/>
        <v>1</v>
      </c>
    </row>
    <row r="174" spans="1:4" x14ac:dyDescent="0.25">
      <c r="A174" s="7">
        <f t="shared" si="9"/>
        <v>44568.916666666264</v>
      </c>
      <c r="B174" s="8">
        <v>-4.9800999999999998E-2</v>
      </c>
      <c r="C174">
        <f t="shared" si="7"/>
        <v>22</v>
      </c>
      <c r="D174">
        <f t="shared" si="8"/>
        <v>1</v>
      </c>
    </row>
    <row r="175" spans="1:4" x14ac:dyDescent="0.25">
      <c r="A175" s="7">
        <f t="shared" si="9"/>
        <v>44568.958333332928</v>
      </c>
      <c r="B175" s="8">
        <v>-4.9800999999999998E-2</v>
      </c>
      <c r="C175">
        <f t="shared" si="7"/>
        <v>23</v>
      </c>
      <c r="D175">
        <f t="shared" si="8"/>
        <v>1</v>
      </c>
    </row>
    <row r="176" spans="1:4" x14ac:dyDescent="0.25">
      <c r="A176" s="7">
        <f t="shared" si="9"/>
        <v>44568.999999999593</v>
      </c>
      <c r="B176" s="8">
        <v>-4.9800999999999998E-2</v>
      </c>
      <c r="C176">
        <f t="shared" si="7"/>
        <v>0</v>
      </c>
      <c r="D176">
        <f t="shared" si="8"/>
        <v>1</v>
      </c>
    </row>
    <row r="177" spans="1:4" x14ac:dyDescent="0.25">
      <c r="A177" s="7">
        <f t="shared" si="9"/>
        <v>44569.041666666257</v>
      </c>
      <c r="B177" s="8">
        <v>-4.9800999999999998E-2</v>
      </c>
      <c r="C177">
        <f t="shared" si="7"/>
        <v>1</v>
      </c>
      <c r="D177">
        <f t="shared" si="8"/>
        <v>1</v>
      </c>
    </row>
    <row r="178" spans="1:4" x14ac:dyDescent="0.25">
      <c r="A178" s="7">
        <f t="shared" si="9"/>
        <v>44569.083333332921</v>
      </c>
      <c r="B178" s="8">
        <v>-4.9800999999999998E-2</v>
      </c>
      <c r="C178">
        <f t="shared" si="7"/>
        <v>2</v>
      </c>
      <c r="D178">
        <f t="shared" si="8"/>
        <v>1</v>
      </c>
    </row>
    <row r="179" spans="1:4" x14ac:dyDescent="0.25">
      <c r="A179" s="7">
        <f t="shared" si="9"/>
        <v>44569.124999999585</v>
      </c>
      <c r="B179" s="8">
        <v>-4.9800999999999998E-2</v>
      </c>
      <c r="C179">
        <f t="shared" si="7"/>
        <v>3</v>
      </c>
      <c r="D179">
        <f t="shared" si="8"/>
        <v>1</v>
      </c>
    </row>
    <row r="180" spans="1:4" x14ac:dyDescent="0.25">
      <c r="A180" s="7">
        <f t="shared" si="9"/>
        <v>44569.16666666625</v>
      </c>
      <c r="B180" s="8">
        <v>-4.9800999999999998E-2</v>
      </c>
      <c r="C180">
        <f t="shared" si="7"/>
        <v>4</v>
      </c>
      <c r="D180">
        <f t="shared" si="8"/>
        <v>1</v>
      </c>
    </row>
    <row r="181" spans="1:4" x14ac:dyDescent="0.25">
      <c r="A181" s="7">
        <f t="shared" si="9"/>
        <v>44569.208333332914</v>
      </c>
      <c r="B181" s="8">
        <v>-4.9800999999999998E-2</v>
      </c>
      <c r="C181">
        <f t="shared" si="7"/>
        <v>5</v>
      </c>
      <c r="D181">
        <f t="shared" si="8"/>
        <v>1</v>
      </c>
    </row>
    <row r="182" spans="1:4" x14ac:dyDescent="0.25">
      <c r="A182" s="7">
        <f t="shared" si="9"/>
        <v>44569.249999999578</v>
      </c>
      <c r="B182" s="8">
        <v>-4.9800999999999998E-2</v>
      </c>
      <c r="C182">
        <f t="shared" si="7"/>
        <v>6</v>
      </c>
      <c r="D182">
        <f t="shared" si="8"/>
        <v>1</v>
      </c>
    </row>
    <row r="183" spans="1:4" x14ac:dyDescent="0.25">
      <c r="A183" s="7">
        <f t="shared" si="9"/>
        <v>44569.291666666242</v>
      </c>
      <c r="B183" s="8">
        <v>-4.9800999999999998E-2</v>
      </c>
      <c r="C183">
        <f t="shared" si="7"/>
        <v>7</v>
      </c>
      <c r="D183">
        <f t="shared" si="8"/>
        <v>1</v>
      </c>
    </row>
    <row r="184" spans="1:4" x14ac:dyDescent="0.25">
      <c r="A184" s="7">
        <f t="shared" si="9"/>
        <v>44569.333333332906</v>
      </c>
      <c r="B184" s="8">
        <v>-4.9800999999999998E-2</v>
      </c>
      <c r="C184">
        <f t="shared" si="7"/>
        <v>8</v>
      </c>
      <c r="D184">
        <f t="shared" si="8"/>
        <v>1</v>
      </c>
    </row>
    <row r="185" spans="1:4" x14ac:dyDescent="0.25">
      <c r="A185" s="7">
        <f t="shared" si="9"/>
        <v>44569.374999999571</v>
      </c>
      <c r="B185" s="8">
        <v>3.2056259925571475</v>
      </c>
      <c r="C185">
        <f t="shared" si="7"/>
        <v>9</v>
      </c>
      <c r="D185">
        <f t="shared" si="8"/>
        <v>1</v>
      </c>
    </row>
    <row r="186" spans="1:4" x14ac:dyDescent="0.25">
      <c r="A186" s="7">
        <f t="shared" si="9"/>
        <v>44569.416666666235</v>
      </c>
      <c r="B186" s="8">
        <v>8.5961180715660426</v>
      </c>
      <c r="C186">
        <f t="shared" si="7"/>
        <v>10</v>
      </c>
      <c r="D186">
        <f t="shared" si="8"/>
        <v>1</v>
      </c>
    </row>
    <row r="187" spans="1:4" x14ac:dyDescent="0.25">
      <c r="A187" s="7">
        <f t="shared" si="9"/>
        <v>44569.458333332899</v>
      </c>
      <c r="B187" s="8">
        <v>17.321805146910794</v>
      </c>
      <c r="C187">
        <f t="shared" si="7"/>
        <v>11</v>
      </c>
      <c r="D187">
        <f t="shared" si="8"/>
        <v>1</v>
      </c>
    </row>
    <row r="188" spans="1:4" x14ac:dyDescent="0.25">
      <c r="A188" s="7">
        <f t="shared" si="9"/>
        <v>44569.499999999563</v>
      </c>
      <c r="B188" s="8">
        <v>19.842102628151316</v>
      </c>
      <c r="C188">
        <f t="shared" si="7"/>
        <v>12</v>
      </c>
      <c r="D188">
        <f t="shared" si="8"/>
        <v>1</v>
      </c>
    </row>
    <row r="189" spans="1:4" x14ac:dyDescent="0.25">
      <c r="A189" s="7">
        <f t="shared" si="9"/>
        <v>44569.541666666228</v>
      </c>
      <c r="B189" s="8">
        <v>11.436092956251386</v>
      </c>
      <c r="C189">
        <f t="shared" si="7"/>
        <v>13</v>
      </c>
      <c r="D189">
        <f t="shared" si="8"/>
        <v>1</v>
      </c>
    </row>
    <row r="190" spans="1:4" x14ac:dyDescent="0.25">
      <c r="A190" s="7">
        <f t="shared" si="9"/>
        <v>44569.583333332892</v>
      </c>
      <c r="B190" s="8">
        <v>17.869676322004217</v>
      </c>
      <c r="C190">
        <f t="shared" si="7"/>
        <v>14</v>
      </c>
      <c r="D190">
        <f t="shared" si="8"/>
        <v>1</v>
      </c>
    </row>
    <row r="191" spans="1:4" x14ac:dyDescent="0.25">
      <c r="A191" s="7">
        <f t="shared" si="9"/>
        <v>44569.624999999556</v>
      </c>
      <c r="B191" s="8">
        <v>15.869865526520467</v>
      </c>
      <c r="C191">
        <f t="shared" si="7"/>
        <v>15</v>
      </c>
      <c r="D191">
        <f t="shared" si="8"/>
        <v>1</v>
      </c>
    </row>
    <row r="192" spans="1:4" x14ac:dyDescent="0.25">
      <c r="A192" s="7">
        <f t="shared" si="9"/>
        <v>44569.66666666622</v>
      </c>
      <c r="B192" s="8">
        <v>4.5074481936633592</v>
      </c>
      <c r="C192">
        <f t="shared" si="7"/>
        <v>16</v>
      </c>
      <c r="D192">
        <f t="shared" si="8"/>
        <v>1</v>
      </c>
    </row>
    <row r="193" spans="1:4" x14ac:dyDescent="0.25">
      <c r="A193" s="7">
        <f t="shared" si="9"/>
        <v>44569.708333332885</v>
      </c>
      <c r="B193" s="8">
        <v>3.3554331965204103</v>
      </c>
      <c r="C193">
        <f t="shared" si="7"/>
        <v>17</v>
      </c>
      <c r="D193">
        <f t="shared" si="8"/>
        <v>1</v>
      </c>
    </row>
    <row r="194" spans="1:4" x14ac:dyDescent="0.25">
      <c r="A194" s="7">
        <f t="shared" si="9"/>
        <v>44569.749999999549</v>
      </c>
      <c r="B194" s="8">
        <v>-4.9800999999999998E-2</v>
      </c>
      <c r="C194">
        <f t="shared" si="7"/>
        <v>18</v>
      </c>
      <c r="D194">
        <f t="shared" si="8"/>
        <v>1</v>
      </c>
    </row>
    <row r="195" spans="1:4" x14ac:dyDescent="0.25">
      <c r="A195" s="7">
        <f t="shared" si="9"/>
        <v>44569.791666666213</v>
      </c>
      <c r="B195" s="8">
        <v>-4.9800999999999998E-2</v>
      </c>
      <c r="C195">
        <f t="shared" si="7"/>
        <v>19</v>
      </c>
      <c r="D195">
        <f t="shared" si="8"/>
        <v>1</v>
      </c>
    </row>
    <row r="196" spans="1:4" x14ac:dyDescent="0.25">
      <c r="A196" s="7">
        <f t="shared" si="9"/>
        <v>44569.833333332877</v>
      </c>
      <c r="B196" s="8">
        <v>-4.9800999999999998E-2</v>
      </c>
      <c r="C196">
        <f t="shared" si="7"/>
        <v>20</v>
      </c>
      <c r="D196">
        <f t="shared" si="8"/>
        <v>1</v>
      </c>
    </row>
    <row r="197" spans="1:4" x14ac:dyDescent="0.25">
      <c r="A197" s="7">
        <f t="shared" si="9"/>
        <v>44569.874999999542</v>
      </c>
      <c r="B197" s="8">
        <v>-4.9800999999999998E-2</v>
      </c>
      <c r="C197">
        <f t="shared" si="7"/>
        <v>21</v>
      </c>
      <c r="D197">
        <f t="shared" si="8"/>
        <v>1</v>
      </c>
    </row>
    <row r="198" spans="1:4" x14ac:dyDescent="0.25">
      <c r="A198" s="7">
        <f t="shared" si="9"/>
        <v>44569.916666666206</v>
      </c>
      <c r="B198" s="8">
        <v>-4.9800999999999998E-2</v>
      </c>
      <c r="C198">
        <f t="shared" si="7"/>
        <v>22</v>
      </c>
      <c r="D198">
        <f t="shared" si="8"/>
        <v>1</v>
      </c>
    </row>
    <row r="199" spans="1:4" x14ac:dyDescent="0.25">
      <c r="A199" s="7">
        <f t="shared" si="9"/>
        <v>44569.95833333287</v>
      </c>
      <c r="B199" s="8">
        <v>-4.9800999999999998E-2</v>
      </c>
      <c r="C199">
        <f t="shared" si="7"/>
        <v>23</v>
      </c>
      <c r="D199">
        <f t="shared" si="8"/>
        <v>1</v>
      </c>
    </row>
    <row r="200" spans="1:4" x14ac:dyDescent="0.25">
      <c r="A200" s="7">
        <f t="shared" si="9"/>
        <v>44569.999999999534</v>
      </c>
      <c r="B200" s="8">
        <v>-4.9800999999999998E-2</v>
      </c>
      <c r="C200">
        <f t="shared" si="7"/>
        <v>0</v>
      </c>
      <c r="D200">
        <f t="shared" si="8"/>
        <v>1</v>
      </c>
    </row>
    <row r="201" spans="1:4" x14ac:dyDescent="0.25">
      <c r="A201" s="7">
        <f t="shared" si="9"/>
        <v>44570.041666666199</v>
      </c>
      <c r="B201" s="8">
        <v>-4.9800999999999998E-2</v>
      </c>
      <c r="C201">
        <f t="shared" si="7"/>
        <v>1</v>
      </c>
      <c r="D201">
        <f t="shared" si="8"/>
        <v>1</v>
      </c>
    </row>
    <row r="202" spans="1:4" x14ac:dyDescent="0.25">
      <c r="A202" s="7">
        <f t="shared" si="9"/>
        <v>44570.083333332863</v>
      </c>
      <c r="B202" s="8">
        <v>-4.9800999999999998E-2</v>
      </c>
      <c r="C202">
        <f t="shared" ref="C202:C265" si="10">HOUR(A202)</f>
        <v>2</v>
      </c>
      <c r="D202">
        <f t="shared" ref="D202:D265" si="11">MONTH(A202)</f>
        <v>1</v>
      </c>
    </row>
    <row r="203" spans="1:4" x14ac:dyDescent="0.25">
      <c r="A203" s="7">
        <f t="shared" ref="A203:A266" si="12">+A202+1/24</f>
        <v>44570.124999999527</v>
      </c>
      <c r="B203" s="8">
        <v>-4.9800999999999998E-2</v>
      </c>
      <c r="C203">
        <f t="shared" si="10"/>
        <v>3</v>
      </c>
      <c r="D203">
        <f t="shared" si="11"/>
        <v>1</v>
      </c>
    </row>
    <row r="204" spans="1:4" x14ac:dyDescent="0.25">
      <c r="A204" s="7">
        <f t="shared" si="12"/>
        <v>44570.166666666191</v>
      </c>
      <c r="B204" s="8">
        <v>-4.9800999999999998E-2</v>
      </c>
      <c r="C204">
        <f t="shared" si="10"/>
        <v>4</v>
      </c>
      <c r="D204">
        <f t="shared" si="11"/>
        <v>1</v>
      </c>
    </row>
    <row r="205" spans="1:4" x14ac:dyDescent="0.25">
      <c r="A205" s="7">
        <f t="shared" si="12"/>
        <v>44570.208333332856</v>
      </c>
      <c r="B205" s="8">
        <v>-4.9800999999999998E-2</v>
      </c>
      <c r="C205">
        <f t="shared" si="10"/>
        <v>5</v>
      </c>
      <c r="D205">
        <f t="shared" si="11"/>
        <v>1</v>
      </c>
    </row>
    <row r="206" spans="1:4" x14ac:dyDescent="0.25">
      <c r="A206" s="7">
        <f t="shared" si="12"/>
        <v>44570.24999999952</v>
      </c>
      <c r="B206" s="8">
        <v>-4.9800999999999998E-2</v>
      </c>
      <c r="C206">
        <f t="shared" si="10"/>
        <v>6</v>
      </c>
      <c r="D206">
        <f t="shared" si="11"/>
        <v>1</v>
      </c>
    </row>
    <row r="207" spans="1:4" x14ac:dyDescent="0.25">
      <c r="A207" s="7">
        <f t="shared" si="12"/>
        <v>44570.291666666184</v>
      </c>
      <c r="B207" s="8">
        <v>-4.9800999999999998E-2</v>
      </c>
      <c r="C207">
        <f t="shared" si="10"/>
        <v>7</v>
      </c>
      <c r="D207">
        <f t="shared" si="11"/>
        <v>1</v>
      </c>
    </row>
    <row r="208" spans="1:4" x14ac:dyDescent="0.25">
      <c r="A208" s="7">
        <f t="shared" si="12"/>
        <v>44570.333333332848</v>
      </c>
      <c r="B208" s="8">
        <v>-4.9800999999999998E-2</v>
      </c>
      <c r="C208">
        <f t="shared" si="10"/>
        <v>8</v>
      </c>
      <c r="D208">
        <f t="shared" si="11"/>
        <v>1</v>
      </c>
    </row>
    <row r="209" spans="1:4" x14ac:dyDescent="0.25">
      <c r="A209" s="7">
        <f t="shared" si="12"/>
        <v>44570.374999999513</v>
      </c>
      <c r="B209" s="8">
        <v>0.99647653936157121</v>
      </c>
      <c r="C209">
        <f t="shared" si="10"/>
        <v>9</v>
      </c>
      <c r="D209">
        <f t="shared" si="11"/>
        <v>1</v>
      </c>
    </row>
    <row r="210" spans="1:4" x14ac:dyDescent="0.25">
      <c r="A210" s="7">
        <f t="shared" si="12"/>
        <v>44570.416666666177</v>
      </c>
      <c r="B210" s="8">
        <v>2.8171055226598125</v>
      </c>
      <c r="C210">
        <f t="shared" si="10"/>
        <v>10</v>
      </c>
      <c r="D210">
        <f t="shared" si="11"/>
        <v>1</v>
      </c>
    </row>
    <row r="211" spans="1:4" x14ac:dyDescent="0.25">
      <c r="A211" s="7">
        <f t="shared" si="12"/>
        <v>44570.458333332841</v>
      </c>
      <c r="B211" s="8">
        <v>5.6015786609206017</v>
      </c>
      <c r="C211">
        <f t="shared" si="10"/>
        <v>11</v>
      </c>
      <c r="D211">
        <f t="shared" si="11"/>
        <v>1</v>
      </c>
    </row>
    <row r="212" spans="1:4" x14ac:dyDescent="0.25">
      <c r="A212" s="7">
        <f t="shared" si="12"/>
        <v>44570.499999999505</v>
      </c>
      <c r="B212" s="8">
        <v>12.637469291574266</v>
      </c>
      <c r="C212">
        <f t="shared" si="10"/>
        <v>12</v>
      </c>
      <c r="D212">
        <f t="shared" si="11"/>
        <v>1</v>
      </c>
    </row>
    <row r="213" spans="1:4" x14ac:dyDescent="0.25">
      <c r="A213" s="7">
        <f t="shared" si="12"/>
        <v>44570.541666666169</v>
      </c>
      <c r="B213" s="8">
        <v>17.255734436647945</v>
      </c>
      <c r="C213">
        <f t="shared" si="10"/>
        <v>13</v>
      </c>
      <c r="D213">
        <f t="shared" si="11"/>
        <v>1</v>
      </c>
    </row>
    <row r="214" spans="1:4" x14ac:dyDescent="0.25">
      <c r="A214" s="7">
        <f t="shared" si="12"/>
        <v>44570.583333332834</v>
      </c>
      <c r="B214" s="8">
        <v>19.152986604196389</v>
      </c>
      <c r="C214">
        <f t="shared" si="10"/>
        <v>14</v>
      </c>
      <c r="D214">
        <f t="shared" si="11"/>
        <v>1</v>
      </c>
    </row>
    <row r="215" spans="1:4" x14ac:dyDescent="0.25">
      <c r="A215" s="7">
        <f t="shared" si="12"/>
        <v>44570.624999999498</v>
      </c>
      <c r="B215" s="8">
        <v>16.091544776431199</v>
      </c>
      <c r="C215">
        <f t="shared" si="10"/>
        <v>15</v>
      </c>
      <c r="D215">
        <f t="shared" si="11"/>
        <v>1</v>
      </c>
    </row>
    <row r="216" spans="1:4" x14ac:dyDescent="0.25">
      <c r="A216" s="7">
        <f t="shared" si="12"/>
        <v>44570.666666666162</v>
      </c>
      <c r="B216" s="8">
        <v>12.566554687597135</v>
      </c>
      <c r="C216">
        <f t="shared" si="10"/>
        <v>16</v>
      </c>
      <c r="D216">
        <f t="shared" si="11"/>
        <v>1</v>
      </c>
    </row>
    <row r="217" spans="1:4" x14ac:dyDescent="0.25">
      <c r="A217" s="7">
        <f t="shared" si="12"/>
        <v>44570.708333332826</v>
      </c>
      <c r="B217" s="8">
        <v>5.3220200342025832</v>
      </c>
      <c r="C217">
        <f t="shared" si="10"/>
        <v>17</v>
      </c>
      <c r="D217">
        <f t="shared" si="11"/>
        <v>1</v>
      </c>
    </row>
    <row r="218" spans="1:4" x14ac:dyDescent="0.25">
      <c r="A218" s="7">
        <f t="shared" si="12"/>
        <v>44570.749999999491</v>
      </c>
      <c r="B218" s="8">
        <v>-4.9800999999999998E-2</v>
      </c>
      <c r="C218">
        <f t="shared" si="10"/>
        <v>18</v>
      </c>
      <c r="D218">
        <f t="shared" si="11"/>
        <v>1</v>
      </c>
    </row>
    <row r="219" spans="1:4" x14ac:dyDescent="0.25">
      <c r="A219" s="7">
        <f t="shared" si="12"/>
        <v>44570.791666666155</v>
      </c>
      <c r="B219" s="8">
        <v>-4.9800999999999998E-2</v>
      </c>
      <c r="C219">
        <f t="shared" si="10"/>
        <v>19</v>
      </c>
      <c r="D219">
        <f t="shared" si="11"/>
        <v>1</v>
      </c>
    </row>
    <row r="220" spans="1:4" x14ac:dyDescent="0.25">
      <c r="A220" s="7">
        <f t="shared" si="12"/>
        <v>44570.833333332819</v>
      </c>
      <c r="B220" s="8">
        <v>-4.9800999999999998E-2</v>
      </c>
      <c r="C220">
        <f t="shared" si="10"/>
        <v>20</v>
      </c>
      <c r="D220">
        <f t="shared" si="11"/>
        <v>1</v>
      </c>
    </row>
    <row r="221" spans="1:4" x14ac:dyDescent="0.25">
      <c r="A221" s="7">
        <f t="shared" si="12"/>
        <v>44570.874999999483</v>
      </c>
      <c r="B221" s="8">
        <v>-4.9800999999999998E-2</v>
      </c>
      <c r="C221">
        <f t="shared" si="10"/>
        <v>21</v>
      </c>
      <c r="D221">
        <f t="shared" si="11"/>
        <v>1</v>
      </c>
    </row>
    <row r="222" spans="1:4" x14ac:dyDescent="0.25">
      <c r="A222" s="7">
        <f t="shared" si="12"/>
        <v>44570.916666666148</v>
      </c>
      <c r="B222" s="8">
        <v>-4.9800999999999998E-2</v>
      </c>
      <c r="C222">
        <f t="shared" si="10"/>
        <v>22</v>
      </c>
      <c r="D222">
        <f t="shared" si="11"/>
        <v>1</v>
      </c>
    </row>
    <row r="223" spans="1:4" x14ac:dyDescent="0.25">
      <c r="A223" s="7">
        <f t="shared" si="12"/>
        <v>44570.958333332812</v>
      </c>
      <c r="B223" s="8">
        <v>-4.9800999999999998E-2</v>
      </c>
      <c r="C223">
        <f t="shared" si="10"/>
        <v>23</v>
      </c>
      <c r="D223">
        <f t="shared" si="11"/>
        <v>1</v>
      </c>
    </row>
    <row r="224" spans="1:4" x14ac:dyDescent="0.25">
      <c r="A224" s="7">
        <f t="shared" si="12"/>
        <v>44570.999999999476</v>
      </c>
      <c r="B224" s="8">
        <v>-4.9800999999999998E-2</v>
      </c>
      <c r="C224">
        <f t="shared" si="10"/>
        <v>0</v>
      </c>
      <c r="D224">
        <f t="shared" si="11"/>
        <v>1</v>
      </c>
    </row>
    <row r="225" spans="1:4" x14ac:dyDescent="0.25">
      <c r="A225" s="7">
        <f t="shared" si="12"/>
        <v>44571.04166666614</v>
      </c>
      <c r="B225" s="8">
        <v>-4.9800999999999998E-2</v>
      </c>
      <c r="C225">
        <f t="shared" si="10"/>
        <v>1</v>
      </c>
      <c r="D225">
        <f t="shared" si="11"/>
        <v>1</v>
      </c>
    </row>
    <row r="226" spans="1:4" x14ac:dyDescent="0.25">
      <c r="A226" s="7">
        <f t="shared" si="12"/>
        <v>44571.083333332805</v>
      </c>
      <c r="B226" s="8">
        <v>-4.9800999999999998E-2</v>
      </c>
      <c r="C226">
        <f t="shared" si="10"/>
        <v>2</v>
      </c>
      <c r="D226">
        <f t="shared" si="11"/>
        <v>1</v>
      </c>
    </row>
    <row r="227" spans="1:4" x14ac:dyDescent="0.25">
      <c r="A227" s="7">
        <f t="shared" si="12"/>
        <v>44571.124999999469</v>
      </c>
      <c r="B227" s="8">
        <v>-4.9800999999999998E-2</v>
      </c>
      <c r="C227">
        <f t="shared" si="10"/>
        <v>3</v>
      </c>
      <c r="D227">
        <f t="shared" si="11"/>
        <v>1</v>
      </c>
    </row>
    <row r="228" spans="1:4" x14ac:dyDescent="0.25">
      <c r="A228" s="7">
        <f t="shared" si="12"/>
        <v>44571.166666666133</v>
      </c>
      <c r="B228" s="8">
        <v>-4.9800999999999998E-2</v>
      </c>
      <c r="C228">
        <f t="shared" si="10"/>
        <v>4</v>
      </c>
      <c r="D228">
        <f t="shared" si="11"/>
        <v>1</v>
      </c>
    </row>
    <row r="229" spans="1:4" x14ac:dyDescent="0.25">
      <c r="A229" s="7">
        <f t="shared" si="12"/>
        <v>44571.208333332797</v>
      </c>
      <c r="B229" s="8">
        <v>-4.9800999999999998E-2</v>
      </c>
      <c r="C229">
        <f t="shared" si="10"/>
        <v>5</v>
      </c>
      <c r="D229">
        <f t="shared" si="11"/>
        <v>1</v>
      </c>
    </row>
    <row r="230" spans="1:4" x14ac:dyDescent="0.25">
      <c r="A230" s="7">
        <f t="shared" si="12"/>
        <v>44571.249999999462</v>
      </c>
      <c r="B230" s="8">
        <v>-4.9800999999999998E-2</v>
      </c>
      <c r="C230">
        <f t="shared" si="10"/>
        <v>6</v>
      </c>
      <c r="D230">
        <f t="shared" si="11"/>
        <v>1</v>
      </c>
    </row>
    <row r="231" spans="1:4" x14ac:dyDescent="0.25">
      <c r="A231" s="7">
        <f t="shared" si="12"/>
        <v>44571.291666666126</v>
      </c>
      <c r="B231" s="8">
        <v>-4.9800999999999998E-2</v>
      </c>
      <c r="C231">
        <f t="shared" si="10"/>
        <v>7</v>
      </c>
      <c r="D231">
        <f t="shared" si="11"/>
        <v>1</v>
      </c>
    </row>
    <row r="232" spans="1:4" x14ac:dyDescent="0.25">
      <c r="A232" s="7">
        <f t="shared" si="12"/>
        <v>44571.33333333279</v>
      </c>
      <c r="B232" s="8">
        <v>-4.9800999999999998E-2</v>
      </c>
      <c r="C232">
        <f t="shared" si="10"/>
        <v>8</v>
      </c>
      <c r="D232">
        <f t="shared" si="11"/>
        <v>1</v>
      </c>
    </row>
    <row r="233" spans="1:4" x14ac:dyDescent="0.25">
      <c r="A233" s="7">
        <f t="shared" si="12"/>
        <v>44571.374999999454</v>
      </c>
      <c r="B233" s="8">
        <v>3.8723384927756612</v>
      </c>
      <c r="C233">
        <f t="shared" si="10"/>
        <v>9</v>
      </c>
      <c r="D233">
        <f t="shared" si="11"/>
        <v>1</v>
      </c>
    </row>
    <row r="234" spans="1:4" x14ac:dyDescent="0.25">
      <c r="A234" s="7">
        <f t="shared" si="12"/>
        <v>44571.416666666119</v>
      </c>
      <c r="B234" s="8">
        <v>10.62014833562122</v>
      </c>
      <c r="C234">
        <f t="shared" si="10"/>
        <v>10</v>
      </c>
      <c r="D234">
        <f t="shared" si="11"/>
        <v>1</v>
      </c>
    </row>
    <row r="235" spans="1:4" x14ac:dyDescent="0.25">
      <c r="A235" s="7">
        <f t="shared" si="12"/>
        <v>44571.458333332783</v>
      </c>
      <c r="B235" s="8">
        <v>18.375718928951265</v>
      </c>
      <c r="C235">
        <f t="shared" si="10"/>
        <v>11</v>
      </c>
      <c r="D235">
        <f t="shared" si="11"/>
        <v>1</v>
      </c>
    </row>
    <row r="236" spans="1:4" x14ac:dyDescent="0.25">
      <c r="A236" s="7">
        <f t="shared" si="12"/>
        <v>44571.499999999447</v>
      </c>
      <c r="B236" s="8">
        <v>20.451114048075855</v>
      </c>
      <c r="C236">
        <f t="shared" si="10"/>
        <v>12</v>
      </c>
      <c r="D236">
        <f t="shared" si="11"/>
        <v>1</v>
      </c>
    </row>
    <row r="237" spans="1:4" x14ac:dyDescent="0.25">
      <c r="A237" s="7">
        <f t="shared" si="12"/>
        <v>44571.541666666111</v>
      </c>
      <c r="B237" s="8">
        <v>20.451195466714882</v>
      </c>
      <c r="C237">
        <f t="shared" si="10"/>
        <v>13</v>
      </c>
      <c r="D237">
        <f t="shared" si="11"/>
        <v>1</v>
      </c>
    </row>
    <row r="238" spans="1:4" x14ac:dyDescent="0.25">
      <c r="A238" s="7">
        <f t="shared" si="12"/>
        <v>44571.583333332776</v>
      </c>
      <c r="B238" s="8">
        <v>20.451138782852269</v>
      </c>
      <c r="C238">
        <f t="shared" si="10"/>
        <v>14</v>
      </c>
      <c r="D238">
        <f t="shared" si="11"/>
        <v>1</v>
      </c>
    </row>
    <row r="239" spans="1:4" x14ac:dyDescent="0.25">
      <c r="A239" s="7">
        <f t="shared" si="12"/>
        <v>44571.62499999944</v>
      </c>
      <c r="B239" s="8">
        <v>18.993455541255621</v>
      </c>
      <c r="C239">
        <f t="shared" si="10"/>
        <v>15</v>
      </c>
      <c r="D239">
        <f t="shared" si="11"/>
        <v>1</v>
      </c>
    </row>
    <row r="240" spans="1:4" x14ac:dyDescent="0.25">
      <c r="A240" s="7">
        <f t="shared" si="12"/>
        <v>44571.666666666104</v>
      </c>
      <c r="B240" s="8">
        <v>13.798378502069191</v>
      </c>
      <c r="C240">
        <f t="shared" si="10"/>
        <v>16</v>
      </c>
      <c r="D240">
        <f t="shared" si="11"/>
        <v>1</v>
      </c>
    </row>
    <row r="241" spans="1:4" x14ac:dyDescent="0.25">
      <c r="A241" s="7">
        <f t="shared" si="12"/>
        <v>44571.708333332768</v>
      </c>
      <c r="B241" s="8">
        <v>5.98227469654584</v>
      </c>
      <c r="C241">
        <f t="shared" si="10"/>
        <v>17</v>
      </c>
      <c r="D241">
        <f t="shared" si="11"/>
        <v>1</v>
      </c>
    </row>
    <row r="242" spans="1:4" x14ac:dyDescent="0.25">
      <c r="A242" s="7">
        <f t="shared" si="12"/>
        <v>44571.749999999432</v>
      </c>
      <c r="B242" s="8">
        <v>-4.9800999999999998E-2</v>
      </c>
      <c r="C242">
        <f t="shared" si="10"/>
        <v>18</v>
      </c>
      <c r="D242">
        <f t="shared" si="11"/>
        <v>1</v>
      </c>
    </row>
    <row r="243" spans="1:4" x14ac:dyDescent="0.25">
      <c r="A243" s="7">
        <f t="shared" si="12"/>
        <v>44571.791666666097</v>
      </c>
      <c r="B243" s="8">
        <v>-4.9800999999999998E-2</v>
      </c>
      <c r="C243">
        <f t="shared" si="10"/>
        <v>19</v>
      </c>
      <c r="D243">
        <f t="shared" si="11"/>
        <v>1</v>
      </c>
    </row>
    <row r="244" spans="1:4" x14ac:dyDescent="0.25">
      <c r="A244" s="7">
        <f t="shared" si="12"/>
        <v>44571.833333332761</v>
      </c>
      <c r="B244" s="8">
        <v>-4.9800999999999998E-2</v>
      </c>
      <c r="C244">
        <f t="shared" si="10"/>
        <v>20</v>
      </c>
      <c r="D244">
        <f t="shared" si="11"/>
        <v>1</v>
      </c>
    </row>
    <row r="245" spans="1:4" x14ac:dyDescent="0.25">
      <c r="A245" s="7">
        <f t="shared" si="12"/>
        <v>44571.874999999425</v>
      </c>
      <c r="B245" s="8">
        <v>-4.9800999999999998E-2</v>
      </c>
      <c r="C245">
        <f t="shared" si="10"/>
        <v>21</v>
      </c>
      <c r="D245">
        <f t="shared" si="11"/>
        <v>1</v>
      </c>
    </row>
    <row r="246" spans="1:4" x14ac:dyDescent="0.25">
      <c r="A246" s="7">
        <f t="shared" si="12"/>
        <v>44571.916666666089</v>
      </c>
      <c r="B246" s="8">
        <v>-4.9800999999999998E-2</v>
      </c>
      <c r="C246">
        <f t="shared" si="10"/>
        <v>22</v>
      </c>
      <c r="D246">
        <f t="shared" si="11"/>
        <v>1</v>
      </c>
    </row>
    <row r="247" spans="1:4" x14ac:dyDescent="0.25">
      <c r="A247" s="7">
        <f t="shared" si="12"/>
        <v>44571.958333332754</v>
      </c>
      <c r="B247" s="8">
        <v>-4.9800999999999998E-2</v>
      </c>
      <c r="C247">
        <f t="shared" si="10"/>
        <v>23</v>
      </c>
      <c r="D247">
        <f t="shared" si="11"/>
        <v>1</v>
      </c>
    </row>
    <row r="248" spans="1:4" x14ac:dyDescent="0.25">
      <c r="A248" s="7">
        <f t="shared" si="12"/>
        <v>44571.999999999418</v>
      </c>
      <c r="B248" s="8">
        <v>-4.9800999999999998E-2</v>
      </c>
      <c r="C248">
        <f t="shared" si="10"/>
        <v>0</v>
      </c>
      <c r="D248">
        <f t="shared" si="11"/>
        <v>1</v>
      </c>
    </row>
    <row r="249" spans="1:4" x14ac:dyDescent="0.25">
      <c r="A249" s="7">
        <f t="shared" si="12"/>
        <v>44572.041666666082</v>
      </c>
      <c r="B249" s="8">
        <v>-4.9800999999999998E-2</v>
      </c>
      <c r="C249">
        <f t="shared" si="10"/>
        <v>1</v>
      </c>
      <c r="D249">
        <f t="shared" si="11"/>
        <v>1</v>
      </c>
    </row>
    <row r="250" spans="1:4" x14ac:dyDescent="0.25">
      <c r="A250" s="7">
        <f t="shared" si="12"/>
        <v>44572.083333332746</v>
      </c>
      <c r="B250" s="8">
        <v>-4.9800999999999998E-2</v>
      </c>
      <c r="C250">
        <f t="shared" si="10"/>
        <v>2</v>
      </c>
      <c r="D250">
        <f t="shared" si="11"/>
        <v>1</v>
      </c>
    </row>
    <row r="251" spans="1:4" x14ac:dyDescent="0.25">
      <c r="A251" s="7">
        <f t="shared" si="12"/>
        <v>44572.124999999411</v>
      </c>
      <c r="B251" s="8">
        <v>-4.9800999999999998E-2</v>
      </c>
      <c r="C251">
        <f t="shared" si="10"/>
        <v>3</v>
      </c>
      <c r="D251">
        <f t="shared" si="11"/>
        <v>1</v>
      </c>
    </row>
    <row r="252" spans="1:4" x14ac:dyDescent="0.25">
      <c r="A252" s="7">
        <f t="shared" si="12"/>
        <v>44572.166666666075</v>
      </c>
      <c r="B252" s="8">
        <v>-4.9800999999999998E-2</v>
      </c>
      <c r="C252">
        <f t="shared" si="10"/>
        <v>4</v>
      </c>
      <c r="D252">
        <f t="shared" si="11"/>
        <v>1</v>
      </c>
    </row>
    <row r="253" spans="1:4" x14ac:dyDescent="0.25">
      <c r="A253" s="7">
        <f t="shared" si="12"/>
        <v>44572.208333332739</v>
      </c>
      <c r="B253" s="8">
        <v>-4.9800999999999998E-2</v>
      </c>
      <c r="C253">
        <f t="shared" si="10"/>
        <v>5</v>
      </c>
      <c r="D253">
        <f t="shared" si="11"/>
        <v>1</v>
      </c>
    </row>
    <row r="254" spans="1:4" x14ac:dyDescent="0.25">
      <c r="A254" s="7">
        <f t="shared" si="12"/>
        <v>44572.249999999403</v>
      </c>
      <c r="B254" s="8">
        <v>-4.9800999999999998E-2</v>
      </c>
      <c r="C254">
        <f t="shared" si="10"/>
        <v>6</v>
      </c>
      <c r="D254">
        <f t="shared" si="11"/>
        <v>1</v>
      </c>
    </row>
    <row r="255" spans="1:4" x14ac:dyDescent="0.25">
      <c r="A255" s="7">
        <f t="shared" si="12"/>
        <v>44572.291666666068</v>
      </c>
      <c r="B255" s="8">
        <v>-4.9800999999999998E-2</v>
      </c>
      <c r="C255">
        <f t="shared" si="10"/>
        <v>7</v>
      </c>
      <c r="D255">
        <f t="shared" si="11"/>
        <v>1</v>
      </c>
    </row>
    <row r="256" spans="1:4" x14ac:dyDescent="0.25">
      <c r="A256" s="7">
        <f t="shared" si="12"/>
        <v>44572.333333332732</v>
      </c>
      <c r="B256" s="8">
        <v>-4.9800999999999998E-2</v>
      </c>
      <c r="C256">
        <f t="shared" si="10"/>
        <v>8</v>
      </c>
      <c r="D256">
        <f t="shared" si="11"/>
        <v>1</v>
      </c>
    </row>
    <row r="257" spans="1:4" x14ac:dyDescent="0.25">
      <c r="A257" s="7">
        <f t="shared" si="12"/>
        <v>44572.374999999396</v>
      </c>
      <c r="B257" s="8">
        <v>3.6216793604496154</v>
      </c>
      <c r="C257">
        <f t="shared" si="10"/>
        <v>9</v>
      </c>
      <c r="D257">
        <f t="shared" si="11"/>
        <v>1</v>
      </c>
    </row>
    <row r="258" spans="1:4" x14ac:dyDescent="0.25">
      <c r="A258" s="7">
        <f t="shared" si="12"/>
        <v>44572.41666666606</v>
      </c>
      <c r="B258" s="8">
        <v>3.9957578127685935</v>
      </c>
      <c r="C258">
        <f t="shared" si="10"/>
        <v>10</v>
      </c>
      <c r="D258">
        <f t="shared" si="11"/>
        <v>1</v>
      </c>
    </row>
    <row r="259" spans="1:4" x14ac:dyDescent="0.25">
      <c r="A259" s="7">
        <f t="shared" si="12"/>
        <v>44572.458333332725</v>
      </c>
      <c r="B259" s="8">
        <v>11.218278515155243</v>
      </c>
      <c r="C259">
        <f t="shared" si="10"/>
        <v>11</v>
      </c>
      <c r="D259">
        <f t="shared" si="11"/>
        <v>1</v>
      </c>
    </row>
    <row r="260" spans="1:4" x14ac:dyDescent="0.25">
      <c r="A260" s="7">
        <f t="shared" si="12"/>
        <v>44572.499999999389</v>
      </c>
      <c r="B260" s="8">
        <v>11.497519712242623</v>
      </c>
      <c r="C260">
        <f t="shared" si="10"/>
        <v>12</v>
      </c>
      <c r="D260">
        <f t="shared" si="11"/>
        <v>1</v>
      </c>
    </row>
    <row r="261" spans="1:4" x14ac:dyDescent="0.25">
      <c r="A261" s="7">
        <f t="shared" si="12"/>
        <v>44572.541666666053</v>
      </c>
      <c r="B261" s="8">
        <v>7.4371010714667438</v>
      </c>
      <c r="C261">
        <f t="shared" si="10"/>
        <v>13</v>
      </c>
      <c r="D261">
        <f t="shared" si="11"/>
        <v>1</v>
      </c>
    </row>
    <row r="262" spans="1:4" x14ac:dyDescent="0.25">
      <c r="A262" s="7">
        <f t="shared" si="12"/>
        <v>44572.583333332717</v>
      </c>
      <c r="B262" s="8">
        <v>6.716854270164224</v>
      </c>
      <c r="C262">
        <f t="shared" si="10"/>
        <v>14</v>
      </c>
      <c r="D262">
        <f t="shared" si="11"/>
        <v>1</v>
      </c>
    </row>
    <row r="263" spans="1:4" x14ac:dyDescent="0.25">
      <c r="A263" s="7">
        <f t="shared" si="12"/>
        <v>44572.624999999382</v>
      </c>
      <c r="B263" s="8">
        <v>3.7989452580787715</v>
      </c>
      <c r="C263">
        <f t="shared" si="10"/>
        <v>15</v>
      </c>
      <c r="D263">
        <f t="shared" si="11"/>
        <v>1</v>
      </c>
    </row>
    <row r="264" spans="1:4" x14ac:dyDescent="0.25">
      <c r="A264" s="7">
        <f t="shared" si="12"/>
        <v>44572.666666666046</v>
      </c>
      <c r="B264" s="8">
        <v>1.1248356003273903</v>
      </c>
      <c r="C264">
        <f t="shared" si="10"/>
        <v>16</v>
      </c>
      <c r="D264">
        <f t="shared" si="11"/>
        <v>1</v>
      </c>
    </row>
    <row r="265" spans="1:4" x14ac:dyDescent="0.25">
      <c r="A265" s="7">
        <f t="shared" si="12"/>
        <v>44572.70833333271</v>
      </c>
      <c r="B265" s="8">
        <v>1.0618969311278847</v>
      </c>
      <c r="C265">
        <f t="shared" si="10"/>
        <v>17</v>
      </c>
      <c r="D265">
        <f t="shared" si="11"/>
        <v>1</v>
      </c>
    </row>
    <row r="266" spans="1:4" x14ac:dyDescent="0.25">
      <c r="A266" s="7">
        <f t="shared" si="12"/>
        <v>44572.749999999374</v>
      </c>
      <c r="B266" s="8">
        <v>-4.9800999999999998E-2</v>
      </c>
      <c r="C266">
        <f t="shared" ref="C266:C329" si="13">HOUR(A266)</f>
        <v>18</v>
      </c>
      <c r="D266">
        <f t="shared" ref="D266:D329" si="14">MONTH(A266)</f>
        <v>1</v>
      </c>
    </row>
    <row r="267" spans="1:4" x14ac:dyDescent="0.25">
      <c r="A267" s="7">
        <f t="shared" ref="A267:A330" si="15">+A266+1/24</f>
        <v>44572.791666666039</v>
      </c>
      <c r="B267" s="8">
        <v>-4.9800999999999998E-2</v>
      </c>
      <c r="C267">
        <f t="shared" si="13"/>
        <v>19</v>
      </c>
      <c r="D267">
        <f t="shared" si="14"/>
        <v>1</v>
      </c>
    </row>
    <row r="268" spans="1:4" x14ac:dyDescent="0.25">
      <c r="A268" s="7">
        <f t="shared" si="15"/>
        <v>44572.833333332703</v>
      </c>
      <c r="B268" s="8">
        <v>-4.9800999999999998E-2</v>
      </c>
      <c r="C268">
        <f t="shared" si="13"/>
        <v>20</v>
      </c>
      <c r="D268">
        <f t="shared" si="14"/>
        <v>1</v>
      </c>
    </row>
    <row r="269" spans="1:4" x14ac:dyDescent="0.25">
      <c r="A269" s="7">
        <f t="shared" si="15"/>
        <v>44572.874999999367</v>
      </c>
      <c r="B269" s="8">
        <v>-4.9800999999999998E-2</v>
      </c>
      <c r="C269">
        <f t="shared" si="13"/>
        <v>21</v>
      </c>
      <c r="D269">
        <f t="shared" si="14"/>
        <v>1</v>
      </c>
    </row>
    <row r="270" spans="1:4" x14ac:dyDescent="0.25">
      <c r="A270" s="7">
        <f t="shared" si="15"/>
        <v>44572.916666666031</v>
      </c>
      <c r="B270" s="8">
        <v>-4.9800999999999998E-2</v>
      </c>
      <c r="C270">
        <f t="shared" si="13"/>
        <v>22</v>
      </c>
      <c r="D270">
        <f t="shared" si="14"/>
        <v>1</v>
      </c>
    </row>
    <row r="271" spans="1:4" x14ac:dyDescent="0.25">
      <c r="A271" s="7">
        <f t="shared" si="15"/>
        <v>44572.958333332695</v>
      </c>
      <c r="B271" s="8">
        <v>-4.9800999999999998E-2</v>
      </c>
      <c r="C271">
        <f t="shared" si="13"/>
        <v>23</v>
      </c>
      <c r="D271">
        <f t="shared" si="14"/>
        <v>1</v>
      </c>
    </row>
    <row r="272" spans="1:4" x14ac:dyDescent="0.25">
      <c r="A272" s="7">
        <f t="shared" si="15"/>
        <v>44572.99999999936</v>
      </c>
      <c r="B272" s="8">
        <v>-4.9800999999999998E-2</v>
      </c>
      <c r="C272">
        <f t="shared" si="13"/>
        <v>0</v>
      </c>
      <c r="D272">
        <f t="shared" si="14"/>
        <v>1</v>
      </c>
    </row>
    <row r="273" spans="1:4" x14ac:dyDescent="0.25">
      <c r="A273" s="7">
        <f t="shared" si="15"/>
        <v>44573.041666666024</v>
      </c>
      <c r="B273" s="8">
        <v>-4.9800999999999998E-2</v>
      </c>
      <c r="C273">
        <f t="shared" si="13"/>
        <v>1</v>
      </c>
      <c r="D273">
        <f t="shared" si="14"/>
        <v>1</v>
      </c>
    </row>
    <row r="274" spans="1:4" x14ac:dyDescent="0.25">
      <c r="A274" s="7">
        <f t="shared" si="15"/>
        <v>44573.083333332688</v>
      </c>
      <c r="B274" s="8">
        <v>-4.9800999999999998E-2</v>
      </c>
      <c r="C274">
        <f t="shared" si="13"/>
        <v>2</v>
      </c>
      <c r="D274">
        <f t="shared" si="14"/>
        <v>1</v>
      </c>
    </row>
    <row r="275" spans="1:4" x14ac:dyDescent="0.25">
      <c r="A275" s="7">
        <f t="shared" si="15"/>
        <v>44573.124999999352</v>
      </c>
      <c r="B275" s="8">
        <v>-4.9800999999999998E-2</v>
      </c>
      <c r="C275">
        <f t="shared" si="13"/>
        <v>3</v>
      </c>
      <c r="D275">
        <f t="shared" si="14"/>
        <v>1</v>
      </c>
    </row>
    <row r="276" spans="1:4" x14ac:dyDescent="0.25">
      <c r="A276" s="7">
        <f t="shared" si="15"/>
        <v>44573.166666666017</v>
      </c>
      <c r="B276" s="8">
        <v>-4.9800999999999998E-2</v>
      </c>
      <c r="C276">
        <f t="shared" si="13"/>
        <v>4</v>
      </c>
      <c r="D276">
        <f t="shared" si="14"/>
        <v>1</v>
      </c>
    </row>
    <row r="277" spans="1:4" x14ac:dyDescent="0.25">
      <c r="A277" s="7">
        <f t="shared" si="15"/>
        <v>44573.208333332681</v>
      </c>
      <c r="B277" s="8">
        <v>-4.9800999999999998E-2</v>
      </c>
      <c r="C277">
        <f t="shared" si="13"/>
        <v>5</v>
      </c>
      <c r="D277">
        <f t="shared" si="14"/>
        <v>1</v>
      </c>
    </row>
    <row r="278" spans="1:4" x14ac:dyDescent="0.25">
      <c r="A278" s="7">
        <f t="shared" si="15"/>
        <v>44573.249999999345</v>
      </c>
      <c r="B278" s="8">
        <v>-4.9800999999999998E-2</v>
      </c>
      <c r="C278">
        <f t="shared" si="13"/>
        <v>6</v>
      </c>
      <c r="D278">
        <f t="shared" si="14"/>
        <v>1</v>
      </c>
    </row>
    <row r="279" spans="1:4" x14ac:dyDescent="0.25">
      <c r="A279" s="7">
        <f t="shared" si="15"/>
        <v>44573.291666666009</v>
      </c>
      <c r="B279" s="8">
        <v>-4.9800999999999998E-2</v>
      </c>
      <c r="C279">
        <f t="shared" si="13"/>
        <v>7</v>
      </c>
      <c r="D279">
        <f t="shared" si="14"/>
        <v>1</v>
      </c>
    </row>
    <row r="280" spans="1:4" x14ac:dyDescent="0.25">
      <c r="A280" s="7">
        <f t="shared" si="15"/>
        <v>44573.333333332674</v>
      </c>
      <c r="B280" s="8">
        <v>-4.9800999999999998E-2</v>
      </c>
      <c r="C280">
        <f t="shared" si="13"/>
        <v>8</v>
      </c>
      <c r="D280">
        <f t="shared" si="14"/>
        <v>1</v>
      </c>
    </row>
    <row r="281" spans="1:4" x14ac:dyDescent="0.25">
      <c r="A281" s="7">
        <f t="shared" si="15"/>
        <v>44573.374999999338</v>
      </c>
      <c r="B281" s="8">
        <v>0.23715291378866185</v>
      </c>
      <c r="C281">
        <f t="shared" si="13"/>
        <v>9</v>
      </c>
      <c r="D281">
        <f t="shared" si="14"/>
        <v>1</v>
      </c>
    </row>
    <row r="282" spans="1:4" x14ac:dyDescent="0.25">
      <c r="A282" s="7">
        <f t="shared" si="15"/>
        <v>44573.416666666002</v>
      </c>
      <c r="B282" s="8">
        <v>1.1148808834366923</v>
      </c>
      <c r="C282">
        <f t="shared" si="13"/>
        <v>10</v>
      </c>
      <c r="D282">
        <f t="shared" si="14"/>
        <v>1</v>
      </c>
    </row>
    <row r="283" spans="1:4" x14ac:dyDescent="0.25">
      <c r="A283" s="7">
        <f t="shared" si="15"/>
        <v>44573.458333332666</v>
      </c>
      <c r="B283" s="8">
        <v>3.0928364427278612</v>
      </c>
      <c r="C283">
        <f t="shared" si="13"/>
        <v>11</v>
      </c>
      <c r="D283">
        <f t="shared" si="14"/>
        <v>1</v>
      </c>
    </row>
    <row r="284" spans="1:4" x14ac:dyDescent="0.25">
      <c r="A284" s="7">
        <f t="shared" si="15"/>
        <v>44573.499999999331</v>
      </c>
      <c r="B284" s="8">
        <v>3.3763773684484319</v>
      </c>
      <c r="C284">
        <f t="shared" si="13"/>
        <v>12</v>
      </c>
      <c r="D284">
        <f t="shared" si="14"/>
        <v>1</v>
      </c>
    </row>
    <row r="285" spans="1:4" x14ac:dyDescent="0.25">
      <c r="A285" s="7">
        <f t="shared" si="15"/>
        <v>44573.541666665995</v>
      </c>
      <c r="B285" s="8">
        <v>3.179530803441041</v>
      </c>
      <c r="C285">
        <f t="shared" si="13"/>
        <v>13</v>
      </c>
      <c r="D285">
        <f t="shared" si="14"/>
        <v>1</v>
      </c>
    </row>
    <row r="286" spans="1:4" x14ac:dyDescent="0.25">
      <c r="A286" s="7">
        <f t="shared" si="15"/>
        <v>44573.583333332659</v>
      </c>
      <c r="B286" s="8">
        <v>2.4696396285302531</v>
      </c>
      <c r="C286">
        <f t="shared" si="13"/>
        <v>14</v>
      </c>
      <c r="D286">
        <f t="shared" si="14"/>
        <v>1</v>
      </c>
    </row>
    <row r="287" spans="1:4" x14ac:dyDescent="0.25">
      <c r="A287" s="7">
        <f t="shared" si="15"/>
        <v>44573.624999999323</v>
      </c>
      <c r="B287" s="8">
        <v>2.0827392864879934</v>
      </c>
      <c r="C287">
        <f t="shared" si="13"/>
        <v>15</v>
      </c>
      <c r="D287">
        <f t="shared" si="14"/>
        <v>1</v>
      </c>
    </row>
    <row r="288" spans="1:4" x14ac:dyDescent="0.25">
      <c r="A288" s="7">
        <f t="shared" si="15"/>
        <v>44573.666666665988</v>
      </c>
      <c r="B288" s="8">
        <v>1.3248574922568472</v>
      </c>
      <c r="C288">
        <f t="shared" si="13"/>
        <v>16</v>
      </c>
      <c r="D288">
        <f t="shared" si="14"/>
        <v>1</v>
      </c>
    </row>
    <row r="289" spans="1:4" x14ac:dyDescent="0.25">
      <c r="A289" s="7">
        <f t="shared" si="15"/>
        <v>44573.708333332652</v>
      </c>
      <c r="B289" s="8">
        <v>0.70285619225255214</v>
      </c>
      <c r="C289">
        <f t="shared" si="13"/>
        <v>17</v>
      </c>
      <c r="D289">
        <f t="shared" si="14"/>
        <v>1</v>
      </c>
    </row>
    <row r="290" spans="1:4" x14ac:dyDescent="0.25">
      <c r="A290" s="7">
        <f t="shared" si="15"/>
        <v>44573.749999999316</v>
      </c>
      <c r="B290" s="8">
        <v>-4.9800999999999998E-2</v>
      </c>
      <c r="C290">
        <f t="shared" si="13"/>
        <v>18</v>
      </c>
      <c r="D290">
        <f t="shared" si="14"/>
        <v>1</v>
      </c>
    </row>
    <row r="291" spans="1:4" x14ac:dyDescent="0.25">
      <c r="A291" s="7">
        <f t="shared" si="15"/>
        <v>44573.79166666598</v>
      </c>
      <c r="B291" s="8">
        <v>-4.9800999999999998E-2</v>
      </c>
      <c r="C291">
        <f t="shared" si="13"/>
        <v>19</v>
      </c>
      <c r="D291">
        <f t="shared" si="14"/>
        <v>1</v>
      </c>
    </row>
    <row r="292" spans="1:4" x14ac:dyDescent="0.25">
      <c r="A292" s="7">
        <f t="shared" si="15"/>
        <v>44573.833333332645</v>
      </c>
      <c r="B292" s="8">
        <v>-4.9800999999999998E-2</v>
      </c>
      <c r="C292">
        <f t="shared" si="13"/>
        <v>20</v>
      </c>
      <c r="D292">
        <f t="shared" si="14"/>
        <v>1</v>
      </c>
    </row>
    <row r="293" spans="1:4" x14ac:dyDescent="0.25">
      <c r="A293" s="7">
        <f t="shared" si="15"/>
        <v>44573.874999999309</v>
      </c>
      <c r="B293" s="8">
        <v>-4.9800999999999998E-2</v>
      </c>
      <c r="C293">
        <f t="shared" si="13"/>
        <v>21</v>
      </c>
      <c r="D293">
        <f t="shared" si="14"/>
        <v>1</v>
      </c>
    </row>
    <row r="294" spans="1:4" x14ac:dyDescent="0.25">
      <c r="A294" s="7">
        <f t="shared" si="15"/>
        <v>44573.916666665973</v>
      </c>
      <c r="B294" s="8">
        <v>-4.9800999999999998E-2</v>
      </c>
      <c r="C294">
        <f t="shared" si="13"/>
        <v>22</v>
      </c>
      <c r="D294">
        <f t="shared" si="14"/>
        <v>1</v>
      </c>
    </row>
    <row r="295" spans="1:4" x14ac:dyDescent="0.25">
      <c r="A295" s="7">
        <f t="shared" si="15"/>
        <v>44573.958333332637</v>
      </c>
      <c r="B295" s="8">
        <v>-4.9800999999999998E-2</v>
      </c>
      <c r="C295">
        <f t="shared" si="13"/>
        <v>23</v>
      </c>
      <c r="D295">
        <f t="shared" si="14"/>
        <v>1</v>
      </c>
    </row>
    <row r="296" spans="1:4" x14ac:dyDescent="0.25">
      <c r="A296" s="7">
        <f t="shared" si="15"/>
        <v>44573.999999999302</v>
      </c>
      <c r="B296" s="8">
        <v>-4.9800999999999998E-2</v>
      </c>
      <c r="C296">
        <f t="shared" si="13"/>
        <v>0</v>
      </c>
      <c r="D296">
        <f t="shared" si="14"/>
        <v>1</v>
      </c>
    </row>
    <row r="297" spans="1:4" x14ac:dyDescent="0.25">
      <c r="A297" s="7">
        <f t="shared" si="15"/>
        <v>44574.041666665966</v>
      </c>
      <c r="B297" s="8">
        <v>-4.9800999999999998E-2</v>
      </c>
      <c r="C297">
        <f t="shared" si="13"/>
        <v>1</v>
      </c>
      <c r="D297">
        <f t="shared" si="14"/>
        <v>1</v>
      </c>
    </row>
    <row r="298" spans="1:4" x14ac:dyDescent="0.25">
      <c r="A298" s="7">
        <f t="shared" si="15"/>
        <v>44574.08333333263</v>
      </c>
      <c r="B298" s="8">
        <v>-4.9800999999999998E-2</v>
      </c>
      <c r="C298">
        <f t="shared" si="13"/>
        <v>2</v>
      </c>
      <c r="D298">
        <f t="shared" si="14"/>
        <v>1</v>
      </c>
    </row>
    <row r="299" spans="1:4" x14ac:dyDescent="0.25">
      <c r="A299" s="7">
        <f t="shared" si="15"/>
        <v>44574.124999999294</v>
      </c>
      <c r="B299" s="8">
        <v>-4.9800999999999998E-2</v>
      </c>
      <c r="C299">
        <f t="shared" si="13"/>
        <v>3</v>
      </c>
      <c r="D299">
        <f t="shared" si="14"/>
        <v>1</v>
      </c>
    </row>
    <row r="300" spans="1:4" x14ac:dyDescent="0.25">
      <c r="A300" s="7">
        <f t="shared" si="15"/>
        <v>44574.166666665958</v>
      </c>
      <c r="B300" s="8">
        <v>-4.9800999999999998E-2</v>
      </c>
      <c r="C300">
        <f t="shared" si="13"/>
        <v>4</v>
      </c>
      <c r="D300">
        <f t="shared" si="14"/>
        <v>1</v>
      </c>
    </row>
    <row r="301" spans="1:4" x14ac:dyDescent="0.25">
      <c r="A301" s="7">
        <f t="shared" si="15"/>
        <v>44574.208333332623</v>
      </c>
      <c r="B301" s="8">
        <v>-4.9800999999999998E-2</v>
      </c>
      <c r="C301">
        <f t="shared" si="13"/>
        <v>5</v>
      </c>
      <c r="D301">
        <f t="shared" si="14"/>
        <v>1</v>
      </c>
    </row>
    <row r="302" spans="1:4" x14ac:dyDescent="0.25">
      <c r="A302" s="7">
        <f t="shared" si="15"/>
        <v>44574.249999999287</v>
      </c>
      <c r="B302" s="8">
        <v>-4.9800999999999998E-2</v>
      </c>
      <c r="C302">
        <f t="shared" si="13"/>
        <v>6</v>
      </c>
      <c r="D302">
        <f t="shared" si="14"/>
        <v>1</v>
      </c>
    </row>
    <row r="303" spans="1:4" x14ac:dyDescent="0.25">
      <c r="A303" s="7">
        <f t="shared" si="15"/>
        <v>44574.291666665951</v>
      </c>
      <c r="B303" s="8">
        <v>-4.9800999999999998E-2</v>
      </c>
      <c r="C303">
        <f t="shared" si="13"/>
        <v>7</v>
      </c>
      <c r="D303">
        <f t="shared" si="14"/>
        <v>1</v>
      </c>
    </row>
    <row r="304" spans="1:4" x14ac:dyDescent="0.25">
      <c r="A304" s="7">
        <f t="shared" si="15"/>
        <v>44574.333333332615</v>
      </c>
      <c r="B304" s="8">
        <v>-4.9800999999999998E-2</v>
      </c>
      <c r="C304">
        <f t="shared" si="13"/>
        <v>8</v>
      </c>
      <c r="D304">
        <f t="shared" si="14"/>
        <v>1</v>
      </c>
    </row>
    <row r="305" spans="1:4" x14ac:dyDescent="0.25">
      <c r="A305" s="7">
        <f t="shared" si="15"/>
        <v>44574.37499999928</v>
      </c>
      <c r="B305" s="8">
        <v>0.80272491325290363</v>
      </c>
      <c r="C305">
        <f t="shared" si="13"/>
        <v>9</v>
      </c>
      <c r="D305">
        <f t="shared" si="14"/>
        <v>1</v>
      </c>
    </row>
    <row r="306" spans="1:4" x14ac:dyDescent="0.25">
      <c r="A306" s="7">
        <f t="shared" si="15"/>
        <v>44574.416666665944</v>
      </c>
      <c r="B306" s="8">
        <v>1.1702167007361379</v>
      </c>
      <c r="C306">
        <f t="shared" si="13"/>
        <v>10</v>
      </c>
      <c r="D306">
        <f t="shared" si="14"/>
        <v>1</v>
      </c>
    </row>
    <row r="307" spans="1:4" x14ac:dyDescent="0.25">
      <c r="A307" s="7">
        <f t="shared" si="15"/>
        <v>44574.458333332608</v>
      </c>
      <c r="B307" s="8">
        <v>2.119005621788415</v>
      </c>
      <c r="C307">
        <f t="shared" si="13"/>
        <v>11</v>
      </c>
      <c r="D307">
        <f t="shared" si="14"/>
        <v>1</v>
      </c>
    </row>
    <row r="308" spans="1:4" x14ac:dyDescent="0.25">
      <c r="A308" s="7">
        <f t="shared" si="15"/>
        <v>44574.499999999272</v>
      </c>
      <c r="B308" s="8">
        <v>2.7871104837958649</v>
      </c>
      <c r="C308">
        <f t="shared" si="13"/>
        <v>12</v>
      </c>
      <c r="D308">
        <f t="shared" si="14"/>
        <v>1</v>
      </c>
    </row>
    <row r="309" spans="1:4" x14ac:dyDescent="0.25">
      <c r="A309" s="7">
        <f t="shared" si="15"/>
        <v>44574.541666665937</v>
      </c>
      <c r="B309" s="8">
        <v>2.1928038884490739</v>
      </c>
      <c r="C309">
        <f t="shared" si="13"/>
        <v>13</v>
      </c>
      <c r="D309">
        <f t="shared" si="14"/>
        <v>1</v>
      </c>
    </row>
    <row r="310" spans="1:4" x14ac:dyDescent="0.25">
      <c r="A310" s="7">
        <f t="shared" si="15"/>
        <v>44574.583333332601</v>
      </c>
      <c r="B310" s="8">
        <v>2.2552138518027429</v>
      </c>
      <c r="C310">
        <f t="shared" si="13"/>
        <v>14</v>
      </c>
      <c r="D310">
        <f t="shared" si="14"/>
        <v>1</v>
      </c>
    </row>
    <row r="311" spans="1:4" x14ac:dyDescent="0.25">
      <c r="A311" s="7">
        <f t="shared" si="15"/>
        <v>44574.624999999265</v>
      </c>
      <c r="B311" s="8">
        <v>2.7826149381827348</v>
      </c>
      <c r="C311">
        <f t="shared" si="13"/>
        <v>15</v>
      </c>
      <c r="D311">
        <f t="shared" si="14"/>
        <v>1</v>
      </c>
    </row>
    <row r="312" spans="1:4" x14ac:dyDescent="0.25">
      <c r="A312" s="7">
        <f t="shared" si="15"/>
        <v>44574.666666665929</v>
      </c>
      <c r="B312" s="8">
        <v>1.487517504413908</v>
      </c>
      <c r="C312">
        <f t="shared" si="13"/>
        <v>16</v>
      </c>
      <c r="D312">
        <f t="shared" si="14"/>
        <v>1</v>
      </c>
    </row>
    <row r="313" spans="1:4" x14ac:dyDescent="0.25">
      <c r="A313" s="7">
        <f t="shared" si="15"/>
        <v>44574.708333332594</v>
      </c>
      <c r="B313" s="8">
        <v>0.61897541235639286</v>
      </c>
      <c r="C313">
        <f t="shared" si="13"/>
        <v>17</v>
      </c>
      <c r="D313">
        <f t="shared" si="14"/>
        <v>1</v>
      </c>
    </row>
    <row r="314" spans="1:4" x14ac:dyDescent="0.25">
      <c r="A314" s="7">
        <f t="shared" si="15"/>
        <v>44574.749999999258</v>
      </c>
      <c r="B314" s="8">
        <v>-4.9800999999999998E-2</v>
      </c>
      <c r="C314">
        <f t="shared" si="13"/>
        <v>18</v>
      </c>
      <c r="D314">
        <f t="shared" si="14"/>
        <v>1</v>
      </c>
    </row>
    <row r="315" spans="1:4" x14ac:dyDescent="0.25">
      <c r="A315" s="7">
        <f t="shared" si="15"/>
        <v>44574.791666665922</v>
      </c>
      <c r="B315" s="8">
        <v>-4.9800999999999998E-2</v>
      </c>
      <c r="C315">
        <f t="shared" si="13"/>
        <v>19</v>
      </c>
      <c r="D315">
        <f t="shared" si="14"/>
        <v>1</v>
      </c>
    </row>
    <row r="316" spans="1:4" x14ac:dyDescent="0.25">
      <c r="A316" s="7">
        <f t="shared" si="15"/>
        <v>44574.833333332586</v>
      </c>
      <c r="B316" s="8">
        <v>-4.9800999999999998E-2</v>
      </c>
      <c r="C316">
        <f t="shared" si="13"/>
        <v>20</v>
      </c>
      <c r="D316">
        <f t="shared" si="14"/>
        <v>1</v>
      </c>
    </row>
    <row r="317" spans="1:4" x14ac:dyDescent="0.25">
      <c r="A317" s="7">
        <f t="shared" si="15"/>
        <v>44574.874999999251</v>
      </c>
      <c r="B317" s="8">
        <v>-4.9800999999999998E-2</v>
      </c>
      <c r="C317">
        <f t="shared" si="13"/>
        <v>21</v>
      </c>
      <c r="D317">
        <f t="shared" si="14"/>
        <v>1</v>
      </c>
    </row>
    <row r="318" spans="1:4" x14ac:dyDescent="0.25">
      <c r="A318" s="7">
        <f t="shared" si="15"/>
        <v>44574.916666665915</v>
      </c>
      <c r="B318" s="8">
        <v>-4.9800999999999998E-2</v>
      </c>
      <c r="C318">
        <f t="shared" si="13"/>
        <v>22</v>
      </c>
      <c r="D318">
        <f t="shared" si="14"/>
        <v>1</v>
      </c>
    </row>
    <row r="319" spans="1:4" x14ac:dyDescent="0.25">
      <c r="A319" s="7">
        <f t="shared" si="15"/>
        <v>44574.958333332579</v>
      </c>
      <c r="B319" s="8">
        <v>-4.9800999999999998E-2</v>
      </c>
      <c r="C319">
        <f t="shared" si="13"/>
        <v>23</v>
      </c>
      <c r="D319">
        <f t="shared" si="14"/>
        <v>1</v>
      </c>
    </row>
    <row r="320" spans="1:4" x14ac:dyDescent="0.25">
      <c r="A320" s="7">
        <f t="shared" si="15"/>
        <v>44574.999999999243</v>
      </c>
      <c r="B320" s="8">
        <v>-4.9800999999999998E-2</v>
      </c>
      <c r="C320">
        <f t="shared" si="13"/>
        <v>0</v>
      </c>
      <c r="D320">
        <f t="shared" si="14"/>
        <v>1</v>
      </c>
    </row>
    <row r="321" spans="1:4" x14ac:dyDescent="0.25">
      <c r="A321" s="7">
        <f t="shared" si="15"/>
        <v>44575.041666665908</v>
      </c>
      <c r="B321" s="8">
        <v>-4.9800999999999998E-2</v>
      </c>
      <c r="C321">
        <f t="shared" si="13"/>
        <v>1</v>
      </c>
      <c r="D321">
        <f t="shared" si="14"/>
        <v>1</v>
      </c>
    </row>
    <row r="322" spans="1:4" x14ac:dyDescent="0.25">
      <c r="A322" s="7">
        <f t="shared" si="15"/>
        <v>44575.083333332572</v>
      </c>
      <c r="B322" s="8">
        <v>-4.9800999999999998E-2</v>
      </c>
      <c r="C322">
        <f t="shared" si="13"/>
        <v>2</v>
      </c>
      <c r="D322">
        <f t="shared" si="14"/>
        <v>1</v>
      </c>
    </row>
    <row r="323" spans="1:4" x14ac:dyDescent="0.25">
      <c r="A323" s="7">
        <f t="shared" si="15"/>
        <v>44575.124999999236</v>
      </c>
      <c r="B323" s="8">
        <v>-4.9800999999999998E-2</v>
      </c>
      <c r="C323">
        <f t="shared" si="13"/>
        <v>3</v>
      </c>
      <c r="D323">
        <f t="shared" si="14"/>
        <v>1</v>
      </c>
    </row>
    <row r="324" spans="1:4" x14ac:dyDescent="0.25">
      <c r="A324" s="7">
        <f t="shared" si="15"/>
        <v>44575.1666666659</v>
      </c>
      <c r="B324" s="8">
        <v>-4.9800999999999998E-2</v>
      </c>
      <c r="C324">
        <f t="shared" si="13"/>
        <v>4</v>
      </c>
      <c r="D324">
        <f t="shared" si="14"/>
        <v>1</v>
      </c>
    </row>
    <row r="325" spans="1:4" x14ac:dyDescent="0.25">
      <c r="A325" s="7">
        <f t="shared" si="15"/>
        <v>44575.208333332565</v>
      </c>
      <c r="B325" s="8">
        <v>-4.9800999999999998E-2</v>
      </c>
      <c r="C325">
        <f t="shared" si="13"/>
        <v>5</v>
      </c>
      <c r="D325">
        <f t="shared" si="14"/>
        <v>1</v>
      </c>
    </row>
    <row r="326" spans="1:4" x14ac:dyDescent="0.25">
      <c r="A326" s="7">
        <f t="shared" si="15"/>
        <v>44575.249999999229</v>
      </c>
      <c r="B326" s="8">
        <v>-4.9800999999999998E-2</v>
      </c>
      <c r="C326">
        <f t="shared" si="13"/>
        <v>6</v>
      </c>
      <c r="D326">
        <f t="shared" si="14"/>
        <v>1</v>
      </c>
    </row>
    <row r="327" spans="1:4" x14ac:dyDescent="0.25">
      <c r="A327" s="7">
        <f t="shared" si="15"/>
        <v>44575.291666665893</v>
      </c>
      <c r="B327" s="8">
        <v>-4.9800999999999998E-2</v>
      </c>
      <c r="C327">
        <f t="shared" si="13"/>
        <v>7</v>
      </c>
      <c r="D327">
        <f t="shared" si="14"/>
        <v>1</v>
      </c>
    </row>
    <row r="328" spans="1:4" x14ac:dyDescent="0.25">
      <c r="A328" s="7">
        <f t="shared" si="15"/>
        <v>44575.333333332557</v>
      </c>
      <c r="B328" s="8">
        <v>-4.9800999999999998E-2</v>
      </c>
      <c r="C328">
        <f t="shared" si="13"/>
        <v>8</v>
      </c>
      <c r="D328">
        <f t="shared" si="14"/>
        <v>1</v>
      </c>
    </row>
    <row r="329" spans="1:4" x14ac:dyDescent="0.25">
      <c r="A329" s="7">
        <f t="shared" si="15"/>
        <v>44575.374999999221</v>
      </c>
      <c r="B329" s="8">
        <v>0.53451233459883563</v>
      </c>
      <c r="C329">
        <f t="shared" si="13"/>
        <v>9</v>
      </c>
      <c r="D329">
        <f t="shared" si="14"/>
        <v>1</v>
      </c>
    </row>
    <row r="330" spans="1:4" x14ac:dyDescent="0.25">
      <c r="A330" s="7">
        <f t="shared" si="15"/>
        <v>44575.416666665886</v>
      </c>
      <c r="B330" s="8">
        <v>0.97012163509312488</v>
      </c>
      <c r="C330">
        <f t="shared" ref="C330:C393" si="16">HOUR(A330)</f>
        <v>10</v>
      </c>
      <c r="D330">
        <f t="shared" ref="D330:D393" si="17">MONTH(A330)</f>
        <v>1</v>
      </c>
    </row>
    <row r="331" spans="1:4" x14ac:dyDescent="0.25">
      <c r="A331" s="7">
        <f t="shared" ref="A331:A394" si="18">+A330+1/24</f>
        <v>44575.45833333255</v>
      </c>
      <c r="B331" s="8">
        <v>1.7798815310042648</v>
      </c>
      <c r="C331">
        <f t="shared" si="16"/>
        <v>11</v>
      </c>
      <c r="D331">
        <f t="shared" si="17"/>
        <v>1</v>
      </c>
    </row>
    <row r="332" spans="1:4" x14ac:dyDescent="0.25">
      <c r="A332" s="7">
        <f t="shared" si="18"/>
        <v>44575.499999999214</v>
      </c>
      <c r="B332" s="8">
        <v>3.1533253384467588</v>
      </c>
      <c r="C332">
        <f t="shared" si="16"/>
        <v>12</v>
      </c>
      <c r="D332">
        <f t="shared" si="17"/>
        <v>1</v>
      </c>
    </row>
    <row r="333" spans="1:4" x14ac:dyDescent="0.25">
      <c r="A333" s="7">
        <f t="shared" si="18"/>
        <v>44575.541666665878</v>
      </c>
      <c r="B333" s="8">
        <v>2.1074008891878084</v>
      </c>
      <c r="C333">
        <f t="shared" si="16"/>
        <v>13</v>
      </c>
      <c r="D333">
        <f t="shared" si="17"/>
        <v>1</v>
      </c>
    </row>
    <row r="334" spans="1:4" x14ac:dyDescent="0.25">
      <c r="A334" s="7">
        <f t="shared" si="18"/>
        <v>44575.583333332543</v>
      </c>
      <c r="B334" s="8">
        <v>2.204325141179285</v>
      </c>
      <c r="C334">
        <f t="shared" si="16"/>
        <v>14</v>
      </c>
      <c r="D334">
        <f t="shared" si="17"/>
        <v>1</v>
      </c>
    </row>
    <row r="335" spans="1:4" x14ac:dyDescent="0.25">
      <c r="A335" s="7">
        <f t="shared" si="18"/>
        <v>44575.624999999207</v>
      </c>
      <c r="B335" s="8">
        <v>2.3053533048240133</v>
      </c>
      <c r="C335">
        <f t="shared" si="16"/>
        <v>15</v>
      </c>
      <c r="D335">
        <f t="shared" si="17"/>
        <v>1</v>
      </c>
    </row>
    <row r="336" spans="1:4" x14ac:dyDescent="0.25">
      <c r="A336" s="7">
        <f t="shared" si="18"/>
        <v>44575.666666665871</v>
      </c>
      <c r="B336" s="8">
        <v>2.1668426793718734</v>
      </c>
      <c r="C336">
        <f t="shared" si="16"/>
        <v>16</v>
      </c>
      <c r="D336">
        <f t="shared" si="17"/>
        <v>1</v>
      </c>
    </row>
    <row r="337" spans="1:4" x14ac:dyDescent="0.25">
      <c r="A337" s="7">
        <f t="shared" si="18"/>
        <v>44575.708333332535</v>
      </c>
      <c r="B337" s="8">
        <v>1.7932290347263298</v>
      </c>
      <c r="C337">
        <f t="shared" si="16"/>
        <v>17</v>
      </c>
      <c r="D337">
        <f t="shared" si="17"/>
        <v>1</v>
      </c>
    </row>
    <row r="338" spans="1:4" x14ac:dyDescent="0.25">
      <c r="A338" s="7">
        <f t="shared" si="18"/>
        <v>44575.7499999992</v>
      </c>
      <c r="B338" s="8">
        <v>-4.9800999999999998E-2</v>
      </c>
      <c r="C338">
        <f t="shared" si="16"/>
        <v>18</v>
      </c>
      <c r="D338">
        <f t="shared" si="17"/>
        <v>1</v>
      </c>
    </row>
    <row r="339" spans="1:4" x14ac:dyDescent="0.25">
      <c r="A339" s="7">
        <f t="shared" si="18"/>
        <v>44575.791666665864</v>
      </c>
      <c r="B339" s="8">
        <v>-4.9800999999999998E-2</v>
      </c>
      <c r="C339">
        <f t="shared" si="16"/>
        <v>19</v>
      </c>
      <c r="D339">
        <f t="shared" si="17"/>
        <v>1</v>
      </c>
    </row>
    <row r="340" spans="1:4" x14ac:dyDescent="0.25">
      <c r="A340" s="7">
        <f t="shared" si="18"/>
        <v>44575.833333332528</v>
      </c>
      <c r="B340" s="8">
        <v>-4.9800999999999998E-2</v>
      </c>
      <c r="C340">
        <f t="shared" si="16"/>
        <v>20</v>
      </c>
      <c r="D340">
        <f t="shared" si="17"/>
        <v>1</v>
      </c>
    </row>
    <row r="341" spans="1:4" x14ac:dyDescent="0.25">
      <c r="A341" s="7">
        <f t="shared" si="18"/>
        <v>44575.874999999192</v>
      </c>
      <c r="B341" s="8">
        <v>-4.9800999999999998E-2</v>
      </c>
      <c r="C341">
        <f t="shared" si="16"/>
        <v>21</v>
      </c>
      <c r="D341">
        <f t="shared" si="17"/>
        <v>1</v>
      </c>
    </row>
    <row r="342" spans="1:4" x14ac:dyDescent="0.25">
      <c r="A342" s="7">
        <f t="shared" si="18"/>
        <v>44575.916666665857</v>
      </c>
      <c r="B342" s="8">
        <v>-4.9800999999999998E-2</v>
      </c>
      <c r="C342">
        <f t="shared" si="16"/>
        <v>22</v>
      </c>
      <c r="D342">
        <f t="shared" si="17"/>
        <v>1</v>
      </c>
    </row>
    <row r="343" spans="1:4" x14ac:dyDescent="0.25">
      <c r="A343" s="7">
        <f t="shared" si="18"/>
        <v>44575.958333332521</v>
      </c>
      <c r="B343" s="8">
        <v>-4.9800999999999998E-2</v>
      </c>
      <c r="C343">
        <f t="shared" si="16"/>
        <v>23</v>
      </c>
      <c r="D343">
        <f t="shared" si="17"/>
        <v>1</v>
      </c>
    </row>
    <row r="344" spans="1:4" x14ac:dyDescent="0.25">
      <c r="A344" s="7">
        <f t="shared" si="18"/>
        <v>44575.999999999185</v>
      </c>
      <c r="B344" s="8">
        <v>-4.9800999999999998E-2</v>
      </c>
      <c r="C344">
        <f t="shared" si="16"/>
        <v>0</v>
      </c>
      <c r="D344">
        <f t="shared" si="17"/>
        <v>1</v>
      </c>
    </row>
    <row r="345" spans="1:4" x14ac:dyDescent="0.25">
      <c r="A345" s="7">
        <f t="shared" si="18"/>
        <v>44576.041666665849</v>
      </c>
      <c r="B345" s="8">
        <v>-4.9800999999999998E-2</v>
      </c>
      <c r="C345">
        <f t="shared" si="16"/>
        <v>1</v>
      </c>
      <c r="D345">
        <f t="shared" si="17"/>
        <v>1</v>
      </c>
    </row>
    <row r="346" spans="1:4" x14ac:dyDescent="0.25">
      <c r="A346" s="7">
        <f t="shared" si="18"/>
        <v>44576.083333332514</v>
      </c>
      <c r="B346" s="8">
        <v>-4.9800999999999998E-2</v>
      </c>
      <c r="C346">
        <f t="shared" si="16"/>
        <v>2</v>
      </c>
      <c r="D346">
        <f t="shared" si="17"/>
        <v>1</v>
      </c>
    </row>
    <row r="347" spans="1:4" x14ac:dyDescent="0.25">
      <c r="A347" s="7">
        <f t="shared" si="18"/>
        <v>44576.124999999178</v>
      </c>
      <c r="B347" s="8">
        <v>-4.9800999999999998E-2</v>
      </c>
      <c r="C347">
        <f t="shared" si="16"/>
        <v>3</v>
      </c>
      <c r="D347">
        <f t="shared" si="17"/>
        <v>1</v>
      </c>
    </row>
    <row r="348" spans="1:4" x14ac:dyDescent="0.25">
      <c r="A348" s="7">
        <f t="shared" si="18"/>
        <v>44576.166666665842</v>
      </c>
      <c r="B348" s="8">
        <v>-4.9800999999999998E-2</v>
      </c>
      <c r="C348">
        <f t="shared" si="16"/>
        <v>4</v>
      </c>
      <c r="D348">
        <f t="shared" si="17"/>
        <v>1</v>
      </c>
    </row>
    <row r="349" spans="1:4" x14ac:dyDescent="0.25">
      <c r="A349" s="7">
        <f t="shared" si="18"/>
        <v>44576.208333332506</v>
      </c>
      <c r="B349" s="8">
        <v>-4.9800999999999998E-2</v>
      </c>
      <c r="C349">
        <f t="shared" si="16"/>
        <v>5</v>
      </c>
      <c r="D349">
        <f t="shared" si="17"/>
        <v>1</v>
      </c>
    </row>
    <row r="350" spans="1:4" x14ac:dyDescent="0.25">
      <c r="A350" s="7">
        <f t="shared" si="18"/>
        <v>44576.249999999171</v>
      </c>
      <c r="B350" s="8">
        <v>-4.9800999999999998E-2</v>
      </c>
      <c r="C350">
        <f t="shared" si="16"/>
        <v>6</v>
      </c>
      <c r="D350">
        <f t="shared" si="17"/>
        <v>1</v>
      </c>
    </row>
    <row r="351" spans="1:4" x14ac:dyDescent="0.25">
      <c r="A351" s="7">
        <f t="shared" si="18"/>
        <v>44576.291666665835</v>
      </c>
      <c r="B351" s="8">
        <v>-4.9800999999999998E-2</v>
      </c>
      <c r="C351">
        <f t="shared" si="16"/>
        <v>7</v>
      </c>
      <c r="D351">
        <f t="shared" si="17"/>
        <v>1</v>
      </c>
    </row>
    <row r="352" spans="1:4" x14ac:dyDescent="0.25">
      <c r="A352" s="7">
        <f t="shared" si="18"/>
        <v>44576.333333332499</v>
      </c>
      <c r="B352" s="8">
        <v>-4.9800999999999998E-2</v>
      </c>
      <c r="C352">
        <f t="shared" si="16"/>
        <v>8</v>
      </c>
      <c r="D352">
        <f t="shared" si="17"/>
        <v>1</v>
      </c>
    </row>
    <row r="353" spans="1:4" x14ac:dyDescent="0.25">
      <c r="A353" s="7">
        <f t="shared" si="18"/>
        <v>44576.374999999163</v>
      </c>
      <c r="B353" s="8">
        <v>2.3041268721601833</v>
      </c>
      <c r="C353">
        <f t="shared" si="16"/>
        <v>9</v>
      </c>
      <c r="D353">
        <f t="shared" si="17"/>
        <v>1</v>
      </c>
    </row>
    <row r="354" spans="1:4" x14ac:dyDescent="0.25">
      <c r="A354" s="7">
        <f t="shared" si="18"/>
        <v>44576.416666665828</v>
      </c>
      <c r="B354" s="8">
        <v>7.8503882668636491</v>
      </c>
      <c r="C354">
        <f t="shared" si="16"/>
        <v>10</v>
      </c>
      <c r="D354">
        <f t="shared" si="17"/>
        <v>1</v>
      </c>
    </row>
    <row r="355" spans="1:4" x14ac:dyDescent="0.25">
      <c r="A355" s="7">
        <f t="shared" si="18"/>
        <v>44576.458333332492</v>
      </c>
      <c r="B355" s="8">
        <v>6.1299310055768244</v>
      </c>
      <c r="C355">
        <f t="shared" si="16"/>
        <v>11</v>
      </c>
      <c r="D355">
        <f t="shared" si="17"/>
        <v>1</v>
      </c>
    </row>
    <row r="356" spans="1:4" x14ac:dyDescent="0.25">
      <c r="A356" s="7">
        <f t="shared" si="18"/>
        <v>44576.499999999156</v>
      </c>
      <c r="B356" s="8">
        <v>3.8764496187387003</v>
      </c>
      <c r="C356">
        <f t="shared" si="16"/>
        <v>12</v>
      </c>
      <c r="D356">
        <f t="shared" si="17"/>
        <v>1</v>
      </c>
    </row>
    <row r="357" spans="1:4" x14ac:dyDescent="0.25">
      <c r="A357" s="7">
        <f t="shared" si="18"/>
        <v>44576.54166666582</v>
      </c>
      <c r="B357" s="8">
        <v>4.1700751189261398</v>
      </c>
      <c r="C357">
        <f t="shared" si="16"/>
        <v>13</v>
      </c>
      <c r="D357">
        <f t="shared" si="17"/>
        <v>1</v>
      </c>
    </row>
    <row r="358" spans="1:4" x14ac:dyDescent="0.25">
      <c r="A358" s="7">
        <f t="shared" si="18"/>
        <v>44576.583333332484</v>
      </c>
      <c r="B358" s="8">
        <v>4.4492853975430027</v>
      </c>
      <c r="C358">
        <f t="shared" si="16"/>
        <v>14</v>
      </c>
      <c r="D358">
        <f t="shared" si="17"/>
        <v>1</v>
      </c>
    </row>
    <row r="359" spans="1:4" x14ac:dyDescent="0.25">
      <c r="A359" s="7">
        <f t="shared" si="18"/>
        <v>44576.624999999149</v>
      </c>
      <c r="B359" s="8">
        <v>4.9768462293539972</v>
      </c>
      <c r="C359">
        <f t="shared" si="16"/>
        <v>15</v>
      </c>
      <c r="D359">
        <f t="shared" si="17"/>
        <v>1</v>
      </c>
    </row>
    <row r="360" spans="1:4" x14ac:dyDescent="0.25">
      <c r="A360" s="7">
        <f t="shared" si="18"/>
        <v>44576.666666665813</v>
      </c>
      <c r="B360" s="8">
        <v>5.2001919848255787</v>
      </c>
      <c r="C360">
        <f t="shared" si="16"/>
        <v>16</v>
      </c>
      <c r="D360">
        <f t="shared" si="17"/>
        <v>1</v>
      </c>
    </row>
    <row r="361" spans="1:4" x14ac:dyDescent="0.25">
      <c r="A361" s="7">
        <f t="shared" si="18"/>
        <v>44576.708333332477</v>
      </c>
      <c r="B361" s="8">
        <v>3.025709351389025</v>
      </c>
      <c r="C361">
        <f t="shared" si="16"/>
        <v>17</v>
      </c>
      <c r="D361">
        <f t="shared" si="17"/>
        <v>1</v>
      </c>
    </row>
    <row r="362" spans="1:4" x14ac:dyDescent="0.25">
      <c r="A362" s="7">
        <f t="shared" si="18"/>
        <v>44576.749999999141</v>
      </c>
      <c r="B362" s="8">
        <v>-4.9800999999999998E-2</v>
      </c>
      <c r="C362">
        <f t="shared" si="16"/>
        <v>18</v>
      </c>
      <c r="D362">
        <f t="shared" si="17"/>
        <v>1</v>
      </c>
    </row>
    <row r="363" spans="1:4" x14ac:dyDescent="0.25">
      <c r="A363" s="7">
        <f t="shared" si="18"/>
        <v>44576.791666665806</v>
      </c>
      <c r="B363" s="8">
        <v>-4.9800999999999998E-2</v>
      </c>
      <c r="C363">
        <f t="shared" si="16"/>
        <v>19</v>
      </c>
      <c r="D363">
        <f t="shared" si="17"/>
        <v>1</v>
      </c>
    </row>
    <row r="364" spans="1:4" x14ac:dyDescent="0.25">
      <c r="A364" s="7">
        <f t="shared" si="18"/>
        <v>44576.83333333247</v>
      </c>
      <c r="B364" s="8">
        <v>-4.9800999999999998E-2</v>
      </c>
      <c r="C364">
        <f t="shared" si="16"/>
        <v>20</v>
      </c>
      <c r="D364">
        <f t="shared" si="17"/>
        <v>1</v>
      </c>
    </row>
    <row r="365" spans="1:4" x14ac:dyDescent="0.25">
      <c r="A365" s="7">
        <f t="shared" si="18"/>
        <v>44576.874999999134</v>
      </c>
      <c r="B365" s="8">
        <v>-4.9800999999999998E-2</v>
      </c>
      <c r="C365">
        <f t="shared" si="16"/>
        <v>21</v>
      </c>
      <c r="D365">
        <f t="shared" si="17"/>
        <v>1</v>
      </c>
    </row>
    <row r="366" spans="1:4" x14ac:dyDescent="0.25">
      <c r="A366" s="7">
        <f t="shared" si="18"/>
        <v>44576.916666665798</v>
      </c>
      <c r="B366" s="8">
        <v>-4.9800999999999998E-2</v>
      </c>
      <c r="C366">
        <f t="shared" si="16"/>
        <v>22</v>
      </c>
      <c r="D366">
        <f t="shared" si="17"/>
        <v>1</v>
      </c>
    </row>
    <row r="367" spans="1:4" x14ac:dyDescent="0.25">
      <c r="A367" s="7">
        <f t="shared" si="18"/>
        <v>44576.958333332463</v>
      </c>
      <c r="B367" s="8">
        <v>-4.9800999999999998E-2</v>
      </c>
      <c r="C367">
        <f t="shared" si="16"/>
        <v>23</v>
      </c>
      <c r="D367">
        <f t="shared" si="17"/>
        <v>1</v>
      </c>
    </row>
    <row r="368" spans="1:4" x14ac:dyDescent="0.25">
      <c r="A368" s="7">
        <f t="shared" si="18"/>
        <v>44576.999999999127</v>
      </c>
      <c r="B368" s="8">
        <v>-4.9800999999999998E-2</v>
      </c>
      <c r="C368">
        <f t="shared" si="16"/>
        <v>0</v>
      </c>
      <c r="D368">
        <f t="shared" si="17"/>
        <v>1</v>
      </c>
    </row>
    <row r="369" spans="1:4" x14ac:dyDescent="0.25">
      <c r="A369" s="7">
        <f t="shared" si="18"/>
        <v>44577.041666665791</v>
      </c>
      <c r="B369" s="8">
        <v>-4.9800999999999998E-2</v>
      </c>
      <c r="C369">
        <f t="shared" si="16"/>
        <v>1</v>
      </c>
      <c r="D369">
        <f t="shared" si="17"/>
        <v>1</v>
      </c>
    </row>
    <row r="370" spans="1:4" x14ac:dyDescent="0.25">
      <c r="A370" s="7">
        <f t="shared" si="18"/>
        <v>44577.083333332455</v>
      </c>
      <c r="B370" s="8">
        <v>-4.9800999999999998E-2</v>
      </c>
      <c r="C370">
        <f t="shared" si="16"/>
        <v>2</v>
      </c>
      <c r="D370">
        <f t="shared" si="17"/>
        <v>1</v>
      </c>
    </row>
    <row r="371" spans="1:4" x14ac:dyDescent="0.25">
      <c r="A371" s="7">
        <f t="shared" si="18"/>
        <v>44577.12499999912</v>
      </c>
      <c r="B371" s="8">
        <v>-4.9800999999999998E-2</v>
      </c>
      <c r="C371">
        <f t="shared" si="16"/>
        <v>3</v>
      </c>
      <c r="D371">
        <f t="shared" si="17"/>
        <v>1</v>
      </c>
    </row>
    <row r="372" spans="1:4" x14ac:dyDescent="0.25">
      <c r="A372" s="7">
        <f t="shared" si="18"/>
        <v>44577.166666665784</v>
      </c>
      <c r="B372" s="8">
        <v>-4.9800999999999998E-2</v>
      </c>
      <c r="C372">
        <f t="shared" si="16"/>
        <v>4</v>
      </c>
      <c r="D372">
        <f t="shared" si="17"/>
        <v>1</v>
      </c>
    </row>
    <row r="373" spans="1:4" x14ac:dyDescent="0.25">
      <c r="A373" s="7">
        <f t="shared" si="18"/>
        <v>44577.208333332448</v>
      </c>
      <c r="B373" s="8">
        <v>-4.9800999999999998E-2</v>
      </c>
      <c r="C373">
        <f t="shared" si="16"/>
        <v>5</v>
      </c>
      <c r="D373">
        <f t="shared" si="17"/>
        <v>1</v>
      </c>
    </row>
    <row r="374" spans="1:4" x14ac:dyDescent="0.25">
      <c r="A374" s="7">
        <f t="shared" si="18"/>
        <v>44577.249999999112</v>
      </c>
      <c r="B374" s="8">
        <v>-4.9800999999999998E-2</v>
      </c>
      <c r="C374">
        <f t="shared" si="16"/>
        <v>6</v>
      </c>
      <c r="D374">
        <f t="shared" si="17"/>
        <v>1</v>
      </c>
    </row>
    <row r="375" spans="1:4" x14ac:dyDescent="0.25">
      <c r="A375" s="7">
        <f t="shared" si="18"/>
        <v>44577.291666665777</v>
      </c>
      <c r="B375" s="8">
        <v>-4.9800999999999998E-2</v>
      </c>
      <c r="C375">
        <f t="shared" si="16"/>
        <v>7</v>
      </c>
      <c r="D375">
        <f t="shared" si="17"/>
        <v>1</v>
      </c>
    </row>
    <row r="376" spans="1:4" x14ac:dyDescent="0.25">
      <c r="A376" s="7">
        <f t="shared" si="18"/>
        <v>44577.333333332441</v>
      </c>
      <c r="B376" s="8">
        <v>-4.9800999999999998E-2</v>
      </c>
      <c r="C376">
        <f t="shared" si="16"/>
        <v>8</v>
      </c>
      <c r="D376">
        <f t="shared" si="17"/>
        <v>1</v>
      </c>
    </row>
    <row r="377" spans="1:4" x14ac:dyDescent="0.25">
      <c r="A377" s="7">
        <f t="shared" si="18"/>
        <v>44577.374999999105</v>
      </c>
      <c r="B377" s="8">
        <v>3.4110421269760867</v>
      </c>
      <c r="C377">
        <f t="shared" si="16"/>
        <v>9</v>
      </c>
      <c r="D377">
        <f t="shared" si="17"/>
        <v>1</v>
      </c>
    </row>
    <row r="378" spans="1:4" x14ac:dyDescent="0.25">
      <c r="A378" s="7">
        <f t="shared" si="18"/>
        <v>44577.416666665769</v>
      </c>
      <c r="B378" s="8">
        <v>11.516704623198244</v>
      </c>
      <c r="C378">
        <f t="shared" si="16"/>
        <v>10</v>
      </c>
      <c r="D378">
        <f t="shared" si="17"/>
        <v>1</v>
      </c>
    </row>
    <row r="379" spans="1:4" x14ac:dyDescent="0.25">
      <c r="A379" s="7">
        <f t="shared" si="18"/>
        <v>44577.458333332434</v>
      </c>
      <c r="B379" s="8">
        <v>13.686816415519418</v>
      </c>
      <c r="C379">
        <f t="shared" si="16"/>
        <v>11</v>
      </c>
      <c r="D379">
        <f t="shared" si="17"/>
        <v>1</v>
      </c>
    </row>
    <row r="380" spans="1:4" x14ac:dyDescent="0.25">
      <c r="A380" s="7">
        <f t="shared" si="18"/>
        <v>44577.499999999098</v>
      </c>
      <c r="B380" s="8">
        <v>15.232742002586448</v>
      </c>
      <c r="C380">
        <f t="shared" si="16"/>
        <v>12</v>
      </c>
      <c r="D380">
        <f t="shared" si="17"/>
        <v>1</v>
      </c>
    </row>
    <row r="381" spans="1:4" x14ac:dyDescent="0.25">
      <c r="A381" s="7">
        <f t="shared" si="18"/>
        <v>44577.541666665762</v>
      </c>
      <c r="B381" s="8">
        <v>14.987183387279977</v>
      </c>
      <c r="C381">
        <f t="shared" si="16"/>
        <v>13</v>
      </c>
      <c r="D381">
        <f t="shared" si="17"/>
        <v>1</v>
      </c>
    </row>
    <row r="382" spans="1:4" x14ac:dyDescent="0.25">
      <c r="A382" s="7">
        <f t="shared" si="18"/>
        <v>44577.583333332426</v>
      </c>
      <c r="B382" s="8">
        <v>15.21863596572104</v>
      </c>
      <c r="C382">
        <f t="shared" si="16"/>
        <v>14</v>
      </c>
      <c r="D382">
        <f t="shared" si="17"/>
        <v>1</v>
      </c>
    </row>
    <row r="383" spans="1:4" x14ac:dyDescent="0.25">
      <c r="A383" s="7">
        <f t="shared" si="18"/>
        <v>44577.624999999091</v>
      </c>
      <c r="B383" s="8">
        <v>18.410738219274176</v>
      </c>
      <c r="C383">
        <f t="shared" si="16"/>
        <v>15</v>
      </c>
      <c r="D383">
        <f t="shared" si="17"/>
        <v>1</v>
      </c>
    </row>
    <row r="384" spans="1:4" x14ac:dyDescent="0.25">
      <c r="A384" s="7">
        <f t="shared" si="18"/>
        <v>44577.666666665755</v>
      </c>
      <c r="B384" s="8">
        <v>14.510223724316633</v>
      </c>
      <c r="C384">
        <f t="shared" si="16"/>
        <v>16</v>
      </c>
      <c r="D384">
        <f t="shared" si="17"/>
        <v>1</v>
      </c>
    </row>
    <row r="385" spans="1:4" x14ac:dyDescent="0.25">
      <c r="A385" s="7">
        <f t="shared" si="18"/>
        <v>44577.708333332419</v>
      </c>
      <c r="B385" s="8">
        <v>6.5044763268006038</v>
      </c>
      <c r="C385">
        <f t="shared" si="16"/>
        <v>17</v>
      </c>
      <c r="D385">
        <f t="shared" si="17"/>
        <v>1</v>
      </c>
    </row>
    <row r="386" spans="1:4" x14ac:dyDescent="0.25">
      <c r="A386" s="7">
        <f t="shared" si="18"/>
        <v>44577.749999999083</v>
      </c>
      <c r="B386" s="8">
        <v>0.27553201124105803</v>
      </c>
      <c r="C386">
        <f t="shared" si="16"/>
        <v>18</v>
      </c>
      <c r="D386">
        <f t="shared" si="17"/>
        <v>1</v>
      </c>
    </row>
    <row r="387" spans="1:4" x14ac:dyDescent="0.25">
      <c r="A387" s="7">
        <f t="shared" si="18"/>
        <v>44577.791666665747</v>
      </c>
      <c r="B387" s="8">
        <v>-4.9800999999999998E-2</v>
      </c>
      <c r="C387">
        <f t="shared" si="16"/>
        <v>19</v>
      </c>
      <c r="D387">
        <f t="shared" si="17"/>
        <v>1</v>
      </c>
    </row>
    <row r="388" spans="1:4" x14ac:dyDescent="0.25">
      <c r="A388" s="7">
        <f t="shared" si="18"/>
        <v>44577.833333332412</v>
      </c>
      <c r="B388" s="8">
        <v>-4.9800999999999998E-2</v>
      </c>
      <c r="C388">
        <f t="shared" si="16"/>
        <v>20</v>
      </c>
      <c r="D388">
        <f t="shared" si="17"/>
        <v>1</v>
      </c>
    </row>
    <row r="389" spans="1:4" x14ac:dyDescent="0.25">
      <c r="A389" s="7">
        <f t="shared" si="18"/>
        <v>44577.874999999076</v>
      </c>
      <c r="B389" s="8">
        <v>-4.9800999999999998E-2</v>
      </c>
      <c r="C389">
        <f t="shared" si="16"/>
        <v>21</v>
      </c>
      <c r="D389">
        <f t="shared" si="17"/>
        <v>1</v>
      </c>
    </row>
    <row r="390" spans="1:4" x14ac:dyDescent="0.25">
      <c r="A390" s="7">
        <f t="shared" si="18"/>
        <v>44577.91666666574</v>
      </c>
      <c r="B390" s="8">
        <v>-4.9800999999999998E-2</v>
      </c>
      <c r="C390">
        <f t="shared" si="16"/>
        <v>22</v>
      </c>
      <c r="D390">
        <f t="shared" si="17"/>
        <v>1</v>
      </c>
    </row>
    <row r="391" spans="1:4" x14ac:dyDescent="0.25">
      <c r="A391" s="7">
        <f t="shared" si="18"/>
        <v>44577.958333332404</v>
      </c>
      <c r="B391" s="8">
        <v>-4.9800999999999998E-2</v>
      </c>
      <c r="C391">
        <f t="shared" si="16"/>
        <v>23</v>
      </c>
      <c r="D391">
        <f t="shared" si="17"/>
        <v>1</v>
      </c>
    </row>
    <row r="392" spans="1:4" x14ac:dyDescent="0.25">
      <c r="A392" s="7">
        <f t="shared" si="18"/>
        <v>44577.999999999069</v>
      </c>
      <c r="B392" s="8">
        <v>-4.9800999999999998E-2</v>
      </c>
      <c r="C392">
        <f t="shared" si="16"/>
        <v>0</v>
      </c>
      <c r="D392">
        <f t="shared" si="17"/>
        <v>1</v>
      </c>
    </row>
    <row r="393" spans="1:4" x14ac:dyDescent="0.25">
      <c r="A393" s="7">
        <f t="shared" si="18"/>
        <v>44578.041666665733</v>
      </c>
      <c r="B393" s="8">
        <v>-4.9800999999999998E-2</v>
      </c>
      <c r="C393">
        <f t="shared" si="16"/>
        <v>1</v>
      </c>
      <c r="D393">
        <f t="shared" si="17"/>
        <v>1</v>
      </c>
    </row>
    <row r="394" spans="1:4" x14ac:dyDescent="0.25">
      <c r="A394" s="7">
        <f t="shared" si="18"/>
        <v>44578.083333332397</v>
      </c>
      <c r="B394" s="8">
        <v>-4.9800999999999998E-2</v>
      </c>
      <c r="C394">
        <f t="shared" ref="C394:C457" si="19">HOUR(A394)</f>
        <v>2</v>
      </c>
      <c r="D394">
        <f t="shared" ref="D394:D457" si="20">MONTH(A394)</f>
        <v>1</v>
      </c>
    </row>
    <row r="395" spans="1:4" x14ac:dyDescent="0.25">
      <c r="A395" s="7">
        <f t="shared" ref="A395:A458" si="21">+A394+1/24</f>
        <v>44578.124999999061</v>
      </c>
      <c r="B395" s="8">
        <v>-4.9800999999999998E-2</v>
      </c>
      <c r="C395">
        <f t="shared" si="19"/>
        <v>3</v>
      </c>
      <c r="D395">
        <f t="shared" si="20"/>
        <v>1</v>
      </c>
    </row>
    <row r="396" spans="1:4" x14ac:dyDescent="0.25">
      <c r="A396" s="7">
        <f t="shared" si="21"/>
        <v>44578.166666665726</v>
      </c>
      <c r="B396" s="8">
        <v>-4.9800999999999998E-2</v>
      </c>
      <c r="C396">
        <f t="shared" si="19"/>
        <v>4</v>
      </c>
      <c r="D396">
        <f t="shared" si="20"/>
        <v>1</v>
      </c>
    </row>
    <row r="397" spans="1:4" x14ac:dyDescent="0.25">
      <c r="A397" s="7">
        <f t="shared" si="21"/>
        <v>44578.20833333239</v>
      </c>
      <c r="B397" s="8">
        <v>-4.9800999999999998E-2</v>
      </c>
      <c r="C397">
        <f t="shared" si="19"/>
        <v>5</v>
      </c>
      <c r="D397">
        <f t="shared" si="20"/>
        <v>1</v>
      </c>
    </row>
    <row r="398" spans="1:4" x14ac:dyDescent="0.25">
      <c r="A398" s="7">
        <f t="shared" si="21"/>
        <v>44578.249999999054</v>
      </c>
      <c r="B398" s="8">
        <v>-4.9800999999999998E-2</v>
      </c>
      <c r="C398">
        <f t="shared" si="19"/>
        <v>6</v>
      </c>
      <c r="D398">
        <f t="shared" si="20"/>
        <v>1</v>
      </c>
    </row>
    <row r="399" spans="1:4" x14ac:dyDescent="0.25">
      <c r="A399" s="7">
        <f t="shared" si="21"/>
        <v>44578.291666665718</v>
      </c>
      <c r="B399" s="8">
        <v>-4.9800999999999998E-2</v>
      </c>
      <c r="C399">
        <f t="shared" si="19"/>
        <v>7</v>
      </c>
      <c r="D399">
        <f t="shared" si="20"/>
        <v>1</v>
      </c>
    </row>
    <row r="400" spans="1:4" x14ac:dyDescent="0.25">
      <c r="A400" s="7">
        <f t="shared" si="21"/>
        <v>44578.333333332383</v>
      </c>
      <c r="B400" s="8">
        <v>-4.9800999999999998E-2</v>
      </c>
      <c r="C400">
        <f t="shared" si="19"/>
        <v>8</v>
      </c>
      <c r="D400">
        <f t="shared" si="20"/>
        <v>1</v>
      </c>
    </row>
    <row r="401" spans="1:4" x14ac:dyDescent="0.25">
      <c r="A401" s="7">
        <f t="shared" si="21"/>
        <v>44578.374999999047</v>
      </c>
      <c r="B401" s="8">
        <v>3.614591816391501</v>
      </c>
      <c r="C401">
        <f t="shared" si="19"/>
        <v>9</v>
      </c>
      <c r="D401">
        <f t="shared" si="20"/>
        <v>1</v>
      </c>
    </row>
    <row r="402" spans="1:4" x14ac:dyDescent="0.25">
      <c r="A402" s="7">
        <f t="shared" si="21"/>
        <v>44578.416666665711</v>
      </c>
      <c r="B402" s="8">
        <v>12.415053151449554</v>
      </c>
      <c r="C402">
        <f t="shared" si="19"/>
        <v>10</v>
      </c>
      <c r="D402">
        <f t="shared" si="20"/>
        <v>1</v>
      </c>
    </row>
    <row r="403" spans="1:4" x14ac:dyDescent="0.25">
      <c r="A403" s="7">
        <f t="shared" si="21"/>
        <v>44578.458333332375</v>
      </c>
      <c r="B403" s="8">
        <v>18.072326283927595</v>
      </c>
      <c r="C403">
        <f t="shared" si="19"/>
        <v>11</v>
      </c>
      <c r="D403">
        <f t="shared" si="20"/>
        <v>1</v>
      </c>
    </row>
    <row r="404" spans="1:4" x14ac:dyDescent="0.25">
      <c r="A404" s="7">
        <f t="shared" si="21"/>
        <v>44578.49999999904</v>
      </c>
      <c r="B404" s="8">
        <v>20.451235660726553</v>
      </c>
      <c r="C404">
        <f t="shared" si="19"/>
        <v>12</v>
      </c>
      <c r="D404">
        <f t="shared" si="20"/>
        <v>1</v>
      </c>
    </row>
    <row r="405" spans="1:4" x14ac:dyDescent="0.25">
      <c r="A405" s="7">
        <f t="shared" si="21"/>
        <v>44578.541666665704</v>
      </c>
      <c r="B405" s="8">
        <v>20.451235660726553</v>
      </c>
      <c r="C405">
        <f t="shared" si="19"/>
        <v>13</v>
      </c>
      <c r="D405">
        <f t="shared" si="20"/>
        <v>1</v>
      </c>
    </row>
    <row r="406" spans="1:4" x14ac:dyDescent="0.25">
      <c r="A406" s="7">
        <f t="shared" si="21"/>
        <v>44578.583333332368</v>
      </c>
      <c r="B406" s="8">
        <v>20.451257303655915</v>
      </c>
      <c r="C406">
        <f t="shared" si="19"/>
        <v>14</v>
      </c>
      <c r="D406">
        <f t="shared" si="20"/>
        <v>1</v>
      </c>
    </row>
    <row r="407" spans="1:4" x14ac:dyDescent="0.25">
      <c r="A407" s="7">
        <f t="shared" si="21"/>
        <v>44578.624999999032</v>
      </c>
      <c r="B407" s="8">
        <v>18.098777035454642</v>
      </c>
      <c r="C407">
        <f t="shared" si="19"/>
        <v>15</v>
      </c>
      <c r="D407">
        <f t="shared" si="20"/>
        <v>1</v>
      </c>
    </row>
    <row r="408" spans="1:4" x14ac:dyDescent="0.25">
      <c r="A408" s="7">
        <f t="shared" si="21"/>
        <v>44578.666666665697</v>
      </c>
      <c r="B408" s="8">
        <v>14.230212657313389</v>
      </c>
      <c r="C408">
        <f t="shared" si="19"/>
        <v>16</v>
      </c>
      <c r="D408">
        <f t="shared" si="20"/>
        <v>1</v>
      </c>
    </row>
    <row r="409" spans="1:4" x14ac:dyDescent="0.25">
      <c r="A409" s="7">
        <f t="shared" si="21"/>
        <v>44578.708333332361</v>
      </c>
      <c r="B409" s="8">
        <v>6.4237049144227427</v>
      </c>
      <c r="C409">
        <f t="shared" si="19"/>
        <v>17</v>
      </c>
      <c r="D409">
        <f t="shared" si="20"/>
        <v>1</v>
      </c>
    </row>
    <row r="410" spans="1:4" x14ac:dyDescent="0.25">
      <c r="A410" s="7">
        <f t="shared" si="21"/>
        <v>44578.749999999025</v>
      </c>
      <c r="B410" s="8">
        <v>0.26397262573054281</v>
      </c>
      <c r="C410">
        <f t="shared" si="19"/>
        <v>18</v>
      </c>
      <c r="D410">
        <f t="shared" si="20"/>
        <v>1</v>
      </c>
    </row>
    <row r="411" spans="1:4" x14ac:dyDescent="0.25">
      <c r="A411" s="7">
        <f t="shared" si="21"/>
        <v>44578.791666665689</v>
      </c>
      <c r="B411" s="8">
        <v>-4.9800999999999998E-2</v>
      </c>
      <c r="C411">
        <f t="shared" si="19"/>
        <v>19</v>
      </c>
      <c r="D411">
        <f t="shared" si="20"/>
        <v>1</v>
      </c>
    </row>
    <row r="412" spans="1:4" x14ac:dyDescent="0.25">
      <c r="A412" s="7">
        <f t="shared" si="21"/>
        <v>44578.833333332354</v>
      </c>
      <c r="B412" s="8">
        <v>-4.9800999999999998E-2</v>
      </c>
      <c r="C412">
        <f t="shared" si="19"/>
        <v>20</v>
      </c>
      <c r="D412">
        <f t="shared" si="20"/>
        <v>1</v>
      </c>
    </row>
    <row r="413" spans="1:4" x14ac:dyDescent="0.25">
      <c r="A413" s="7">
        <f t="shared" si="21"/>
        <v>44578.874999999018</v>
      </c>
      <c r="B413" s="8">
        <v>-4.9800999999999998E-2</v>
      </c>
      <c r="C413">
        <f t="shared" si="19"/>
        <v>21</v>
      </c>
      <c r="D413">
        <f t="shared" si="20"/>
        <v>1</v>
      </c>
    </row>
    <row r="414" spans="1:4" x14ac:dyDescent="0.25">
      <c r="A414" s="7">
        <f t="shared" si="21"/>
        <v>44578.916666665682</v>
      </c>
      <c r="B414" s="8">
        <v>-4.9800999999999998E-2</v>
      </c>
      <c r="C414">
        <f t="shared" si="19"/>
        <v>22</v>
      </c>
      <c r="D414">
        <f t="shared" si="20"/>
        <v>1</v>
      </c>
    </row>
    <row r="415" spans="1:4" x14ac:dyDescent="0.25">
      <c r="A415" s="7">
        <f t="shared" si="21"/>
        <v>44578.958333332346</v>
      </c>
      <c r="B415" s="8">
        <v>-4.9800999999999998E-2</v>
      </c>
      <c r="C415">
        <f t="shared" si="19"/>
        <v>23</v>
      </c>
      <c r="D415">
        <f t="shared" si="20"/>
        <v>1</v>
      </c>
    </row>
    <row r="416" spans="1:4" x14ac:dyDescent="0.25">
      <c r="A416" s="7">
        <f t="shared" si="21"/>
        <v>44578.99999999901</v>
      </c>
      <c r="B416" s="8">
        <v>-4.9800999999999998E-2</v>
      </c>
      <c r="C416">
        <f t="shared" si="19"/>
        <v>0</v>
      </c>
      <c r="D416">
        <f t="shared" si="20"/>
        <v>1</v>
      </c>
    </row>
    <row r="417" spans="1:4" x14ac:dyDescent="0.25">
      <c r="A417" s="7">
        <f t="shared" si="21"/>
        <v>44579.041666665675</v>
      </c>
      <c r="B417" s="8">
        <v>-4.9800999999999998E-2</v>
      </c>
      <c r="C417">
        <f t="shared" si="19"/>
        <v>1</v>
      </c>
      <c r="D417">
        <f t="shared" si="20"/>
        <v>1</v>
      </c>
    </row>
    <row r="418" spans="1:4" x14ac:dyDescent="0.25">
      <c r="A418" s="7">
        <f t="shared" si="21"/>
        <v>44579.083333332339</v>
      </c>
      <c r="B418" s="8">
        <v>-4.9800999999999998E-2</v>
      </c>
      <c r="C418">
        <f t="shared" si="19"/>
        <v>2</v>
      </c>
      <c r="D418">
        <f t="shared" si="20"/>
        <v>1</v>
      </c>
    </row>
    <row r="419" spans="1:4" x14ac:dyDescent="0.25">
      <c r="A419" s="7">
        <f t="shared" si="21"/>
        <v>44579.124999999003</v>
      </c>
      <c r="B419" s="8">
        <v>-4.9800999999999998E-2</v>
      </c>
      <c r="C419">
        <f t="shared" si="19"/>
        <v>3</v>
      </c>
      <c r="D419">
        <f t="shared" si="20"/>
        <v>1</v>
      </c>
    </row>
    <row r="420" spans="1:4" x14ac:dyDescent="0.25">
      <c r="A420" s="7">
        <f t="shared" si="21"/>
        <v>44579.166666665667</v>
      </c>
      <c r="B420" s="8">
        <v>-4.9800999999999998E-2</v>
      </c>
      <c r="C420">
        <f t="shared" si="19"/>
        <v>4</v>
      </c>
      <c r="D420">
        <f t="shared" si="20"/>
        <v>1</v>
      </c>
    </row>
    <row r="421" spans="1:4" x14ac:dyDescent="0.25">
      <c r="A421" s="7">
        <f t="shared" si="21"/>
        <v>44579.208333332332</v>
      </c>
      <c r="B421" s="8">
        <v>-4.9800999999999998E-2</v>
      </c>
      <c r="C421">
        <f t="shared" si="19"/>
        <v>5</v>
      </c>
      <c r="D421">
        <f t="shared" si="20"/>
        <v>1</v>
      </c>
    </row>
    <row r="422" spans="1:4" x14ac:dyDescent="0.25">
      <c r="A422" s="7">
        <f t="shared" si="21"/>
        <v>44579.249999998996</v>
      </c>
      <c r="B422" s="8">
        <v>-4.9800999999999998E-2</v>
      </c>
      <c r="C422">
        <f t="shared" si="19"/>
        <v>6</v>
      </c>
      <c r="D422">
        <f t="shared" si="20"/>
        <v>1</v>
      </c>
    </row>
    <row r="423" spans="1:4" x14ac:dyDescent="0.25">
      <c r="A423" s="7">
        <f t="shared" si="21"/>
        <v>44579.29166666566</v>
      </c>
      <c r="B423" s="8">
        <v>-4.9800999999999998E-2</v>
      </c>
      <c r="C423">
        <f t="shared" si="19"/>
        <v>7</v>
      </c>
      <c r="D423">
        <f t="shared" si="20"/>
        <v>1</v>
      </c>
    </row>
    <row r="424" spans="1:4" x14ac:dyDescent="0.25">
      <c r="A424" s="7">
        <f t="shared" si="21"/>
        <v>44579.333333332324</v>
      </c>
      <c r="B424" s="8">
        <v>-4.9800999999999998E-2</v>
      </c>
      <c r="C424">
        <f t="shared" si="19"/>
        <v>8</v>
      </c>
      <c r="D424">
        <f t="shared" si="20"/>
        <v>1</v>
      </c>
    </row>
    <row r="425" spans="1:4" x14ac:dyDescent="0.25">
      <c r="A425" s="7">
        <f t="shared" si="21"/>
        <v>44579.374999998989</v>
      </c>
      <c r="B425" s="8">
        <v>1.0454132638797411</v>
      </c>
      <c r="C425">
        <f t="shared" si="19"/>
        <v>9</v>
      </c>
      <c r="D425">
        <f t="shared" si="20"/>
        <v>1</v>
      </c>
    </row>
    <row r="426" spans="1:4" x14ac:dyDescent="0.25">
      <c r="A426" s="7">
        <f t="shared" si="21"/>
        <v>44579.416666665653</v>
      </c>
      <c r="B426" s="8">
        <v>11.825098846135832</v>
      </c>
      <c r="C426">
        <f t="shared" si="19"/>
        <v>10</v>
      </c>
      <c r="D426">
        <f t="shared" si="20"/>
        <v>1</v>
      </c>
    </row>
    <row r="427" spans="1:4" x14ac:dyDescent="0.25">
      <c r="A427" s="7">
        <f t="shared" si="21"/>
        <v>44579.458333332317</v>
      </c>
      <c r="B427" s="8">
        <v>9.6510604080590365</v>
      </c>
      <c r="C427">
        <f t="shared" si="19"/>
        <v>11</v>
      </c>
      <c r="D427">
        <f t="shared" si="20"/>
        <v>1</v>
      </c>
    </row>
    <row r="428" spans="1:4" x14ac:dyDescent="0.25">
      <c r="A428" s="7">
        <f t="shared" si="21"/>
        <v>44579.499999998981</v>
      </c>
      <c r="B428" s="8">
        <v>10.013762924459231</v>
      </c>
      <c r="C428">
        <f t="shared" si="19"/>
        <v>12</v>
      </c>
      <c r="D428">
        <f t="shared" si="20"/>
        <v>1</v>
      </c>
    </row>
    <row r="429" spans="1:4" x14ac:dyDescent="0.25">
      <c r="A429" s="7">
        <f t="shared" si="21"/>
        <v>44579.541666665646</v>
      </c>
      <c r="B429" s="8">
        <v>15.134751063362145</v>
      </c>
      <c r="C429">
        <f t="shared" si="19"/>
        <v>13</v>
      </c>
      <c r="D429">
        <f t="shared" si="20"/>
        <v>1</v>
      </c>
    </row>
    <row r="430" spans="1:4" x14ac:dyDescent="0.25">
      <c r="A430" s="7">
        <f t="shared" si="21"/>
        <v>44579.58333333231</v>
      </c>
      <c r="B430" s="8">
        <v>17.969482175447851</v>
      </c>
      <c r="C430">
        <f t="shared" si="19"/>
        <v>14</v>
      </c>
      <c r="D430">
        <f t="shared" si="20"/>
        <v>1</v>
      </c>
    </row>
    <row r="431" spans="1:4" x14ac:dyDescent="0.25">
      <c r="A431" s="7">
        <f t="shared" si="21"/>
        <v>44579.624999998974</v>
      </c>
      <c r="B431" s="8">
        <v>9.9032881374559647</v>
      </c>
      <c r="C431">
        <f t="shared" si="19"/>
        <v>15</v>
      </c>
      <c r="D431">
        <f t="shared" si="20"/>
        <v>1</v>
      </c>
    </row>
    <row r="432" spans="1:4" x14ac:dyDescent="0.25">
      <c r="A432" s="7">
        <f t="shared" si="21"/>
        <v>44579.666666665638</v>
      </c>
      <c r="B432" s="8">
        <v>6.8934543900615868</v>
      </c>
      <c r="C432">
        <f t="shared" si="19"/>
        <v>16</v>
      </c>
      <c r="D432">
        <f t="shared" si="20"/>
        <v>1</v>
      </c>
    </row>
    <row r="433" spans="1:4" x14ac:dyDescent="0.25">
      <c r="A433" s="7">
        <f t="shared" si="21"/>
        <v>44579.708333332303</v>
      </c>
      <c r="B433" s="8">
        <v>4.4718713402554613</v>
      </c>
      <c r="C433">
        <f t="shared" si="19"/>
        <v>17</v>
      </c>
      <c r="D433">
        <f t="shared" si="20"/>
        <v>1</v>
      </c>
    </row>
    <row r="434" spans="1:4" x14ac:dyDescent="0.25">
      <c r="A434" s="7">
        <f t="shared" si="21"/>
        <v>44579.749999998967</v>
      </c>
      <c r="B434" s="8">
        <v>-4.9800999999999998E-2</v>
      </c>
      <c r="C434">
        <f t="shared" si="19"/>
        <v>18</v>
      </c>
      <c r="D434">
        <f t="shared" si="20"/>
        <v>1</v>
      </c>
    </row>
    <row r="435" spans="1:4" x14ac:dyDescent="0.25">
      <c r="A435" s="7">
        <f t="shared" si="21"/>
        <v>44579.791666665631</v>
      </c>
      <c r="B435" s="8">
        <v>-4.9800999999999998E-2</v>
      </c>
      <c r="C435">
        <f t="shared" si="19"/>
        <v>19</v>
      </c>
      <c r="D435">
        <f t="shared" si="20"/>
        <v>1</v>
      </c>
    </row>
    <row r="436" spans="1:4" x14ac:dyDescent="0.25">
      <c r="A436" s="7">
        <f t="shared" si="21"/>
        <v>44579.833333332295</v>
      </c>
      <c r="B436" s="8">
        <v>-4.9800999999999998E-2</v>
      </c>
      <c r="C436">
        <f t="shared" si="19"/>
        <v>20</v>
      </c>
      <c r="D436">
        <f t="shared" si="20"/>
        <v>1</v>
      </c>
    </row>
    <row r="437" spans="1:4" x14ac:dyDescent="0.25">
      <c r="A437" s="7">
        <f t="shared" si="21"/>
        <v>44579.87499999896</v>
      </c>
      <c r="B437" s="8">
        <v>-4.9800999999999998E-2</v>
      </c>
      <c r="C437">
        <f t="shared" si="19"/>
        <v>21</v>
      </c>
      <c r="D437">
        <f t="shared" si="20"/>
        <v>1</v>
      </c>
    </row>
    <row r="438" spans="1:4" x14ac:dyDescent="0.25">
      <c r="A438" s="7">
        <f t="shared" si="21"/>
        <v>44579.916666665624</v>
      </c>
      <c r="B438" s="8">
        <v>-4.9800999999999998E-2</v>
      </c>
      <c r="C438">
        <f t="shared" si="19"/>
        <v>22</v>
      </c>
      <c r="D438">
        <f t="shared" si="20"/>
        <v>1</v>
      </c>
    </row>
    <row r="439" spans="1:4" x14ac:dyDescent="0.25">
      <c r="A439" s="7">
        <f t="shared" si="21"/>
        <v>44579.958333332288</v>
      </c>
      <c r="B439" s="8">
        <v>-4.9800999999999998E-2</v>
      </c>
      <c r="C439">
        <f t="shared" si="19"/>
        <v>23</v>
      </c>
      <c r="D439">
        <f t="shared" si="20"/>
        <v>1</v>
      </c>
    </row>
    <row r="440" spans="1:4" x14ac:dyDescent="0.25">
      <c r="A440" s="7">
        <f t="shared" si="21"/>
        <v>44579.999999998952</v>
      </c>
      <c r="B440" s="8">
        <v>-4.9800999999999998E-2</v>
      </c>
      <c r="C440">
        <f t="shared" si="19"/>
        <v>0</v>
      </c>
      <c r="D440">
        <f t="shared" si="20"/>
        <v>1</v>
      </c>
    </row>
    <row r="441" spans="1:4" x14ac:dyDescent="0.25">
      <c r="A441" s="7">
        <f t="shared" si="21"/>
        <v>44580.041666665617</v>
      </c>
      <c r="B441" s="8">
        <v>-4.9800999999999998E-2</v>
      </c>
      <c r="C441">
        <f t="shared" si="19"/>
        <v>1</v>
      </c>
      <c r="D441">
        <f t="shared" si="20"/>
        <v>1</v>
      </c>
    </row>
    <row r="442" spans="1:4" x14ac:dyDescent="0.25">
      <c r="A442" s="7">
        <f t="shared" si="21"/>
        <v>44580.083333332281</v>
      </c>
      <c r="B442" s="8">
        <v>-4.9800999999999998E-2</v>
      </c>
      <c r="C442">
        <f t="shared" si="19"/>
        <v>2</v>
      </c>
      <c r="D442">
        <f t="shared" si="20"/>
        <v>1</v>
      </c>
    </row>
    <row r="443" spans="1:4" x14ac:dyDescent="0.25">
      <c r="A443" s="7">
        <f t="shared" si="21"/>
        <v>44580.124999998945</v>
      </c>
      <c r="B443" s="8">
        <v>-4.9800999999999998E-2</v>
      </c>
      <c r="C443">
        <f t="shared" si="19"/>
        <v>3</v>
      </c>
      <c r="D443">
        <f t="shared" si="20"/>
        <v>1</v>
      </c>
    </row>
    <row r="444" spans="1:4" x14ac:dyDescent="0.25">
      <c r="A444" s="7">
        <f t="shared" si="21"/>
        <v>44580.166666665609</v>
      </c>
      <c r="B444" s="8">
        <v>-4.9800999999999998E-2</v>
      </c>
      <c r="C444">
        <f t="shared" si="19"/>
        <v>4</v>
      </c>
      <c r="D444">
        <f t="shared" si="20"/>
        <v>1</v>
      </c>
    </row>
    <row r="445" spans="1:4" x14ac:dyDescent="0.25">
      <c r="A445" s="7">
        <f t="shared" si="21"/>
        <v>44580.208333332273</v>
      </c>
      <c r="B445" s="8">
        <v>-4.9800999999999998E-2</v>
      </c>
      <c r="C445">
        <f t="shared" si="19"/>
        <v>5</v>
      </c>
      <c r="D445">
        <f t="shared" si="20"/>
        <v>1</v>
      </c>
    </row>
    <row r="446" spans="1:4" x14ac:dyDescent="0.25">
      <c r="A446" s="7">
        <f t="shared" si="21"/>
        <v>44580.249999998938</v>
      </c>
      <c r="B446" s="8">
        <v>-4.9800999999999998E-2</v>
      </c>
      <c r="C446">
        <f t="shared" si="19"/>
        <v>6</v>
      </c>
      <c r="D446">
        <f t="shared" si="20"/>
        <v>1</v>
      </c>
    </row>
    <row r="447" spans="1:4" x14ac:dyDescent="0.25">
      <c r="A447" s="7">
        <f t="shared" si="21"/>
        <v>44580.291666665602</v>
      </c>
      <c r="B447" s="8">
        <v>-4.9800999999999998E-2</v>
      </c>
      <c r="C447">
        <f t="shared" si="19"/>
        <v>7</v>
      </c>
      <c r="D447">
        <f t="shared" si="20"/>
        <v>1</v>
      </c>
    </row>
    <row r="448" spans="1:4" x14ac:dyDescent="0.25">
      <c r="A448" s="7">
        <f t="shared" si="21"/>
        <v>44580.333333332266</v>
      </c>
      <c r="B448" s="8">
        <v>-4.9800999999999998E-2</v>
      </c>
      <c r="C448">
        <f t="shared" si="19"/>
        <v>8</v>
      </c>
      <c r="D448">
        <f t="shared" si="20"/>
        <v>1</v>
      </c>
    </row>
    <row r="449" spans="1:4" x14ac:dyDescent="0.25">
      <c r="A449" s="7">
        <f t="shared" si="21"/>
        <v>44580.37499999893</v>
      </c>
      <c r="B449" s="8">
        <v>2.6711672499738737</v>
      </c>
      <c r="C449">
        <f t="shared" si="19"/>
        <v>9</v>
      </c>
      <c r="D449">
        <f t="shared" si="20"/>
        <v>1</v>
      </c>
    </row>
    <row r="450" spans="1:4" x14ac:dyDescent="0.25">
      <c r="A450" s="7">
        <f t="shared" si="21"/>
        <v>44580.416666665595</v>
      </c>
      <c r="B450" s="8">
        <v>12.987549857693857</v>
      </c>
      <c r="C450">
        <f t="shared" si="19"/>
        <v>10</v>
      </c>
      <c r="D450">
        <f t="shared" si="20"/>
        <v>1</v>
      </c>
    </row>
    <row r="451" spans="1:4" x14ac:dyDescent="0.25">
      <c r="A451" s="7">
        <f t="shared" si="21"/>
        <v>44580.458333332259</v>
      </c>
      <c r="B451" s="8">
        <v>18.273186066408055</v>
      </c>
      <c r="C451">
        <f t="shared" si="19"/>
        <v>11</v>
      </c>
      <c r="D451">
        <f t="shared" si="20"/>
        <v>1</v>
      </c>
    </row>
    <row r="452" spans="1:4" x14ac:dyDescent="0.25">
      <c r="A452" s="7">
        <f t="shared" si="21"/>
        <v>44580.499999998923</v>
      </c>
      <c r="B452" s="8">
        <v>20.451215048412873</v>
      </c>
      <c r="C452">
        <f t="shared" si="19"/>
        <v>12</v>
      </c>
      <c r="D452">
        <f t="shared" si="20"/>
        <v>1</v>
      </c>
    </row>
    <row r="453" spans="1:4" x14ac:dyDescent="0.25">
      <c r="A453" s="7">
        <f t="shared" si="21"/>
        <v>44580.541666665587</v>
      </c>
      <c r="B453" s="8">
        <v>20.451236691342238</v>
      </c>
      <c r="C453">
        <f t="shared" si="19"/>
        <v>13</v>
      </c>
      <c r="D453">
        <f t="shared" si="20"/>
        <v>1</v>
      </c>
    </row>
    <row r="454" spans="1:4" x14ac:dyDescent="0.25">
      <c r="A454" s="7">
        <f t="shared" si="21"/>
        <v>44580.583333332252</v>
      </c>
      <c r="B454" s="8">
        <v>20.45125111996181</v>
      </c>
      <c r="C454">
        <f t="shared" si="19"/>
        <v>14</v>
      </c>
      <c r="D454">
        <f t="shared" si="20"/>
        <v>1</v>
      </c>
    </row>
    <row r="455" spans="1:4" x14ac:dyDescent="0.25">
      <c r="A455" s="7">
        <f t="shared" si="21"/>
        <v>44580.624999998916</v>
      </c>
      <c r="B455" s="8">
        <v>19.187708046586657</v>
      </c>
      <c r="C455">
        <f t="shared" si="19"/>
        <v>15</v>
      </c>
      <c r="D455">
        <f t="shared" si="20"/>
        <v>1</v>
      </c>
    </row>
    <row r="456" spans="1:4" x14ac:dyDescent="0.25">
      <c r="A456" s="7">
        <f t="shared" si="21"/>
        <v>44580.66666666558</v>
      </c>
      <c r="B456" s="8">
        <v>14.487470821863385</v>
      </c>
      <c r="C456">
        <f t="shared" si="19"/>
        <v>16</v>
      </c>
      <c r="D456">
        <f t="shared" si="20"/>
        <v>1</v>
      </c>
    </row>
    <row r="457" spans="1:4" x14ac:dyDescent="0.25">
      <c r="A457" s="7">
        <f t="shared" si="21"/>
        <v>44580.708333332244</v>
      </c>
      <c r="B457" s="8">
        <v>6.7490970818347362</v>
      </c>
      <c r="C457">
        <f t="shared" si="19"/>
        <v>17</v>
      </c>
      <c r="D457">
        <f t="shared" si="20"/>
        <v>1</v>
      </c>
    </row>
    <row r="458" spans="1:4" x14ac:dyDescent="0.25">
      <c r="A458" s="7">
        <f t="shared" si="21"/>
        <v>44580.749999998909</v>
      </c>
      <c r="B458" s="8">
        <v>0.37779485247508715</v>
      </c>
      <c r="C458">
        <f t="shared" ref="C458:C521" si="22">HOUR(A458)</f>
        <v>18</v>
      </c>
      <c r="D458">
        <f t="shared" ref="D458:D521" si="23">MONTH(A458)</f>
        <v>1</v>
      </c>
    </row>
    <row r="459" spans="1:4" x14ac:dyDescent="0.25">
      <c r="A459" s="7">
        <f t="shared" ref="A459:A522" si="24">+A458+1/24</f>
        <v>44580.791666665573</v>
      </c>
      <c r="B459" s="8">
        <v>-4.9800999999999998E-2</v>
      </c>
      <c r="C459">
        <f t="shared" si="22"/>
        <v>19</v>
      </c>
      <c r="D459">
        <f t="shared" si="23"/>
        <v>1</v>
      </c>
    </row>
    <row r="460" spans="1:4" x14ac:dyDescent="0.25">
      <c r="A460" s="7">
        <f t="shared" si="24"/>
        <v>44580.833333332237</v>
      </c>
      <c r="B460" s="8">
        <v>-4.9800999999999998E-2</v>
      </c>
      <c r="C460">
        <f t="shared" si="22"/>
        <v>20</v>
      </c>
      <c r="D460">
        <f t="shared" si="23"/>
        <v>1</v>
      </c>
    </row>
    <row r="461" spans="1:4" x14ac:dyDescent="0.25">
      <c r="A461" s="7">
        <f t="shared" si="24"/>
        <v>44580.874999998901</v>
      </c>
      <c r="B461" s="8">
        <v>-4.9800999999999998E-2</v>
      </c>
      <c r="C461">
        <f t="shared" si="22"/>
        <v>21</v>
      </c>
      <c r="D461">
        <f t="shared" si="23"/>
        <v>1</v>
      </c>
    </row>
    <row r="462" spans="1:4" x14ac:dyDescent="0.25">
      <c r="A462" s="7">
        <f t="shared" si="24"/>
        <v>44580.916666665566</v>
      </c>
      <c r="B462" s="8">
        <v>-4.9800999999999998E-2</v>
      </c>
      <c r="C462">
        <f t="shared" si="22"/>
        <v>22</v>
      </c>
      <c r="D462">
        <f t="shared" si="23"/>
        <v>1</v>
      </c>
    </row>
    <row r="463" spans="1:4" x14ac:dyDescent="0.25">
      <c r="A463" s="7">
        <f t="shared" si="24"/>
        <v>44580.95833333223</v>
      </c>
      <c r="B463" s="8">
        <v>-4.9800999999999998E-2</v>
      </c>
      <c r="C463">
        <f t="shared" si="22"/>
        <v>23</v>
      </c>
      <c r="D463">
        <f t="shared" si="23"/>
        <v>1</v>
      </c>
    </row>
    <row r="464" spans="1:4" x14ac:dyDescent="0.25">
      <c r="A464" s="7">
        <f t="shared" si="24"/>
        <v>44580.999999998894</v>
      </c>
      <c r="B464" s="8">
        <v>-4.9800999999999998E-2</v>
      </c>
      <c r="C464">
        <f t="shared" si="22"/>
        <v>0</v>
      </c>
      <c r="D464">
        <f t="shared" si="23"/>
        <v>1</v>
      </c>
    </row>
    <row r="465" spans="1:4" x14ac:dyDescent="0.25">
      <c r="A465" s="7">
        <f t="shared" si="24"/>
        <v>44581.041666665558</v>
      </c>
      <c r="B465" s="8">
        <v>-4.9800999999999998E-2</v>
      </c>
      <c r="C465">
        <f t="shared" si="22"/>
        <v>1</v>
      </c>
      <c r="D465">
        <f t="shared" si="23"/>
        <v>1</v>
      </c>
    </row>
    <row r="466" spans="1:4" x14ac:dyDescent="0.25">
      <c r="A466" s="7">
        <f t="shared" si="24"/>
        <v>44581.083333332223</v>
      </c>
      <c r="B466" s="8">
        <v>-4.9800999999999998E-2</v>
      </c>
      <c r="C466">
        <f t="shared" si="22"/>
        <v>2</v>
      </c>
      <c r="D466">
        <f t="shared" si="23"/>
        <v>1</v>
      </c>
    </row>
    <row r="467" spans="1:4" x14ac:dyDescent="0.25">
      <c r="A467" s="7">
        <f t="shared" si="24"/>
        <v>44581.124999998887</v>
      </c>
      <c r="B467" s="8">
        <v>-4.9800999999999998E-2</v>
      </c>
      <c r="C467">
        <f t="shared" si="22"/>
        <v>3</v>
      </c>
      <c r="D467">
        <f t="shared" si="23"/>
        <v>1</v>
      </c>
    </row>
    <row r="468" spans="1:4" x14ac:dyDescent="0.25">
      <c r="A468" s="7">
        <f t="shared" si="24"/>
        <v>44581.166666665551</v>
      </c>
      <c r="B468" s="8">
        <v>-4.9800999999999998E-2</v>
      </c>
      <c r="C468">
        <f t="shared" si="22"/>
        <v>4</v>
      </c>
      <c r="D468">
        <f t="shared" si="23"/>
        <v>1</v>
      </c>
    </row>
    <row r="469" spans="1:4" x14ac:dyDescent="0.25">
      <c r="A469" s="7">
        <f t="shared" si="24"/>
        <v>44581.208333332215</v>
      </c>
      <c r="B469" s="8">
        <v>-4.9800999999999998E-2</v>
      </c>
      <c r="C469">
        <f t="shared" si="22"/>
        <v>5</v>
      </c>
      <c r="D469">
        <f t="shared" si="23"/>
        <v>1</v>
      </c>
    </row>
    <row r="470" spans="1:4" x14ac:dyDescent="0.25">
      <c r="A470" s="7">
        <f t="shared" si="24"/>
        <v>44581.24999999888</v>
      </c>
      <c r="B470" s="8">
        <v>-4.9800999999999998E-2</v>
      </c>
      <c r="C470">
        <f t="shared" si="22"/>
        <v>6</v>
      </c>
      <c r="D470">
        <f t="shared" si="23"/>
        <v>1</v>
      </c>
    </row>
    <row r="471" spans="1:4" x14ac:dyDescent="0.25">
      <c r="A471" s="7">
        <f t="shared" si="24"/>
        <v>44581.291666665544</v>
      </c>
      <c r="B471" s="8">
        <v>-4.9800999999999998E-2</v>
      </c>
      <c r="C471">
        <f t="shared" si="22"/>
        <v>7</v>
      </c>
      <c r="D471">
        <f t="shared" si="23"/>
        <v>1</v>
      </c>
    </row>
    <row r="472" spans="1:4" x14ac:dyDescent="0.25">
      <c r="A472" s="7">
        <f t="shared" si="24"/>
        <v>44581.333333332208</v>
      </c>
      <c r="B472" s="8">
        <v>-4.9800999999999998E-2</v>
      </c>
      <c r="C472">
        <f t="shared" si="22"/>
        <v>8</v>
      </c>
      <c r="D472">
        <f t="shared" si="23"/>
        <v>1</v>
      </c>
    </row>
    <row r="473" spans="1:4" x14ac:dyDescent="0.25">
      <c r="A473" s="7">
        <f t="shared" si="24"/>
        <v>44581.374999998872</v>
      </c>
      <c r="B473" s="8">
        <v>3.6038981480554537</v>
      </c>
      <c r="C473">
        <f t="shared" si="22"/>
        <v>9</v>
      </c>
      <c r="D473">
        <f t="shared" si="23"/>
        <v>1</v>
      </c>
    </row>
    <row r="474" spans="1:4" x14ac:dyDescent="0.25">
      <c r="A474" s="7">
        <f t="shared" si="24"/>
        <v>44581.416666665536</v>
      </c>
      <c r="B474" s="8">
        <v>13.015575389985889</v>
      </c>
      <c r="C474">
        <f t="shared" si="22"/>
        <v>10</v>
      </c>
      <c r="D474">
        <f t="shared" si="23"/>
        <v>1</v>
      </c>
    </row>
    <row r="475" spans="1:4" x14ac:dyDescent="0.25">
      <c r="A475" s="7">
        <f t="shared" si="24"/>
        <v>44581.458333332201</v>
      </c>
      <c r="B475" s="8">
        <v>13.999057926804969</v>
      </c>
      <c r="C475">
        <f t="shared" si="22"/>
        <v>11</v>
      </c>
      <c r="D475">
        <f t="shared" si="23"/>
        <v>1</v>
      </c>
    </row>
    <row r="476" spans="1:4" x14ac:dyDescent="0.25">
      <c r="A476" s="7">
        <f t="shared" si="24"/>
        <v>44581.499999998865</v>
      </c>
      <c r="B476" s="8">
        <v>15.281605553391064</v>
      </c>
      <c r="C476">
        <f t="shared" si="22"/>
        <v>12</v>
      </c>
      <c r="D476">
        <f t="shared" si="23"/>
        <v>1</v>
      </c>
    </row>
    <row r="477" spans="1:4" x14ac:dyDescent="0.25">
      <c r="A477" s="7">
        <f t="shared" si="24"/>
        <v>44581.541666665529</v>
      </c>
      <c r="B477" s="8">
        <v>17.111058668174774</v>
      </c>
      <c r="C477">
        <f t="shared" si="22"/>
        <v>13</v>
      </c>
      <c r="D477">
        <f t="shared" si="23"/>
        <v>1</v>
      </c>
    </row>
    <row r="478" spans="1:4" x14ac:dyDescent="0.25">
      <c r="A478" s="7">
        <f t="shared" si="24"/>
        <v>44581.583333332193</v>
      </c>
      <c r="B478" s="8">
        <v>14.372722071619023</v>
      </c>
      <c r="C478">
        <f t="shared" si="22"/>
        <v>14</v>
      </c>
      <c r="D478">
        <f t="shared" si="23"/>
        <v>1</v>
      </c>
    </row>
    <row r="479" spans="1:4" x14ac:dyDescent="0.25">
      <c r="A479" s="7">
        <f t="shared" si="24"/>
        <v>44581.624999998858</v>
      </c>
      <c r="B479" s="8">
        <v>8.6750529267952139</v>
      </c>
      <c r="C479">
        <f t="shared" si="22"/>
        <v>15</v>
      </c>
      <c r="D479">
        <f t="shared" si="23"/>
        <v>1</v>
      </c>
    </row>
    <row r="480" spans="1:4" x14ac:dyDescent="0.25">
      <c r="A480" s="7">
        <f t="shared" si="24"/>
        <v>44581.666666665522</v>
      </c>
      <c r="B480" s="8">
        <v>11.160250729689476</v>
      </c>
      <c r="C480">
        <f t="shared" si="22"/>
        <v>16</v>
      </c>
      <c r="D480">
        <f t="shared" si="23"/>
        <v>1</v>
      </c>
    </row>
    <row r="481" spans="1:4" x14ac:dyDescent="0.25">
      <c r="A481" s="7">
        <f t="shared" si="24"/>
        <v>44581.708333332186</v>
      </c>
      <c r="B481" s="8">
        <v>5.9728033384108867</v>
      </c>
      <c r="C481">
        <f t="shared" si="22"/>
        <v>17</v>
      </c>
      <c r="D481">
        <f t="shared" si="23"/>
        <v>1</v>
      </c>
    </row>
    <row r="482" spans="1:4" x14ac:dyDescent="0.25">
      <c r="A482" s="7">
        <f t="shared" si="24"/>
        <v>44581.74999999885</v>
      </c>
      <c r="B482" s="8">
        <v>0.48068636927628944</v>
      </c>
      <c r="C482">
        <f t="shared" si="22"/>
        <v>18</v>
      </c>
      <c r="D482">
        <f t="shared" si="23"/>
        <v>1</v>
      </c>
    </row>
    <row r="483" spans="1:4" x14ac:dyDescent="0.25">
      <c r="A483" s="7">
        <f t="shared" si="24"/>
        <v>44581.791666665515</v>
      </c>
      <c r="B483" s="8">
        <v>-4.9800999999999998E-2</v>
      </c>
      <c r="C483">
        <f t="shared" si="22"/>
        <v>19</v>
      </c>
      <c r="D483">
        <f t="shared" si="23"/>
        <v>1</v>
      </c>
    </row>
    <row r="484" spans="1:4" x14ac:dyDescent="0.25">
      <c r="A484" s="7">
        <f t="shared" si="24"/>
        <v>44581.833333332179</v>
      </c>
      <c r="B484" s="8">
        <v>-4.9800999999999998E-2</v>
      </c>
      <c r="C484">
        <f t="shared" si="22"/>
        <v>20</v>
      </c>
      <c r="D484">
        <f t="shared" si="23"/>
        <v>1</v>
      </c>
    </row>
    <row r="485" spans="1:4" x14ac:dyDescent="0.25">
      <c r="A485" s="7">
        <f t="shared" si="24"/>
        <v>44581.874999998843</v>
      </c>
      <c r="B485" s="8">
        <v>-4.9800999999999998E-2</v>
      </c>
      <c r="C485">
        <f t="shared" si="22"/>
        <v>21</v>
      </c>
      <c r="D485">
        <f t="shared" si="23"/>
        <v>1</v>
      </c>
    </row>
    <row r="486" spans="1:4" x14ac:dyDescent="0.25">
      <c r="A486" s="7">
        <f t="shared" si="24"/>
        <v>44581.916666665507</v>
      </c>
      <c r="B486" s="8">
        <v>-4.9800999999999998E-2</v>
      </c>
      <c r="C486">
        <f t="shared" si="22"/>
        <v>22</v>
      </c>
      <c r="D486">
        <f t="shared" si="23"/>
        <v>1</v>
      </c>
    </row>
    <row r="487" spans="1:4" x14ac:dyDescent="0.25">
      <c r="A487" s="7">
        <f t="shared" si="24"/>
        <v>44581.958333332172</v>
      </c>
      <c r="B487" s="8">
        <v>-4.9800999999999998E-2</v>
      </c>
      <c r="C487">
        <f t="shared" si="22"/>
        <v>23</v>
      </c>
      <c r="D487">
        <f t="shared" si="23"/>
        <v>1</v>
      </c>
    </row>
    <row r="488" spans="1:4" x14ac:dyDescent="0.25">
      <c r="A488" s="7">
        <f t="shared" si="24"/>
        <v>44581.999999998836</v>
      </c>
      <c r="B488" s="8">
        <v>-4.9800999999999998E-2</v>
      </c>
      <c r="C488">
        <f t="shared" si="22"/>
        <v>0</v>
      </c>
      <c r="D488">
        <f t="shared" si="23"/>
        <v>1</v>
      </c>
    </row>
    <row r="489" spans="1:4" x14ac:dyDescent="0.25">
      <c r="A489" s="7">
        <f t="shared" si="24"/>
        <v>44582.0416666655</v>
      </c>
      <c r="B489" s="8">
        <v>-4.9800999999999998E-2</v>
      </c>
      <c r="C489">
        <f t="shared" si="22"/>
        <v>1</v>
      </c>
      <c r="D489">
        <f t="shared" si="23"/>
        <v>1</v>
      </c>
    </row>
    <row r="490" spans="1:4" x14ac:dyDescent="0.25">
      <c r="A490" s="7">
        <f t="shared" si="24"/>
        <v>44582.083333332164</v>
      </c>
      <c r="B490" s="8">
        <v>-4.9800999999999998E-2</v>
      </c>
      <c r="C490">
        <f t="shared" si="22"/>
        <v>2</v>
      </c>
      <c r="D490">
        <f t="shared" si="23"/>
        <v>1</v>
      </c>
    </row>
    <row r="491" spans="1:4" x14ac:dyDescent="0.25">
      <c r="A491" s="7">
        <f t="shared" si="24"/>
        <v>44582.124999998829</v>
      </c>
      <c r="B491" s="8">
        <v>-4.9800999999999998E-2</v>
      </c>
      <c r="C491">
        <f t="shared" si="22"/>
        <v>3</v>
      </c>
      <c r="D491">
        <f t="shared" si="23"/>
        <v>1</v>
      </c>
    </row>
    <row r="492" spans="1:4" x14ac:dyDescent="0.25">
      <c r="A492" s="7">
        <f t="shared" si="24"/>
        <v>44582.166666665493</v>
      </c>
      <c r="B492" s="8">
        <v>-4.9800999999999998E-2</v>
      </c>
      <c r="C492">
        <f t="shared" si="22"/>
        <v>4</v>
      </c>
      <c r="D492">
        <f t="shared" si="23"/>
        <v>1</v>
      </c>
    </row>
    <row r="493" spans="1:4" x14ac:dyDescent="0.25">
      <c r="A493" s="7">
        <f t="shared" si="24"/>
        <v>44582.208333332157</v>
      </c>
      <c r="B493" s="8">
        <v>-4.9800999999999998E-2</v>
      </c>
      <c r="C493">
        <f t="shared" si="22"/>
        <v>5</v>
      </c>
      <c r="D493">
        <f t="shared" si="23"/>
        <v>1</v>
      </c>
    </row>
    <row r="494" spans="1:4" x14ac:dyDescent="0.25">
      <c r="A494" s="7">
        <f t="shared" si="24"/>
        <v>44582.249999998821</v>
      </c>
      <c r="B494" s="8">
        <v>-4.9800999999999998E-2</v>
      </c>
      <c r="C494">
        <f t="shared" si="22"/>
        <v>6</v>
      </c>
      <c r="D494">
        <f t="shared" si="23"/>
        <v>1</v>
      </c>
    </row>
    <row r="495" spans="1:4" x14ac:dyDescent="0.25">
      <c r="A495" s="7">
        <f t="shared" si="24"/>
        <v>44582.291666665486</v>
      </c>
      <c r="B495" s="8">
        <v>-4.9800999999999998E-2</v>
      </c>
      <c r="C495">
        <f t="shared" si="22"/>
        <v>7</v>
      </c>
      <c r="D495">
        <f t="shared" si="23"/>
        <v>1</v>
      </c>
    </row>
    <row r="496" spans="1:4" x14ac:dyDescent="0.25">
      <c r="A496" s="7">
        <f t="shared" si="24"/>
        <v>44582.33333333215</v>
      </c>
      <c r="B496" s="8">
        <v>-4.9800999999999998E-2</v>
      </c>
      <c r="C496">
        <f t="shared" si="22"/>
        <v>8</v>
      </c>
      <c r="D496">
        <f t="shared" si="23"/>
        <v>1</v>
      </c>
    </row>
    <row r="497" spans="1:4" x14ac:dyDescent="0.25">
      <c r="A497" s="7">
        <f t="shared" si="24"/>
        <v>44582.374999998814</v>
      </c>
      <c r="B497" s="8">
        <v>2.1179822204143113</v>
      </c>
      <c r="C497">
        <f t="shared" si="22"/>
        <v>9</v>
      </c>
      <c r="D497">
        <f t="shared" si="23"/>
        <v>1</v>
      </c>
    </row>
    <row r="498" spans="1:4" x14ac:dyDescent="0.25">
      <c r="A498" s="7">
        <f t="shared" si="24"/>
        <v>44582.416666665478</v>
      </c>
      <c r="B498" s="8">
        <v>9.9004797097173629</v>
      </c>
      <c r="C498">
        <f t="shared" si="22"/>
        <v>10</v>
      </c>
      <c r="D498">
        <f t="shared" si="23"/>
        <v>1</v>
      </c>
    </row>
    <row r="499" spans="1:4" x14ac:dyDescent="0.25">
      <c r="A499" s="7">
        <f t="shared" si="24"/>
        <v>44582.458333332143</v>
      </c>
      <c r="B499" s="8">
        <v>17.023329569314967</v>
      </c>
      <c r="C499">
        <f t="shared" si="22"/>
        <v>11</v>
      </c>
      <c r="D499">
        <f t="shared" si="23"/>
        <v>1</v>
      </c>
    </row>
    <row r="500" spans="1:4" x14ac:dyDescent="0.25">
      <c r="A500" s="7">
        <f t="shared" si="24"/>
        <v>44582.499999998807</v>
      </c>
      <c r="B500" s="8">
        <v>20.370765188128384</v>
      </c>
      <c r="C500">
        <f t="shared" si="22"/>
        <v>12</v>
      </c>
      <c r="D500">
        <f t="shared" si="23"/>
        <v>1</v>
      </c>
    </row>
    <row r="501" spans="1:4" x14ac:dyDescent="0.25">
      <c r="A501" s="7">
        <f t="shared" si="24"/>
        <v>44582.541666665471</v>
      </c>
      <c r="B501" s="8">
        <v>20.451252150577496</v>
      </c>
      <c r="C501">
        <f t="shared" si="22"/>
        <v>13</v>
      </c>
      <c r="D501">
        <f t="shared" si="23"/>
        <v>1</v>
      </c>
    </row>
    <row r="502" spans="1:4" x14ac:dyDescent="0.25">
      <c r="A502" s="7">
        <f t="shared" si="24"/>
        <v>44582.583333332135</v>
      </c>
      <c r="B502" s="8">
        <v>16.698955650198656</v>
      </c>
      <c r="C502">
        <f t="shared" si="22"/>
        <v>14</v>
      </c>
      <c r="D502">
        <f t="shared" si="23"/>
        <v>1</v>
      </c>
    </row>
    <row r="503" spans="1:4" x14ac:dyDescent="0.25">
      <c r="A503" s="7">
        <f t="shared" si="24"/>
        <v>44582.624999998799</v>
      </c>
      <c r="B503" s="8">
        <v>17.96957183901235</v>
      </c>
      <c r="C503">
        <f t="shared" si="22"/>
        <v>15</v>
      </c>
      <c r="D503">
        <f t="shared" si="23"/>
        <v>1</v>
      </c>
    </row>
    <row r="504" spans="1:4" x14ac:dyDescent="0.25">
      <c r="A504" s="7">
        <f t="shared" si="24"/>
        <v>44582.666666665464</v>
      </c>
      <c r="B504" s="8">
        <v>13.802349464299221</v>
      </c>
      <c r="C504">
        <f t="shared" si="22"/>
        <v>16</v>
      </c>
      <c r="D504">
        <f t="shared" si="23"/>
        <v>1</v>
      </c>
    </row>
    <row r="505" spans="1:4" x14ac:dyDescent="0.25">
      <c r="A505" s="7">
        <f t="shared" si="24"/>
        <v>44582.708333332128</v>
      </c>
      <c r="B505" s="8">
        <v>5.7484898348121325</v>
      </c>
      <c r="C505">
        <f t="shared" si="22"/>
        <v>17</v>
      </c>
      <c r="D505">
        <f t="shared" si="23"/>
        <v>1</v>
      </c>
    </row>
    <row r="506" spans="1:4" x14ac:dyDescent="0.25">
      <c r="A506" s="7">
        <f t="shared" si="24"/>
        <v>44582.749999998792</v>
      </c>
      <c r="B506" s="8">
        <v>0.48077191037805234</v>
      </c>
      <c r="C506">
        <f t="shared" si="22"/>
        <v>18</v>
      </c>
      <c r="D506">
        <f t="shared" si="23"/>
        <v>1</v>
      </c>
    </row>
    <row r="507" spans="1:4" x14ac:dyDescent="0.25">
      <c r="A507" s="7">
        <f t="shared" si="24"/>
        <v>44582.791666665456</v>
      </c>
      <c r="B507" s="8">
        <v>-4.9800999999999998E-2</v>
      </c>
      <c r="C507">
        <f t="shared" si="22"/>
        <v>19</v>
      </c>
      <c r="D507">
        <f t="shared" si="23"/>
        <v>1</v>
      </c>
    </row>
    <row r="508" spans="1:4" x14ac:dyDescent="0.25">
      <c r="A508" s="7">
        <f t="shared" si="24"/>
        <v>44582.833333332121</v>
      </c>
      <c r="B508" s="8">
        <v>-4.9800999999999998E-2</v>
      </c>
      <c r="C508">
        <f t="shared" si="22"/>
        <v>20</v>
      </c>
      <c r="D508">
        <f t="shared" si="23"/>
        <v>1</v>
      </c>
    </row>
    <row r="509" spans="1:4" x14ac:dyDescent="0.25">
      <c r="A509" s="7">
        <f t="shared" si="24"/>
        <v>44582.874999998785</v>
      </c>
      <c r="B509" s="8">
        <v>-4.9800999999999998E-2</v>
      </c>
      <c r="C509">
        <f t="shared" si="22"/>
        <v>21</v>
      </c>
      <c r="D509">
        <f t="shared" si="23"/>
        <v>1</v>
      </c>
    </row>
    <row r="510" spans="1:4" x14ac:dyDescent="0.25">
      <c r="A510" s="7">
        <f t="shared" si="24"/>
        <v>44582.916666665449</v>
      </c>
      <c r="B510" s="8">
        <v>-4.9800999999999998E-2</v>
      </c>
      <c r="C510">
        <f t="shared" si="22"/>
        <v>22</v>
      </c>
      <c r="D510">
        <f t="shared" si="23"/>
        <v>1</v>
      </c>
    </row>
    <row r="511" spans="1:4" x14ac:dyDescent="0.25">
      <c r="A511" s="7">
        <f t="shared" si="24"/>
        <v>44582.958333332113</v>
      </c>
      <c r="B511" s="8">
        <v>-4.9800999999999998E-2</v>
      </c>
      <c r="C511">
        <f t="shared" si="22"/>
        <v>23</v>
      </c>
      <c r="D511">
        <f t="shared" si="23"/>
        <v>1</v>
      </c>
    </row>
    <row r="512" spans="1:4" x14ac:dyDescent="0.25">
      <c r="A512" s="7">
        <f t="shared" si="24"/>
        <v>44582.999999998778</v>
      </c>
      <c r="B512" s="8">
        <v>-4.9800999999999998E-2</v>
      </c>
      <c r="C512">
        <f t="shared" si="22"/>
        <v>0</v>
      </c>
      <c r="D512">
        <f t="shared" si="23"/>
        <v>1</v>
      </c>
    </row>
    <row r="513" spans="1:4" x14ac:dyDescent="0.25">
      <c r="A513" s="7">
        <f t="shared" si="24"/>
        <v>44583.041666665442</v>
      </c>
      <c r="B513" s="8">
        <v>-4.9800999999999998E-2</v>
      </c>
      <c r="C513">
        <f t="shared" si="22"/>
        <v>1</v>
      </c>
      <c r="D513">
        <f t="shared" si="23"/>
        <v>1</v>
      </c>
    </row>
    <row r="514" spans="1:4" x14ac:dyDescent="0.25">
      <c r="A514" s="7">
        <f t="shared" si="24"/>
        <v>44583.083333332106</v>
      </c>
      <c r="B514" s="8">
        <v>-4.9800999999999998E-2</v>
      </c>
      <c r="C514">
        <f t="shared" si="22"/>
        <v>2</v>
      </c>
      <c r="D514">
        <f t="shared" si="23"/>
        <v>1</v>
      </c>
    </row>
    <row r="515" spans="1:4" x14ac:dyDescent="0.25">
      <c r="A515" s="7">
        <f t="shared" si="24"/>
        <v>44583.12499999877</v>
      </c>
      <c r="B515" s="8">
        <v>-4.9800999999999998E-2</v>
      </c>
      <c r="C515">
        <f t="shared" si="22"/>
        <v>3</v>
      </c>
      <c r="D515">
        <f t="shared" si="23"/>
        <v>1</v>
      </c>
    </row>
    <row r="516" spans="1:4" x14ac:dyDescent="0.25">
      <c r="A516" s="7">
        <f t="shared" si="24"/>
        <v>44583.166666665435</v>
      </c>
      <c r="B516" s="8">
        <v>-4.9800999999999998E-2</v>
      </c>
      <c r="C516">
        <f t="shared" si="22"/>
        <v>4</v>
      </c>
      <c r="D516">
        <f t="shared" si="23"/>
        <v>1</v>
      </c>
    </row>
    <row r="517" spans="1:4" x14ac:dyDescent="0.25">
      <c r="A517" s="7">
        <f t="shared" si="24"/>
        <v>44583.208333332099</v>
      </c>
      <c r="B517" s="8">
        <v>-4.9800999999999998E-2</v>
      </c>
      <c r="C517">
        <f t="shared" si="22"/>
        <v>5</v>
      </c>
      <c r="D517">
        <f t="shared" si="23"/>
        <v>1</v>
      </c>
    </row>
    <row r="518" spans="1:4" x14ac:dyDescent="0.25">
      <c r="A518" s="7">
        <f t="shared" si="24"/>
        <v>44583.249999998763</v>
      </c>
      <c r="B518" s="8">
        <v>-4.9800999999999998E-2</v>
      </c>
      <c r="C518">
        <f t="shared" si="22"/>
        <v>6</v>
      </c>
      <c r="D518">
        <f t="shared" si="23"/>
        <v>1</v>
      </c>
    </row>
    <row r="519" spans="1:4" x14ac:dyDescent="0.25">
      <c r="A519" s="7">
        <f t="shared" si="24"/>
        <v>44583.291666665427</v>
      </c>
      <c r="B519" s="8">
        <v>-4.9800999999999998E-2</v>
      </c>
      <c r="C519">
        <f t="shared" si="22"/>
        <v>7</v>
      </c>
      <c r="D519">
        <f t="shared" si="23"/>
        <v>1</v>
      </c>
    </row>
    <row r="520" spans="1:4" x14ac:dyDescent="0.25">
      <c r="A520" s="7">
        <f t="shared" si="24"/>
        <v>44583.333333332092</v>
      </c>
      <c r="B520" s="8">
        <v>-4.9800999999999998E-2</v>
      </c>
      <c r="C520">
        <f t="shared" si="22"/>
        <v>8</v>
      </c>
      <c r="D520">
        <f t="shared" si="23"/>
        <v>1</v>
      </c>
    </row>
    <row r="521" spans="1:4" x14ac:dyDescent="0.25">
      <c r="A521" s="7">
        <f t="shared" si="24"/>
        <v>44583.374999998756</v>
      </c>
      <c r="B521" s="8">
        <v>3.7666282420790189</v>
      </c>
      <c r="C521">
        <f t="shared" si="22"/>
        <v>9</v>
      </c>
      <c r="D521">
        <f t="shared" si="23"/>
        <v>1</v>
      </c>
    </row>
    <row r="522" spans="1:4" x14ac:dyDescent="0.25">
      <c r="A522" s="7">
        <f t="shared" si="24"/>
        <v>44583.41666666542</v>
      </c>
      <c r="B522" s="8">
        <v>7.0093502155621188</v>
      </c>
      <c r="C522">
        <f t="shared" ref="C522:C585" si="25">HOUR(A522)</f>
        <v>10</v>
      </c>
      <c r="D522">
        <f t="shared" ref="D522:D585" si="26">MONTH(A522)</f>
        <v>1</v>
      </c>
    </row>
    <row r="523" spans="1:4" x14ac:dyDescent="0.25">
      <c r="A523" s="7">
        <f t="shared" ref="A523:A586" si="27">+A522+1/24</f>
        <v>44583.458333332084</v>
      </c>
      <c r="B523" s="8">
        <v>11.282795056966785</v>
      </c>
      <c r="C523">
        <f t="shared" si="25"/>
        <v>11</v>
      </c>
      <c r="D523">
        <f t="shared" si="26"/>
        <v>1</v>
      </c>
    </row>
    <row r="524" spans="1:4" x14ac:dyDescent="0.25">
      <c r="A524" s="7">
        <f t="shared" si="27"/>
        <v>44583.499999998749</v>
      </c>
      <c r="B524" s="8">
        <v>6.0788176207342772</v>
      </c>
      <c r="C524">
        <f t="shared" si="25"/>
        <v>12</v>
      </c>
      <c r="D524">
        <f t="shared" si="26"/>
        <v>1</v>
      </c>
    </row>
    <row r="525" spans="1:4" x14ac:dyDescent="0.25">
      <c r="A525" s="7">
        <f t="shared" si="27"/>
        <v>44583.541666665413</v>
      </c>
      <c r="B525" s="8">
        <v>6.5641129033489252</v>
      </c>
      <c r="C525">
        <f t="shared" si="25"/>
        <v>13</v>
      </c>
      <c r="D525">
        <f t="shared" si="26"/>
        <v>1</v>
      </c>
    </row>
    <row r="526" spans="1:4" x14ac:dyDescent="0.25">
      <c r="A526" s="7">
        <f t="shared" si="27"/>
        <v>44583.583333332077</v>
      </c>
      <c r="B526" s="8">
        <v>2.9060033397051503</v>
      </c>
      <c r="C526">
        <f t="shared" si="25"/>
        <v>14</v>
      </c>
      <c r="D526">
        <f t="shared" si="26"/>
        <v>1</v>
      </c>
    </row>
    <row r="527" spans="1:4" x14ac:dyDescent="0.25">
      <c r="A527" s="7">
        <f t="shared" si="27"/>
        <v>44583.624999998741</v>
      </c>
      <c r="B527" s="8">
        <v>4.0264825275367357</v>
      </c>
      <c r="C527">
        <f t="shared" si="25"/>
        <v>15</v>
      </c>
      <c r="D527">
        <f t="shared" si="26"/>
        <v>1</v>
      </c>
    </row>
    <row r="528" spans="1:4" x14ac:dyDescent="0.25">
      <c r="A528" s="7">
        <f t="shared" si="27"/>
        <v>44583.666666665406</v>
      </c>
      <c r="B528" s="8">
        <v>12.993905664616408</v>
      </c>
      <c r="C528">
        <f t="shared" si="25"/>
        <v>16</v>
      </c>
      <c r="D528">
        <f t="shared" si="26"/>
        <v>1</v>
      </c>
    </row>
    <row r="529" spans="1:4" x14ac:dyDescent="0.25">
      <c r="A529" s="7">
        <f t="shared" si="27"/>
        <v>44583.70833333207</v>
      </c>
      <c r="B529" s="8">
        <v>4.7342372361348186</v>
      </c>
      <c r="C529">
        <f t="shared" si="25"/>
        <v>17</v>
      </c>
      <c r="D529">
        <f t="shared" si="26"/>
        <v>1</v>
      </c>
    </row>
    <row r="530" spans="1:4" x14ac:dyDescent="0.25">
      <c r="A530" s="7">
        <f t="shared" si="27"/>
        <v>44583.749999998734</v>
      </c>
      <c r="B530" s="8">
        <v>0.55152470769281503</v>
      </c>
      <c r="C530">
        <f t="shared" si="25"/>
        <v>18</v>
      </c>
      <c r="D530">
        <f t="shared" si="26"/>
        <v>1</v>
      </c>
    </row>
    <row r="531" spans="1:4" x14ac:dyDescent="0.25">
      <c r="A531" s="7">
        <f t="shared" si="27"/>
        <v>44583.791666665398</v>
      </c>
      <c r="B531" s="8">
        <v>-4.9800999999999998E-2</v>
      </c>
      <c r="C531">
        <f t="shared" si="25"/>
        <v>19</v>
      </c>
      <c r="D531">
        <f t="shared" si="26"/>
        <v>1</v>
      </c>
    </row>
    <row r="532" spans="1:4" x14ac:dyDescent="0.25">
      <c r="A532" s="7">
        <f t="shared" si="27"/>
        <v>44583.833333332062</v>
      </c>
      <c r="B532" s="8">
        <v>-4.9800999999999998E-2</v>
      </c>
      <c r="C532">
        <f t="shared" si="25"/>
        <v>20</v>
      </c>
      <c r="D532">
        <f t="shared" si="26"/>
        <v>1</v>
      </c>
    </row>
    <row r="533" spans="1:4" x14ac:dyDescent="0.25">
      <c r="A533" s="7">
        <f t="shared" si="27"/>
        <v>44583.874999998727</v>
      </c>
      <c r="B533" s="8">
        <v>-4.9800999999999998E-2</v>
      </c>
      <c r="C533">
        <f t="shared" si="25"/>
        <v>21</v>
      </c>
      <c r="D533">
        <f t="shared" si="26"/>
        <v>1</v>
      </c>
    </row>
    <row r="534" spans="1:4" x14ac:dyDescent="0.25">
      <c r="A534" s="7">
        <f t="shared" si="27"/>
        <v>44583.916666665391</v>
      </c>
      <c r="B534" s="8">
        <v>-4.9800999999999998E-2</v>
      </c>
      <c r="C534">
        <f t="shared" si="25"/>
        <v>22</v>
      </c>
      <c r="D534">
        <f t="shared" si="26"/>
        <v>1</v>
      </c>
    </row>
    <row r="535" spans="1:4" x14ac:dyDescent="0.25">
      <c r="A535" s="7">
        <f t="shared" si="27"/>
        <v>44583.958333332055</v>
      </c>
      <c r="B535" s="8">
        <v>-4.9800999999999998E-2</v>
      </c>
      <c r="C535">
        <f t="shared" si="25"/>
        <v>23</v>
      </c>
      <c r="D535">
        <f t="shared" si="26"/>
        <v>1</v>
      </c>
    </row>
    <row r="536" spans="1:4" x14ac:dyDescent="0.25">
      <c r="A536" s="7">
        <f t="shared" si="27"/>
        <v>44583.999999998719</v>
      </c>
      <c r="B536" s="8">
        <v>-4.9800999999999998E-2</v>
      </c>
      <c r="C536">
        <f t="shared" si="25"/>
        <v>0</v>
      </c>
      <c r="D536">
        <f t="shared" si="26"/>
        <v>1</v>
      </c>
    </row>
    <row r="537" spans="1:4" x14ac:dyDescent="0.25">
      <c r="A537" s="7">
        <f t="shared" si="27"/>
        <v>44584.041666665384</v>
      </c>
      <c r="B537" s="8">
        <v>-4.9800999999999998E-2</v>
      </c>
      <c r="C537">
        <f t="shared" si="25"/>
        <v>1</v>
      </c>
      <c r="D537">
        <f t="shared" si="26"/>
        <v>1</v>
      </c>
    </row>
    <row r="538" spans="1:4" x14ac:dyDescent="0.25">
      <c r="A538" s="7">
        <f t="shared" si="27"/>
        <v>44584.083333332048</v>
      </c>
      <c r="B538" s="8">
        <v>-4.9800999999999998E-2</v>
      </c>
      <c r="C538">
        <f t="shared" si="25"/>
        <v>2</v>
      </c>
      <c r="D538">
        <f t="shared" si="26"/>
        <v>1</v>
      </c>
    </row>
    <row r="539" spans="1:4" x14ac:dyDescent="0.25">
      <c r="A539" s="7">
        <f t="shared" si="27"/>
        <v>44584.124999998712</v>
      </c>
      <c r="B539" s="8">
        <v>-4.9800999999999998E-2</v>
      </c>
      <c r="C539">
        <f t="shared" si="25"/>
        <v>3</v>
      </c>
      <c r="D539">
        <f t="shared" si="26"/>
        <v>1</v>
      </c>
    </row>
    <row r="540" spans="1:4" x14ac:dyDescent="0.25">
      <c r="A540" s="7">
        <f t="shared" si="27"/>
        <v>44584.166666665376</v>
      </c>
      <c r="B540" s="8">
        <v>-4.9800999999999998E-2</v>
      </c>
      <c r="C540">
        <f t="shared" si="25"/>
        <v>4</v>
      </c>
      <c r="D540">
        <f t="shared" si="26"/>
        <v>1</v>
      </c>
    </row>
    <row r="541" spans="1:4" x14ac:dyDescent="0.25">
      <c r="A541" s="7">
        <f t="shared" si="27"/>
        <v>44584.208333332041</v>
      </c>
      <c r="B541" s="8">
        <v>-4.9800999999999998E-2</v>
      </c>
      <c r="C541">
        <f t="shared" si="25"/>
        <v>5</v>
      </c>
      <c r="D541">
        <f t="shared" si="26"/>
        <v>1</v>
      </c>
    </row>
    <row r="542" spans="1:4" x14ac:dyDescent="0.25">
      <c r="A542" s="7">
        <f t="shared" si="27"/>
        <v>44584.249999998705</v>
      </c>
      <c r="B542" s="8">
        <v>-4.9800999999999998E-2</v>
      </c>
      <c r="C542">
        <f t="shared" si="25"/>
        <v>6</v>
      </c>
      <c r="D542">
        <f t="shared" si="26"/>
        <v>1</v>
      </c>
    </row>
    <row r="543" spans="1:4" x14ac:dyDescent="0.25">
      <c r="A543" s="7">
        <f t="shared" si="27"/>
        <v>44584.291666665369</v>
      </c>
      <c r="B543" s="8">
        <v>-4.9800999999999998E-2</v>
      </c>
      <c r="C543">
        <f t="shared" si="25"/>
        <v>7</v>
      </c>
      <c r="D543">
        <f t="shared" si="26"/>
        <v>1</v>
      </c>
    </row>
    <row r="544" spans="1:4" x14ac:dyDescent="0.25">
      <c r="A544" s="7">
        <f t="shared" si="27"/>
        <v>44584.333333332033</v>
      </c>
      <c r="B544" s="8">
        <v>-4.9800999999999998E-2</v>
      </c>
      <c r="C544">
        <f t="shared" si="25"/>
        <v>8</v>
      </c>
      <c r="D544">
        <f t="shared" si="26"/>
        <v>1</v>
      </c>
    </row>
    <row r="545" spans="1:4" x14ac:dyDescent="0.25">
      <c r="A545" s="7">
        <f t="shared" si="27"/>
        <v>44584.374999998698</v>
      </c>
      <c r="B545" s="8">
        <v>1.3677785130281486</v>
      </c>
      <c r="C545">
        <f t="shared" si="25"/>
        <v>9</v>
      </c>
      <c r="D545">
        <f t="shared" si="26"/>
        <v>1</v>
      </c>
    </row>
    <row r="546" spans="1:4" x14ac:dyDescent="0.25">
      <c r="A546" s="7">
        <f t="shared" si="27"/>
        <v>44584.416666665362</v>
      </c>
      <c r="B546" s="8">
        <v>2.6435529333397136</v>
      </c>
      <c r="C546">
        <f t="shared" si="25"/>
        <v>10</v>
      </c>
      <c r="D546">
        <f t="shared" si="26"/>
        <v>1</v>
      </c>
    </row>
    <row r="547" spans="1:4" x14ac:dyDescent="0.25">
      <c r="A547" s="7">
        <f t="shared" si="27"/>
        <v>44584.458333332026</v>
      </c>
      <c r="B547" s="8">
        <v>3.0926117685087728</v>
      </c>
      <c r="C547">
        <f t="shared" si="25"/>
        <v>11</v>
      </c>
      <c r="D547">
        <f t="shared" si="26"/>
        <v>1</v>
      </c>
    </row>
    <row r="548" spans="1:4" x14ac:dyDescent="0.25">
      <c r="A548" s="7">
        <f t="shared" si="27"/>
        <v>44584.49999999869</v>
      </c>
      <c r="B548" s="8">
        <v>4.5170741441508957</v>
      </c>
      <c r="C548">
        <f t="shared" si="25"/>
        <v>12</v>
      </c>
      <c r="D548">
        <f t="shared" si="26"/>
        <v>1</v>
      </c>
    </row>
    <row r="549" spans="1:4" x14ac:dyDescent="0.25">
      <c r="A549" s="7">
        <f t="shared" si="27"/>
        <v>44584.541666665355</v>
      </c>
      <c r="B549" s="8">
        <v>2.8231078284027902</v>
      </c>
      <c r="C549">
        <f t="shared" si="25"/>
        <v>13</v>
      </c>
      <c r="D549">
        <f t="shared" si="26"/>
        <v>1</v>
      </c>
    </row>
    <row r="550" spans="1:4" x14ac:dyDescent="0.25">
      <c r="A550" s="7">
        <f t="shared" si="27"/>
        <v>44584.583333332019</v>
      </c>
      <c r="B550" s="8">
        <v>3.3173921410123302</v>
      </c>
      <c r="C550">
        <f t="shared" si="25"/>
        <v>14</v>
      </c>
      <c r="D550">
        <f t="shared" si="26"/>
        <v>1</v>
      </c>
    </row>
    <row r="551" spans="1:4" x14ac:dyDescent="0.25">
      <c r="A551" s="7">
        <f t="shared" si="27"/>
        <v>44584.624999998683</v>
      </c>
      <c r="B551" s="8">
        <v>2.8466099884582281</v>
      </c>
      <c r="C551">
        <f t="shared" si="25"/>
        <v>15</v>
      </c>
      <c r="D551">
        <f t="shared" si="26"/>
        <v>1</v>
      </c>
    </row>
    <row r="552" spans="1:4" x14ac:dyDescent="0.25">
      <c r="A552" s="7">
        <f t="shared" si="27"/>
        <v>44584.666666665347</v>
      </c>
      <c r="B552" s="8">
        <v>1.65833174786191</v>
      </c>
      <c r="C552">
        <f t="shared" si="25"/>
        <v>16</v>
      </c>
      <c r="D552">
        <f t="shared" si="26"/>
        <v>1</v>
      </c>
    </row>
    <row r="553" spans="1:4" x14ac:dyDescent="0.25">
      <c r="A553" s="7">
        <f t="shared" si="27"/>
        <v>44584.708333332012</v>
      </c>
      <c r="B553" s="8">
        <v>0.92202280112595791</v>
      </c>
      <c r="C553">
        <f t="shared" si="25"/>
        <v>17</v>
      </c>
      <c r="D553">
        <f t="shared" si="26"/>
        <v>1</v>
      </c>
    </row>
    <row r="554" spans="1:4" x14ac:dyDescent="0.25">
      <c r="A554" s="7">
        <f t="shared" si="27"/>
        <v>44584.749999998676</v>
      </c>
      <c r="B554" s="8">
        <v>-4.9800999999999998E-2</v>
      </c>
      <c r="C554">
        <f t="shared" si="25"/>
        <v>18</v>
      </c>
      <c r="D554">
        <f t="shared" si="26"/>
        <v>1</v>
      </c>
    </row>
    <row r="555" spans="1:4" x14ac:dyDescent="0.25">
      <c r="A555" s="7">
        <f t="shared" si="27"/>
        <v>44584.79166666534</v>
      </c>
      <c r="B555" s="8">
        <v>-4.9800999999999998E-2</v>
      </c>
      <c r="C555">
        <f t="shared" si="25"/>
        <v>19</v>
      </c>
      <c r="D555">
        <f t="shared" si="26"/>
        <v>1</v>
      </c>
    </row>
    <row r="556" spans="1:4" x14ac:dyDescent="0.25">
      <c r="A556" s="7">
        <f t="shared" si="27"/>
        <v>44584.833333332004</v>
      </c>
      <c r="B556" s="8">
        <v>-4.9800999999999998E-2</v>
      </c>
      <c r="C556">
        <f t="shared" si="25"/>
        <v>20</v>
      </c>
      <c r="D556">
        <f t="shared" si="26"/>
        <v>1</v>
      </c>
    </row>
    <row r="557" spans="1:4" x14ac:dyDescent="0.25">
      <c r="A557" s="7">
        <f t="shared" si="27"/>
        <v>44584.874999998668</v>
      </c>
      <c r="B557" s="8">
        <v>-4.9800999999999998E-2</v>
      </c>
      <c r="C557">
        <f t="shared" si="25"/>
        <v>21</v>
      </c>
      <c r="D557">
        <f t="shared" si="26"/>
        <v>1</v>
      </c>
    </row>
    <row r="558" spans="1:4" x14ac:dyDescent="0.25">
      <c r="A558" s="7">
        <f t="shared" si="27"/>
        <v>44584.916666665333</v>
      </c>
      <c r="B558" s="8">
        <v>-4.9800999999999998E-2</v>
      </c>
      <c r="C558">
        <f t="shared" si="25"/>
        <v>22</v>
      </c>
      <c r="D558">
        <f t="shared" si="26"/>
        <v>1</v>
      </c>
    </row>
    <row r="559" spans="1:4" x14ac:dyDescent="0.25">
      <c r="A559" s="7">
        <f t="shared" si="27"/>
        <v>44584.958333331997</v>
      </c>
      <c r="B559" s="8">
        <v>-4.9800999999999998E-2</v>
      </c>
      <c r="C559">
        <f t="shared" si="25"/>
        <v>23</v>
      </c>
      <c r="D559">
        <f t="shared" si="26"/>
        <v>1</v>
      </c>
    </row>
    <row r="560" spans="1:4" x14ac:dyDescent="0.25">
      <c r="A560" s="7">
        <f t="shared" si="27"/>
        <v>44584.999999998661</v>
      </c>
      <c r="B560" s="8">
        <v>-4.9800999999999998E-2</v>
      </c>
      <c r="C560">
        <f t="shared" si="25"/>
        <v>0</v>
      </c>
      <c r="D560">
        <f t="shared" si="26"/>
        <v>1</v>
      </c>
    </row>
    <row r="561" spans="1:4" x14ac:dyDescent="0.25">
      <c r="A561" s="7">
        <f t="shared" si="27"/>
        <v>44585.041666665325</v>
      </c>
      <c r="B561" s="8">
        <v>-4.9800999999999998E-2</v>
      </c>
      <c r="C561">
        <f t="shared" si="25"/>
        <v>1</v>
      </c>
      <c r="D561">
        <f t="shared" si="26"/>
        <v>1</v>
      </c>
    </row>
    <row r="562" spans="1:4" x14ac:dyDescent="0.25">
      <c r="A562" s="7">
        <f t="shared" si="27"/>
        <v>44585.08333333199</v>
      </c>
      <c r="B562" s="8">
        <v>-4.9800999999999998E-2</v>
      </c>
      <c r="C562">
        <f t="shared" si="25"/>
        <v>2</v>
      </c>
      <c r="D562">
        <f t="shared" si="26"/>
        <v>1</v>
      </c>
    </row>
    <row r="563" spans="1:4" x14ac:dyDescent="0.25">
      <c r="A563" s="7">
        <f t="shared" si="27"/>
        <v>44585.124999998654</v>
      </c>
      <c r="B563" s="8">
        <v>-4.9800999999999998E-2</v>
      </c>
      <c r="C563">
        <f t="shared" si="25"/>
        <v>3</v>
      </c>
      <c r="D563">
        <f t="shared" si="26"/>
        <v>1</v>
      </c>
    </row>
    <row r="564" spans="1:4" x14ac:dyDescent="0.25">
      <c r="A564" s="7">
        <f t="shared" si="27"/>
        <v>44585.166666665318</v>
      </c>
      <c r="B564" s="8">
        <v>-4.9800999999999998E-2</v>
      </c>
      <c r="C564">
        <f t="shared" si="25"/>
        <v>4</v>
      </c>
      <c r="D564">
        <f t="shared" si="26"/>
        <v>1</v>
      </c>
    </row>
    <row r="565" spans="1:4" x14ac:dyDescent="0.25">
      <c r="A565" s="7">
        <f t="shared" si="27"/>
        <v>44585.208333331982</v>
      </c>
      <c r="B565" s="8">
        <v>-4.9800999999999998E-2</v>
      </c>
      <c r="C565">
        <f t="shared" si="25"/>
        <v>5</v>
      </c>
      <c r="D565">
        <f t="shared" si="26"/>
        <v>1</v>
      </c>
    </row>
    <row r="566" spans="1:4" x14ac:dyDescent="0.25">
      <c r="A566" s="7">
        <f t="shared" si="27"/>
        <v>44585.249999998647</v>
      </c>
      <c r="B566" s="8">
        <v>-4.9800999999999998E-2</v>
      </c>
      <c r="C566">
        <f t="shared" si="25"/>
        <v>6</v>
      </c>
      <c r="D566">
        <f t="shared" si="26"/>
        <v>1</v>
      </c>
    </row>
    <row r="567" spans="1:4" x14ac:dyDescent="0.25">
      <c r="A567" s="7">
        <f t="shared" si="27"/>
        <v>44585.291666665311</v>
      </c>
      <c r="B567" s="8">
        <v>-4.9800999999999998E-2</v>
      </c>
      <c r="C567">
        <f t="shared" si="25"/>
        <v>7</v>
      </c>
      <c r="D567">
        <f t="shared" si="26"/>
        <v>1</v>
      </c>
    </row>
    <row r="568" spans="1:4" x14ac:dyDescent="0.25">
      <c r="A568" s="7">
        <f t="shared" si="27"/>
        <v>44585.333333331975</v>
      </c>
      <c r="B568" s="8">
        <v>-4.9800999999999998E-2</v>
      </c>
      <c r="C568">
        <f t="shared" si="25"/>
        <v>8</v>
      </c>
      <c r="D568">
        <f t="shared" si="26"/>
        <v>1</v>
      </c>
    </row>
    <row r="569" spans="1:4" x14ac:dyDescent="0.25">
      <c r="A569" s="7">
        <f t="shared" si="27"/>
        <v>44585.374999998639</v>
      </c>
      <c r="B569" s="8">
        <v>1.8966410124478967</v>
      </c>
      <c r="C569">
        <f t="shared" si="25"/>
        <v>9</v>
      </c>
      <c r="D569">
        <f t="shared" si="26"/>
        <v>1</v>
      </c>
    </row>
    <row r="570" spans="1:4" x14ac:dyDescent="0.25">
      <c r="A570" s="7">
        <f t="shared" si="27"/>
        <v>44585.416666665304</v>
      </c>
      <c r="B570" s="8">
        <v>1.2335428814327862</v>
      </c>
      <c r="C570">
        <f t="shared" si="25"/>
        <v>10</v>
      </c>
      <c r="D570">
        <f t="shared" si="26"/>
        <v>1</v>
      </c>
    </row>
    <row r="571" spans="1:4" x14ac:dyDescent="0.25">
      <c r="A571" s="7">
        <f t="shared" si="27"/>
        <v>44585.458333331968</v>
      </c>
      <c r="B571" s="8">
        <v>2.0692237924094545</v>
      </c>
      <c r="C571">
        <f t="shared" si="25"/>
        <v>11</v>
      </c>
      <c r="D571">
        <f t="shared" si="26"/>
        <v>1</v>
      </c>
    </row>
    <row r="572" spans="1:4" x14ac:dyDescent="0.25">
      <c r="A572" s="7">
        <f t="shared" si="27"/>
        <v>44585.499999998632</v>
      </c>
      <c r="B572" s="8">
        <v>2.2535689891712543</v>
      </c>
      <c r="C572">
        <f t="shared" si="25"/>
        <v>12</v>
      </c>
      <c r="D572">
        <f t="shared" si="26"/>
        <v>1</v>
      </c>
    </row>
    <row r="573" spans="1:4" x14ac:dyDescent="0.25">
      <c r="A573" s="7">
        <f t="shared" si="27"/>
        <v>44585.541666665296</v>
      </c>
      <c r="B573" s="8">
        <v>4.1338737124138039</v>
      </c>
      <c r="C573">
        <f t="shared" si="25"/>
        <v>13</v>
      </c>
      <c r="D573">
        <f t="shared" si="26"/>
        <v>1</v>
      </c>
    </row>
    <row r="574" spans="1:4" x14ac:dyDescent="0.25">
      <c r="A574" s="7">
        <f t="shared" si="27"/>
        <v>44585.583333331961</v>
      </c>
      <c r="B574" s="8">
        <v>12.775550150286223</v>
      </c>
      <c r="C574">
        <f t="shared" si="25"/>
        <v>14</v>
      </c>
      <c r="D574">
        <f t="shared" si="26"/>
        <v>1</v>
      </c>
    </row>
    <row r="575" spans="1:4" x14ac:dyDescent="0.25">
      <c r="A575" s="7">
        <f t="shared" si="27"/>
        <v>44585.624999998625</v>
      </c>
      <c r="B575" s="8">
        <v>9.1597432380034167</v>
      </c>
      <c r="C575">
        <f t="shared" si="25"/>
        <v>15</v>
      </c>
      <c r="D575">
        <f t="shared" si="26"/>
        <v>1</v>
      </c>
    </row>
    <row r="576" spans="1:4" x14ac:dyDescent="0.25">
      <c r="A576" s="7">
        <f t="shared" si="27"/>
        <v>44585.666666665289</v>
      </c>
      <c r="B576" s="8">
        <v>14.397564032063519</v>
      </c>
      <c r="C576">
        <f t="shared" si="25"/>
        <v>16</v>
      </c>
      <c r="D576">
        <f t="shared" si="26"/>
        <v>1</v>
      </c>
    </row>
    <row r="577" spans="1:4" x14ac:dyDescent="0.25">
      <c r="A577" s="7">
        <f t="shared" si="27"/>
        <v>44585.708333331953</v>
      </c>
      <c r="B577" s="8">
        <v>7.0062150826517238</v>
      </c>
      <c r="C577">
        <f t="shared" si="25"/>
        <v>17</v>
      </c>
      <c r="D577">
        <f t="shared" si="26"/>
        <v>1</v>
      </c>
    </row>
    <row r="578" spans="1:4" x14ac:dyDescent="0.25">
      <c r="A578" s="7">
        <f t="shared" si="27"/>
        <v>44585.749999998618</v>
      </c>
      <c r="B578" s="8">
        <v>0.32443575605734343</v>
      </c>
      <c r="C578">
        <f t="shared" si="25"/>
        <v>18</v>
      </c>
      <c r="D578">
        <f t="shared" si="26"/>
        <v>1</v>
      </c>
    </row>
    <row r="579" spans="1:4" x14ac:dyDescent="0.25">
      <c r="A579" s="7">
        <f t="shared" si="27"/>
        <v>44585.791666665282</v>
      </c>
      <c r="B579" s="8">
        <v>-4.9800999999999998E-2</v>
      </c>
      <c r="C579">
        <f t="shared" si="25"/>
        <v>19</v>
      </c>
      <c r="D579">
        <f t="shared" si="26"/>
        <v>1</v>
      </c>
    </row>
    <row r="580" spans="1:4" x14ac:dyDescent="0.25">
      <c r="A580" s="7">
        <f t="shared" si="27"/>
        <v>44585.833333331946</v>
      </c>
      <c r="B580" s="8">
        <v>-4.9800999999999998E-2</v>
      </c>
      <c r="C580">
        <f t="shared" si="25"/>
        <v>20</v>
      </c>
      <c r="D580">
        <f t="shared" si="26"/>
        <v>1</v>
      </c>
    </row>
    <row r="581" spans="1:4" x14ac:dyDescent="0.25">
      <c r="A581" s="7">
        <f t="shared" si="27"/>
        <v>44585.87499999861</v>
      </c>
      <c r="B581" s="8">
        <v>-4.9800999999999998E-2</v>
      </c>
      <c r="C581">
        <f t="shared" si="25"/>
        <v>21</v>
      </c>
      <c r="D581">
        <f t="shared" si="26"/>
        <v>1</v>
      </c>
    </row>
    <row r="582" spans="1:4" x14ac:dyDescent="0.25">
      <c r="A582" s="7">
        <f t="shared" si="27"/>
        <v>44585.916666665275</v>
      </c>
      <c r="B582" s="8">
        <v>-4.9800999999999998E-2</v>
      </c>
      <c r="C582">
        <f t="shared" si="25"/>
        <v>22</v>
      </c>
      <c r="D582">
        <f t="shared" si="26"/>
        <v>1</v>
      </c>
    </row>
    <row r="583" spans="1:4" x14ac:dyDescent="0.25">
      <c r="A583" s="7">
        <f t="shared" si="27"/>
        <v>44585.958333331939</v>
      </c>
      <c r="B583" s="8">
        <v>-4.9800999999999998E-2</v>
      </c>
      <c r="C583">
        <f t="shared" si="25"/>
        <v>23</v>
      </c>
      <c r="D583">
        <f t="shared" si="26"/>
        <v>1</v>
      </c>
    </row>
    <row r="584" spans="1:4" x14ac:dyDescent="0.25">
      <c r="A584" s="7">
        <f t="shared" si="27"/>
        <v>44585.999999998603</v>
      </c>
      <c r="B584" s="8">
        <v>-4.9800999999999998E-2</v>
      </c>
      <c r="C584">
        <f t="shared" si="25"/>
        <v>0</v>
      </c>
      <c r="D584">
        <f t="shared" si="26"/>
        <v>1</v>
      </c>
    </row>
    <row r="585" spans="1:4" x14ac:dyDescent="0.25">
      <c r="A585" s="7">
        <f t="shared" si="27"/>
        <v>44586.041666665267</v>
      </c>
      <c r="B585" s="8">
        <v>-4.9800999999999998E-2</v>
      </c>
      <c r="C585">
        <f t="shared" si="25"/>
        <v>1</v>
      </c>
      <c r="D585">
        <f t="shared" si="26"/>
        <v>1</v>
      </c>
    </row>
    <row r="586" spans="1:4" x14ac:dyDescent="0.25">
      <c r="A586" s="7">
        <f t="shared" si="27"/>
        <v>44586.083333331931</v>
      </c>
      <c r="B586" s="8">
        <v>-4.9800999999999998E-2</v>
      </c>
      <c r="C586">
        <f t="shared" ref="C586:C649" si="28">HOUR(A586)</f>
        <v>2</v>
      </c>
      <c r="D586">
        <f t="shared" ref="D586:D649" si="29">MONTH(A586)</f>
        <v>1</v>
      </c>
    </row>
    <row r="587" spans="1:4" x14ac:dyDescent="0.25">
      <c r="A587" s="7">
        <f t="shared" ref="A587:A650" si="30">+A586+1/24</f>
        <v>44586.124999998596</v>
      </c>
      <c r="B587" s="8">
        <v>-4.9800999999999998E-2</v>
      </c>
      <c r="C587">
        <f t="shared" si="28"/>
        <v>3</v>
      </c>
      <c r="D587">
        <f t="shared" si="29"/>
        <v>1</v>
      </c>
    </row>
    <row r="588" spans="1:4" x14ac:dyDescent="0.25">
      <c r="A588" s="7">
        <f t="shared" si="30"/>
        <v>44586.16666666526</v>
      </c>
      <c r="B588" s="8">
        <v>-4.9800999999999998E-2</v>
      </c>
      <c r="C588">
        <f t="shared" si="28"/>
        <v>4</v>
      </c>
      <c r="D588">
        <f t="shared" si="29"/>
        <v>1</v>
      </c>
    </row>
    <row r="589" spans="1:4" x14ac:dyDescent="0.25">
      <c r="A589" s="7">
        <f t="shared" si="30"/>
        <v>44586.208333331924</v>
      </c>
      <c r="B589" s="8">
        <v>-4.9800999999999998E-2</v>
      </c>
      <c r="C589">
        <f t="shared" si="28"/>
        <v>5</v>
      </c>
      <c r="D589">
        <f t="shared" si="29"/>
        <v>1</v>
      </c>
    </row>
    <row r="590" spans="1:4" x14ac:dyDescent="0.25">
      <c r="A590" s="7">
        <f t="shared" si="30"/>
        <v>44586.249999998588</v>
      </c>
      <c r="B590" s="8">
        <v>-4.9800999999999998E-2</v>
      </c>
      <c r="C590">
        <f t="shared" si="28"/>
        <v>6</v>
      </c>
      <c r="D590">
        <f t="shared" si="29"/>
        <v>1</v>
      </c>
    </row>
    <row r="591" spans="1:4" x14ac:dyDescent="0.25">
      <c r="A591" s="7">
        <f t="shared" si="30"/>
        <v>44586.291666665253</v>
      </c>
      <c r="B591" s="8">
        <v>-4.9800999999999998E-2</v>
      </c>
      <c r="C591">
        <f t="shared" si="28"/>
        <v>7</v>
      </c>
      <c r="D591">
        <f t="shared" si="29"/>
        <v>1</v>
      </c>
    </row>
    <row r="592" spans="1:4" x14ac:dyDescent="0.25">
      <c r="A592" s="7">
        <f t="shared" si="30"/>
        <v>44586.333333331917</v>
      </c>
      <c r="B592" s="8">
        <v>-4.9800999999999998E-2</v>
      </c>
      <c r="C592">
        <f t="shared" si="28"/>
        <v>8</v>
      </c>
      <c r="D592">
        <f t="shared" si="29"/>
        <v>1</v>
      </c>
    </row>
    <row r="593" spans="1:4" x14ac:dyDescent="0.25">
      <c r="A593" s="7">
        <f t="shared" si="30"/>
        <v>44586.374999998581</v>
      </c>
      <c r="B593" s="8">
        <v>2.425476715859864</v>
      </c>
      <c r="C593">
        <f t="shared" si="28"/>
        <v>9</v>
      </c>
      <c r="D593">
        <f t="shared" si="29"/>
        <v>1</v>
      </c>
    </row>
    <row r="594" spans="1:4" x14ac:dyDescent="0.25">
      <c r="A594" s="7">
        <f t="shared" si="30"/>
        <v>44586.416666665245</v>
      </c>
      <c r="B594" s="8">
        <v>5.5480907375423714</v>
      </c>
      <c r="C594">
        <f t="shared" si="28"/>
        <v>10</v>
      </c>
      <c r="D594">
        <f t="shared" si="29"/>
        <v>1</v>
      </c>
    </row>
    <row r="595" spans="1:4" x14ac:dyDescent="0.25">
      <c r="A595" s="7">
        <f t="shared" si="30"/>
        <v>44586.45833333191</v>
      </c>
      <c r="B595" s="8">
        <v>5.3821100816518159</v>
      </c>
      <c r="C595">
        <f t="shared" si="28"/>
        <v>11</v>
      </c>
      <c r="D595">
        <f t="shared" si="29"/>
        <v>1</v>
      </c>
    </row>
    <row r="596" spans="1:4" x14ac:dyDescent="0.25">
      <c r="A596" s="7">
        <f t="shared" si="30"/>
        <v>44586.499999998574</v>
      </c>
      <c r="B596" s="8">
        <v>4.5587543036387936</v>
      </c>
      <c r="C596">
        <f t="shared" si="28"/>
        <v>12</v>
      </c>
      <c r="D596">
        <f t="shared" si="29"/>
        <v>1</v>
      </c>
    </row>
    <row r="597" spans="1:4" x14ac:dyDescent="0.25">
      <c r="A597" s="7">
        <f t="shared" si="30"/>
        <v>44586.541666665238</v>
      </c>
      <c r="B597" s="8">
        <v>9.3113694786487446</v>
      </c>
      <c r="C597">
        <f t="shared" si="28"/>
        <v>13</v>
      </c>
      <c r="D597">
        <f t="shared" si="29"/>
        <v>1</v>
      </c>
    </row>
    <row r="598" spans="1:4" x14ac:dyDescent="0.25">
      <c r="A598" s="7">
        <f t="shared" si="30"/>
        <v>44586.583333331902</v>
      </c>
      <c r="B598" s="8">
        <v>9.0986926567367981</v>
      </c>
      <c r="C598">
        <f t="shared" si="28"/>
        <v>14</v>
      </c>
      <c r="D598">
        <f t="shared" si="29"/>
        <v>1</v>
      </c>
    </row>
    <row r="599" spans="1:4" x14ac:dyDescent="0.25">
      <c r="A599" s="7">
        <f t="shared" si="30"/>
        <v>44586.624999998567</v>
      </c>
      <c r="B599" s="8">
        <v>4.8907589012786277</v>
      </c>
      <c r="C599">
        <f t="shared" si="28"/>
        <v>15</v>
      </c>
      <c r="D599">
        <f t="shared" si="29"/>
        <v>1</v>
      </c>
    </row>
    <row r="600" spans="1:4" x14ac:dyDescent="0.25">
      <c r="A600" s="7">
        <f t="shared" si="30"/>
        <v>44586.666666665231</v>
      </c>
      <c r="B600" s="8">
        <v>2.9551905038345052</v>
      </c>
      <c r="C600">
        <f t="shared" si="28"/>
        <v>16</v>
      </c>
      <c r="D600">
        <f t="shared" si="29"/>
        <v>1</v>
      </c>
    </row>
    <row r="601" spans="1:4" x14ac:dyDescent="0.25">
      <c r="A601" s="7">
        <f t="shared" si="30"/>
        <v>44586.708333331895</v>
      </c>
      <c r="B601" s="8">
        <v>-4.9800999999999998E-2</v>
      </c>
      <c r="C601">
        <f t="shared" si="28"/>
        <v>17</v>
      </c>
      <c r="D601">
        <f t="shared" si="29"/>
        <v>1</v>
      </c>
    </row>
    <row r="602" spans="1:4" x14ac:dyDescent="0.25">
      <c r="A602" s="7">
        <f t="shared" si="30"/>
        <v>44586.749999998559</v>
      </c>
      <c r="B602" s="8">
        <v>-4.9800999999999998E-2</v>
      </c>
      <c r="C602">
        <f t="shared" si="28"/>
        <v>18</v>
      </c>
      <c r="D602">
        <f t="shared" si="29"/>
        <v>1</v>
      </c>
    </row>
    <row r="603" spans="1:4" x14ac:dyDescent="0.25">
      <c r="A603" s="7">
        <f t="shared" si="30"/>
        <v>44586.791666665224</v>
      </c>
      <c r="B603" s="8">
        <v>-4.9800999999999998E-2</v>
      </c>
      <c r="C603">
        <f t="shared" si="28"/>
        <v>19</v>
      </c>
      <c r="D603">
        <f t="shared" si="29"/>
        <v>1</v>
      </c>
    </row>
    <row r="604" spans="1:4" x14ac:dyDescent="0.25">
      <c r="A604" s="7">
        <f t="shared" si="30"/>
        <v>44586.833333331888</v>
      </c>
      <c r="B604" s="8">
        <v>-4.9800999999999998E-2</v>
      </c>
      <c r="C604">
        <f t="shared" si="28"/>
        <v>20</v>
      </c>
      <c r="D604">
        <f t="shared" si="29"/>
        <v>1</v>
      </c>
    </row>
    <row r="605" spans="1:4" x14ac:dyDescent="0.25">
      <c r="A605" s="7">
        <f t="shared" si="30"/>
        <v>44586.874999998552</v>
      </c>
      <c r="B605" s="8">
        <v>-4.9800999999999998E-2</v>
      </c>
      <c r="C605">
        <f t="shared" si="28"/>
        <v>21</v>
      </c>
      <c r="D605">
        <f t="shared" si="29"/>
        <v>1</v>
      </c>
    </row>
    <row r="606" spans="1:4" x14ac:dyDescent="0.25">
      <c r="A606" s="7">
        <f t="shared" si="30"/>
        <v>44586.916666665216</v>
      </c>
      <c r="B606" s="8">
        <v>-4.9800999999999998E-2</v>
      </c>
      <c r="C606">
        <f t="shared" si="28"/>
        <v>22</v>
      </c>
      <c r="D606">
        <f t="shared" si="29"/>
        <v>1</v>
      </c>
    </row>
    <row r="607" spans="1:4" x14ac:dyDescent="0.25">
      <c r="A607" s="7">
        <f t="shared" si="30"/>
        <v>44586.958333331881</v>
      </c>
      <c r="B607" s="8">
        <v>-4.9800999999999998E-2</v>
      </c>
      <c r="C607">
        <f t="shared" si="28"/>
        <v>23</v>
      </c>
      <c r="D607">
        <f t="shared" si="29"/>
        <v>1</v>
      </c>
    </row>
    <row r="608" spans="1:4" x14ac:dyDescent="0.25">
      <c r="A608" s="7">
        <f t="shared" si="30"/>
        <v>44586.999999998545</v>
      </c>
      <c r="B608" s="8">
        <v>-4.9800999999999998E-2</v>
      </c>
      <c r="C608">
        <f t="shared" si="28"/>
        <v>0</v>
      </c>
      <c r="D608">
        <f t="shared" si="29"/>
        <v>1</v>
      </c>
    </row>
    <row r="609" spans="1:4" x14ac:dyDescent="0.25">
      <c r="A609" s="7">
        <f t="shared" si="30"/>
        <v>44587.041666665209</v>
      </c>
      <c r="B609" s="8">
        <v>-4.9800999999999998E-2</v>
      </c>
      <c r="C609">
        <f t="shared" si="28"/>
        <v>1</v>
      </c>
      <c r="D609">
        <f t="shared" si="29"/>
        <v>1</v>
      </c>
    </row>
    <row r="610" spans="1:4" x14ac:dyDescent="0.25">
      <c r="A610" s="7">
        <f t="shared" si="30"/>
        <v>44587.083333331873</v>
      </c>
      <c r="B610" s="8">
        <v>-4.9800999999999998E-2</v>
      </c>
      <c r="C610">
        <f t="shared" si="28"/>
        <v>2</v>
      </c>
      <c r="D610">
        <f t="shared" si="29"/>
        <v>1</v>
      </c>
    </row>
    <row r="611" spans="1:4" x14ac:dyDescent="0.25">
      <c r="A611" s="7">
        <f t="shared" si="30"/>
        <v>44587.124999998538</v>
      </c>
      <c r="B611" s="8">
        <v>-4.9800999999999998E-2</v>
      </c>
      <c r="C611">
        <f t="shared" si="28"/>
        <v>3</v>
      </c>
      <c r="D611">
        <f t="shared" si="29"/>
        <v>1</v>
      </c>
    </row>
    <row r="612" spans="1:4" x14ac:dyDescent="0.25">
      <c r="A612" s="7">
        <f t="shared" si="30"/>
        <v>44587.166666665202</v>
      </c>
      <c r="B612" s="8">
        <v>-4.9800999999999998E-2</v>
      </c>
      <c r="C612">
        <f t="shared" si="28"/>
        <v>4</v>
      </c>
      <c r="D612">
        <f t="shared" si="29"/>
        <v>1</v>
      </c>
    </row>
    <row r="613" spans="1:4" x14ac:dyDescent="0.25">
      <c r="A613" s="7">
        <f t="shared" si="30"/>
        <v>44587.208333331866</v>
      </c>
      <c r="B613" s="8">
        <v>-4.9800999999999998E-2</v>
      </c>
      <c r="C613">
        <f t="shared" si="28"/>
        <v>5</v>
      </c>
      <c r="D613">
        <f t="shared" si="29"/>
        <v>1</v>
      </c>
    </row>
    <row r="614" spans="1:4" x14ac:dyDescent="0.25">
      <c r="A614" s="7">
        <f t="shared" si="30"/>
        <v>44587.24999999853</v>
      </c>
      <c r="B614" s="8">
        <v>-4.9800999999999998E-2</v>
      </c>
      <c r="C614">
        <f t="shared" si="28"/>
        <v>6</v>
      </c>
      <c r="D614">
        <f t="shared" si="29"/>
        <v>1</v>
      </c>
    </row>
    <row r="615" spans="1:4" x14ac:dyDescent="0.25">
      <c r="A615" s="7">
        <f t="shared" si="30"/>
        <v>44587.291666665194</v>
      </c>
      <c r="B615" s="8">
        <v>-4.9800999999999998E-2</v>
      </c>
      <c r="C615">
        <f t="shared" si="28"/>
        <v>7</v>
      </c>
      <c r="D615">
        <f t="shared" si="29"/>
        <v>1</v>
      </c>
    </row>
    <row r="616" spans="1:4" x14ac:dyDescent="0.25">
      <c r="A616" s="7">
        <f t="shared" si="30"/>
        <v>44587.333333331859</v>
      </c>
      <c r="B616" s="8">
        <v>-4.9800999999999998E-2</v>
      </c>
      <c r="C616">
        <f t="shared" si="28"/>
        <v>8</v>
      </c>
      <c r="D616">
        <f t="shared" si="29"/>
        <v>1</v>
      </c>
    </row>
    <row r="617" spans="1:4" x14ac:dyDescent="0.25">
      <c r="A617" s="7">
        <f t="shared" si="30"/>
        <v>44587.374999998523</v>
      </c>
      <c r="B617" s="8">
        <v>0.37948712342803526</v>
      </c>
      <c r="C617">
        <f t="shared" si="28"/>
        <v>9</v>
      </c>
      <c r="D617">
        <f t="shared" si="29"/>
        <v>1</v>
      </c>
    </row>
    <row r="618" spans="1:4" x14ac:dyDescent="0.25">
      <c r="A618" s="7">
        <f t="shared" si="30"/>
        <v>44587.416666665187</v>
      </c>
      <c r="B618" s="8">
        <v>1.203169606612851</v>
      </c>
      <c r="C618">
        <f t="shared" si="28"/>
        <v>10</v>
      </c>
      <c r="D618">
        <f t="shared" si="29"/>
        <v>1</v>
      </c>
    </row>
    <row r="619" spans="1:4" x14ac:dyDescent="0.25">
      <c r="A619" s="7">
        <f t="shared" si="30"/>
        <v>44587.458333331851</v>
      </c>
      <c r="B619" s="8">
        <v>1.8315442340063248</v>
      </c>
      <c r="C619">
        <f t="shared" si="28"/>
        <v>11</v>
      </c>
      <c r="D619">
        <f t="shared" si="29"/>
        <v>1</v>
      </c>
    </row>
    <row r="620" spans="1:4" x14ac:dyDescent="0.25">
      <c r="A620" s="7">
        <f t="shared" si="30"/>
        <v>44587.499999998516</v>
      </c>
      <c r="B620" s="8">
        <v>3.11305403059874</v>
      </c>
      <c r="C620">
        <f t="shared" si="28"/>
        <v>12</v>
      </c>
      <c r="D620">
        <f t="shared" si="29"/>
        <v>1</v>
      </c>
    </row>
    <row r="621" spans="1:4" x14ac:dyDescent="0.25">
      <c r="A621" s="7">
        <f t="shared" si="30"/>
        <v>44587.54166666518</v>
      </c>
      <c r="B621" s="8">
        <v>2.2921511179133769</v>
      </c>
      <c r="C621">
        <f t="shared" si="28"/>
        <v>13</v>
      </c>
      <c r="D621">
        <f t="shared" si="29"/>
        <v>1</v>
      </c>
    </row>
    <row r="622" spans="1:4" x14ac:dyDescent="0.25">
      <c r="A622" s="7">
        <f t="shared" si="30"/>
        <v>44587.583333331844</v>
      </c>
      <c r="B622" s="8">
        <v>2.1987093163177658</v>
      </c>
      <c r="C622">
        <f t="shared" si="28"/>
        <v>14</v>
      </c>
      <c r="D622">
        <f t="shared" si="29"/>
        <v>1</v>
      </c>
    </row>
    <row r="623" spans="1:4" x14ac:dyDescent="0.25">
      <c r="A623" s="7">
        <f t="shared" si="30"/>
        <v>44587.624999998508</v>
      </c>
      <c r="B623" s="8">
        <v>2.4681359602474573</v>
      </c>
      <c r="C623">
        <f t="shared" si="28"/>
        <v>15</v>
      </c>
      <c r="D623">
        <f t="shared" si="29"/>
        <v>1</v>
      </c>
    </row>
    <row r="624" spans="1:4" x14ac:dyDescent="0.25">
      <c r="A624" s="7">
        <f t="shared" si="30"/>
        <v>44587.666666665173</v>
      </c>
      <c r="B624" s="8">
        <v>1.712109274247313</v>
      </c>
      <c r="C624">
        <f t="shared" si="28"/>
        <v>16</v>
      </c>
      <c r="D624">
        <f t="shared" si="29"/>
        <v>1</v>
      </c>
    </row>
    <row r="625" spans="1:4" x14ac:dyDescent="0.25">
      <c r="A625" s="7">
        <f t="shared" si="30"/>
        <v>44587.708333331837</v>
      </c>
      <c r="B625" s="8">
        <v>2.0988251360821559</v>
      </c>
      <c r="C625">
        <f t="shared" si="28"/>
        <v>17</v>
      </c>
      <c r="D625">
        <f t="shared" si="29"/>
        <v>1</v>
      </c>
    </row>
    <row r="626" spans="1:4" x14ac:dyDescent="0.25">
      <c r="A626" s="7">
        <f t="shared" si="30"/>
        <v>44587.749999998501</v>
      </c>
      <c r="B626" s="8">
        <v>-4.9800999999999998E-2</v>
      </c>
      <c r="C626">
        <f t="shared" si="28"/>
        <v>18</v>
      </c>
      <c r="D626">
        <f t="shared" si="29"/>
        <v>1</v>
      </c>
    </row>
    <row r="627" spans="1:4" x14ac:dyDescent="0.25">
      <c r="A627" s="7">
        <f t="shared" si="30"/>
        <v>44587.791666665165</v>
      </c>
      <c r="B627" s="8">
        <v>-4.9800999999999998E-2</v>
      </c>
      <c r="C627">
        <f t="shared" si="28"/>
        <v>19</v>
      </c>
      <c r="D627">
        <f t="shared" si="29"/>
        <v>1</v>
      </c>
    </row>
    <row r="628" spans="1:4" x14ac:dyDescent="0.25">
      <c r="A628" s="7">
        <f t="shared" si="30"/>
        <v>44587.83333333183</v>
      </c>
      <c r="B628" s="8">
        <v>-4.9800999999999998E-2</v>
      </c>
      <c r="C628">
        <f t="shared" si="28"/>
        <v>20</v>
      </c>
      <c r="D628">
        <f t="shared" si="29"/>
        <v>1</v>
      </c>
    </row>
    <row r="629" spans="1:4" x14ac:dyDescent="0.25">
      <c r="A629" s="7">
        <f t="shared" si="30"/>
        <v>44587.874999998494</v>
      </c>
      <c r="B629" s="8">
        <v>-4.9800999999999998E-2</v>
      </c>
      <c r="C629">
        <f t="shared" si="28"/>
        <v>21</v>
      </c>
      <c r="D629">
        <f t="shared" si="29"/>
        <v>1</v>
      </c>
    </row>
    <row r="630" spans="1:4" x14ac:dyDescent="0.25">
      <c r="A630" s="7">
        <f t="shared" si="30"/>
        <v>44587.916666665158</v>
      </c>
      <c r="B630" s="8">
        <v>-4.9800999999999998E-2</v>
      </c>
      <c r="C630">
        <f t="shared" si="28"/>
        <v>22</v>
      </c>
      <c r="D630">
        <f t="shared" si="29"/>
        <v>1</v>
      </c>
    </row>
    <row r="631" spans="1:4" x14ac:dyDescent="0.25">
      <c r="A631" s="7">
        <f t="shared" si="30"/>
        <v>44587.958333331822</v>
      </c>
      <c r="B631" s="8">
        <v>-4.9800999999999998E-2</v>
      </c>
      <c r="C631">
        <f t="shared" si="28"/>
        <v>23</v>
      </c>
      <c r="D631">
        <f t="shared" si="29"/>
        <v>1</v>
      </c>
    </row>
    <row r="632" spans="1:4" x14ac:dyDescent="0.25">
      <c r="A632" s="7">
        <f t="shared" si="30"/>
        <v>44587.999999998487</v>
      </c>
      <c r="B632" s="8">
        <v>-4.9800999999999998E-2</v>
      </c>
      <c r="C632">
        <f t="shared" si="28"/>
        <v>0</v>
      </c>
      <c r="D632">
        <f t="shared" si="29"/>
        <v>1</v>
      </c>
    </row>
    <row r="633" spans="1:4" x14ac:dyDescent="0.25">
      <c r="A633" s="7">
        <f t="shared" si="30"/>
        <v>44588.041666665151</v>
      </c>
      <c r="B633" s="8">
        <v>-4.9800999999999998E-2</v>
      </c>
      <c r="C633">
        <f t="shared" si="28"/>
        <v>1</v>
      </c>
      <c r="D633">
        <f t="shared" si="29"/>
        <v>1</v>
      </c>
    </row>
    <row r="634" spans="1:4" x14ac:dyDescent="0.25">
      <c r="A634" s="7">
        <f t="shared" si="30"/>
        <v>44588.083333331815</v>
      </c>
      <c r="B634" s="8">
        <v>-4.9800999999999998E-2</v>
      </c>
      <c r="C634">
        <f t="shared" si="28"/>
        <v>2</v>
      </c>
      <c r="D634">
        <f t="shared" si="29"/>
        <v>1</v>
      </c>
    </row>
    <row r="635" spans="1:4" x14ac:dyDescent="0.25">
      <c r="A635" s="7">
        <f t="shared" si="30"/>
        <v>44588.124999998479</v>
      </c>
      <c r="B635" s="8">
        <v>-4.9800999999999998E-2</v>
      </c>
      <c r="C635">
        <f t="shared" si="28"/>
        <v>3</v>
      </c>
      <c r="D635">
        <f t="shared" si="29"/>
        <v>1</v>
      </c>
    </row>
    <row r="636" spans="1:4" x14ac:dyDescent="0.25">
      <c r="A636" s="7">
        <f t="shared" si="30"/>
        <v>44588.166666665144</v>
      </c>
      <c r="B636" s="8">
        <v>-4.9800999999999998E-2</v>
      </c>
      <c r="C636">
        <f t="shared" si="28"/>
        <v>4</v>
      </c>
      <c r="D636">
        <f t="shared" si="29"/>
        <v>1</v>
      </c>
    </row>
    <row r="637" spans="1:4" x14ac:dyDescent="0.25">
      <c r="A637" s="7">
        <f t="shared" si="30"/>
        <v>44588.208333331808</v>
      </c>
      <c r="B637" s="8">
        <v>-4.9800999999999998E-2</v>
      </c>
      <c r="C637">
        <f t="shared" si="28"/>
        <v>5</v>
      </c>
      <c r="D637">
        <f t="shared" si="29"/>
        <v>1</v>
      </c>
    </row>
    <row r="638" spans="1:4" x14ac:dyDescent="0.25">
      <c r="A638" s="7">
        <f t="shared" si="30"/>
        <v>44588.249999998472</v>
      </c>
      <c r="B638" s="8">
        <v>-4.9800999999999998E-2</v>
      </c>
      <c r="C638">
        <f t="shared" si="28"/>
        <v>6</v>
      </c>
      <c r="D638">
        <f t="shared" si="29"/>
        <v>1</v>
      </c>
    </row>
    <row r="639" spans="1:4" x14ac:dyDescent="0.25">
      <c r="A639" s="7">
        <f t="shared" si="30"/>
        <v>44588.291666665136</v>
      </c>
      <c r="B639" s="8">
        <v>-4.9800999999999998E-2</v>
      </c>
      <c r="C639">
        <f t="shared" si="28"/>
        <v>7</v>
      </c>
      <c r="D639">
        <f t="shared" si="29"/>
        <v>1</v>
      </c>
    </row>
    <row r="640" spans="1:4" x14ac:dyDescent="0.25">
      <c r="A640" s="7">
        <f t="shared" si="30"/>
        <v>44588.333333331801</v>
      </c>
      <c r="B640" s="8">
        <v>-4.9800999999999998E-2</v>
      </c>
      <c r="C640">
        <f t="shared" si="28"/>
        <v>8</v>
      </c>
      <c r="D640">
        <f t="shared" si="29"/>
        <v>1</v>
      </c>
    </row>
    <row r="641" spans="1:4" x14ac:dyDescent="0.25">
      <c r="A641" s="7">
        <f t="shared" si="30"/>
        <v>44588.374999998465</v>
      </c>
      <c r="B641" s="8">
        <v>2.7988388902785379</v>
      </c>
      <c r="C641">
        <f t="shared" si="28"/>
        <v>9</v>
      </c>
      <c r="D641">
        <f t="shared" si="29"/>
        <v>1</v>
      </c>
    </row>
    <row r="642" spans="1:4" x14ac:dyDescent="0.25">
      <c r="A642" s="7">
        <f t="shared" si="30"/>
        <v>44588.416666665129</v>
      </c>
      <c r="B642" s="8">
        <v>4.4528472053465276</v>
      </c>
      <c r="C642">
        <f t="shared" si="28"/>
        <v>10</v>
      </c>
      <c r="D642">
        <f t="shared" si="29"/>
        <v>1</v>
      </c>
    </row>
    <row r="643" spans="1:4" x14ac:dyDescent="0.25">
      <c r="A643" s="7">
        <f t="shared" si="30"/>
        <v>44588.458333331793</v>
      </c>
      <c r="B643" s="8">
        <v>8.5998468391103611</v>
      </c>
      <c r="C643">
        <f t="shared" si="28"/>
        <v>11</v>
      </c>
      <c r="D643">
        <f t="shared" si="29"/>
        <v>1</v>
      </c>
    </row>
    <row r="644" spans="1:4" x14ac:dyDescent="0.25">
      <c r="A644" s="7">
        <f t="shared" si="30"/>
        <v>44588.499999998457</v>
      </c>
      <c r="B644" s="8">
        <v>19.446209133651426</v>
      </c>
      <c r="C644">
        <f t="shared" si="28"/>
        <v>12</v>
      </c>
      <c r="D644">
        <f t="shared" si="29"/>
        <v>1</v>
      </c>
    </row>
    <row r="645" spans="1:4" x14ac:dyDescent="0.25">
      <c r="A645" s="7">
        <f t="shared" si="30"/>
        <v>44588.541666665122</v>
      </c>
      <c r="B645" s="8">
        <v>20.451220201491296</v>
      </c>
      <c r="C645">
        <f t="shared" si="28"/>
        <v>13</v>
      </c>
      <c r="D645">
        <f t="shared" si="29"/>
        <v>1</v>
      </c>
    </row>
    <row r="646" spans="1:4" x14ac:dyDescent="0.25">
      <c r="A646" s="7">
        <f t="shared" si="30"/>
        <v>44588.583333331786</v>
      </c>
      <c r="B646" s="8">
        <v>20.451207834103087</v>
      </c>
      <c r="C646">
        <f t="shared" si="28"/>
        <v>14</v>
      </c>
      <c r="D646">
        <f t="shared" si="29"/>
        <v>1</v>
      </c>
    </row>
    <row r="647" spans="1:4" x14ac:dyDescent="0.25">
      <c r="A647" s="7">
        <f t="shared" si="30"/>
        <v>44588.62499999845</v>
      </c>
      <c r="B647" s="8">
        <v>19.041180261729536</v>
      </c>
      <c r="C647">
        <f t="shared" si="28"/>
        <v>15</v>
      </c>
      <c r="D647">
        <f t="shared" si="29"/>
        <v>1</v>
      </c>
    </row>
    <row r="648" spans="1:4" x14ac:dyDescent="0.25">
      <c r="A648" s="7">
        <f t="shared" si="30"/>
        <v>44588.666666665114</v>
      </c>
      <c r="B648" s="8">
        <v>4.0101812792646401</v>
      </c>
      <c r="C648">
        <f t="shared" si="28"/>
        <v>16</v>
      </c>
      <c r="D648">
        <f t="shared" si="29"/>
        <v>1</v>
      </c>
    </row>
    <row r="649" spans="1:4" x14ac:dyDescent="0.25">
      <c r="A649" s="7">
        <f t="shared" si="30"/>
        <v>44588.708333331779</v>
      </c>
      <c r="B649" s="8">
        <v>7.5559557945957243</v>
      </c>
      <c r="C649">
        <f t="shared" si="28"/>
        <v>17</v>
      </c>
      <c r="D649">
        <f t="shared" si="29"/>
        <v>1</v>
      </c>
    </row>
    <row r="650" spans="1:4" x14ac:dyDescent="0.25">
      <c r="A650" s="7">
        <f t="shared" si="30"/>
        <v>44588.749999998443</v>
      </c>
      <c r="B650" s="8">
        <v>1.2024718797948573</v>
      </c>
      <c r="C650">
        <f t="shared" ref="C650:C713" si="31">HOUR(A650)</f>
        <v>18</v>
      </c>
      <c r="D650">
        <f t="shared" ref="D650:D713" si="32">MONTH(A650)</f>
        <v>1</v>
      </c>
    </row>
    <row r="651" spans="1:4" x14ac:dyDescent="0.25">
      <c r="A651" s="7">
        <f t="shared" ref="A651:A714" si="33">+A650+1/24</f>
        <v>44588.791666665107</v>
      </c>
      <c r="B651" s="8">
        <v>-4.9800999999999998E-2</v>
      </c>
      <c r="C651">
        <f t="shared" si="31"/>
        <v>19</v>
      </c>
      <c r="D651">
        <f t="shared" si="32"/>
        <v>1</v>
      </c>
    </row>
    <row r="652" spans="1:4" x14ac:dyDescent="0.25">
      <c r="A652" s="7">
        <f t="shared" si="33"/>
        <v>44588.833333331771</v>
      </c>
      <c r="B652" s="8">
        <v>-4.9800999999999998E-2</v>
      </c>
      <c r="C652">
        <f t="shared" si="31"/>
        <v>20</v>
      </c>
      <c r="D652">
        <f t="shared" si="32"/>
        <v>1</v>
      </c>
    </row>
    <row r="653" spans="1:4" x14ac:dyDescent="0.25">
      <c r="A653" s="7">
        <f t="shared" si="33"/>
        <v>44588.874999998436</v>
      </c>
      <c r="B653" s="8">
        <v>-4.9800999999999998E-2</v>
      </c>
      <c r="C653">
        <f t="shared" si="31"/>
        <v>21</v>
      </c>
      <c r="D653">
        <f t="shared" si="32"/>
        <v>1</v>
      </c>
    </row>
    <row r="654" spans="1:4" x14ac:dyDescent="0.25">
      <c r="A654" s="7">
        <f t="shared" si="33"/>
        <v>44588.9166666651</v>
      </c>
      <c r="B654" s="8">
        <v>-4.9800999999999998E-2</v>
      </c>
      <c r="C654">
        <f t="shared" si="31"/>
        <v>22</v>
      </c>
      <c r="D654">
        <f t="shared" si="32"/>
        <v>1</v>
      </c>
    </row>
    <row r="655" spans="1:4" x14ac:dyDescent="0.25">
      <c r="A655" s="7">
        <f t="shared" si="33"/>
        <v>44588.958333331764</v>
      </c>
      <c r="B655" s="8">
        <v>-4.9800999999999998E-2</v>
      </c>
      <c r="C655">
        <f t="shared" si="31"/>
        <v>23</v>
      </c>
      <c r="D655">
        <f t="shared" si="32"/>
        <v>1</v>
      </c>
    </row>
    <row r="656" spans="1:4" x14ac:dyDescent="0.25">
      <c r="A656" s="7">
        <f t="shared" si="33"/>
        <v>44588.999999998428</v>
      </c>
      <c r="B656" s="8">
        <v>-4.9800999999999998E-2</v>
      </c>
      <c r="C656">
        <f t="shared" si="31"/>
        <v>0</v>
      </c>
      <c r="D656">
        <f t="shared" si="32"/>
        <v>1</v>
      </c>
    </row>
    <row r="657" spans="1:4" x14ac:dyDescent="0.25">
      <c r="A657" s="7">
        <f t="shared" si="33"/>
        <v>44589.041666665093</v>
      </c>
      <c r="B657" s="8">
        <v>-4.9800999999999998E-2</v>
      </c>
      <c r="C657">
        <f t="shared" si="31"/>
        <v>1</v>
      </c>
      <c r="D657">
        <f t="shared" si="32"/>
        <v>1</v>
      </c>
    </row>
    <row r="658" spans="1:4" x14ac:dyDescent="0.25">
      <c r="A658" s="7">
        <f t="shared" si="33"/>
        <v>44589.083333331757</v>
      </c>
      <c r="B658" s="8">
        <v>-4.9800999999999998E-2</v>
      </c>
      <c r="C658">
        <f t="shared" si="31"/>
        <v>2</v>
      </c>
      <c r="D658">
        <f t="shared" si="32"/>
        <v>1</v>
      </c>
    </row>
    <row r="659" spans="1:4" x14ac:dyDescent="0.25">
      <c r="A659" s="7">
        <f t="shared" si="33"/>
        <v>44589.124999998421</v>
      </c>
      <c r="B659" s="8">
        <v>-4.9800999999999998E-2</v>
      </c>
      <c r="C659">
        <f t="shared" si="31"/>
        <v>3</v>
      </c>
      <c r="D659">
        <f t="shared" si="32"/>
        <v>1</v>
      </c>
    </row>
    <row r="660" spans="1:4" x14ac:dyDescent="0.25">
      <c r="A660" s="7">
        <f t="shared" si="33"/>
        <v>44589.166666665085</v>
      </c>
      <c r="B660" s="8">
        <v>-4.9800999999999998E-2</v>
      </c>
      <c r="C660">
        <f t="shared" si="31"/>
        <v>4</v>
      </c>
      <c r="D660">
        <f t="shared" si="32"/>
        <v>1</v>
      </c>
    </row>
    <row r="661" spans="1:4" x14ac:dyDescent="0.25">
      <c r="A661" s="7">
        <f t="shared" si="33"/>
        <v>44589.20833333175</v>
      </c>
      <c r="B661" s="8">
        <v>-4.9800999999999998E-2</v>
      </c>
      <c r="C661">
        <f t="shared" si="31"/>
        <v>5</v>
      </c>
      <c r="D661">
        <f t="shared" si="32"/>
        <v>1</v>
      </c>
    </row>
    <row r="662" spans="1:4" x14ac:dyDescent="0.25">
      <c r="A662" s="7">
        <f t="shared" si="33"/>
        <v>44589.249999998414</v>
      </c>
      <c r="B662" s="8">
        <v>-4.9800999999999998E-2</v>
      </c>
      <c r="C662">
        <f t="shared" si="31"/>
        <v>6</v>
      </c>
      <c r="D662">
        <f t="shared" si="32"/>
        <v>1</v>
      </c>
    </row>
    <row r="663" spans="1:4" x14ac:dyDescent="0.25">
      <c r="A663" s="7">
        <f t="shared" si="33"/>
        <v>44589.291666665078</v>
      </c>
      <c r="B663" s="8">
        <v>-4.9800999999999998E-2</v>
      </c>
      <c r="C663">
        <f t="shared" si="31"/>
        <v>7</v>
      </c>
      <c r="D663">
        <f t="shared" si="32"/>
        <v>1</v>
      </c>
    </row>
    <row r="664" spans="1:4" x14ac:dyDescent="0.25">
      <c r="A664" s="7">
        <f t="shared" si="33"/>
        <v>44589.333333331742</v>
      </c>
      <c r="B664" s="8">
        <v>-4.9800999999999998E-2</v>
      </c>
      <c r="C664">
        <f t="shared" si="31"/>
        <v>8</v>
      </c>
      <c r="D664">
        <f t="shared" si="32"/>
        <v>1</v>
      </c>
    </row>
    <row r="665" spans="1:4" x14ac:dyDescent="0.25">
      <c r="A665" s="7">
        <f t="shared" si="33"/>
        <v>44589.374999998407</v>
      </c>
      <c r="B665" s="8">
        <v>1.2885653915643291</v>
      </c>
      <c r="C665">
        <f t="shared" si="31"/>
        <v>9</v>
      </c>
      <c r="D665">
        <f t="shared" si="32"/>
        <v>1</v>
      </c>
    </row>
    <row r="666" spans="1:4" x14ac:dyDescent="0.25">
      <c r="A666" s="7">
        <f t="shared" si="33"/>
        <v>44589.416666665071</v>
      </c>
      <c r="B666" s="8">
        <v>3.4422038227941982</v>
      </c>
      <c r="C666">
        <f t="shared" si="31"/>
        <v>10</v>
      </c>
      <c r="D666">
        <f t="shared" si="32"/>
        <v>1</v>
      </c>
    </row>
    <row r="667" spans="1:4" x14ac:dyDescent="0.25">
      <c r="A667" s="7">
        <f t="shared" si="33"/>
        <v>44589.458333331735</v>
      </c>
      <c r="B667" s="8">
        <v>7.1871066862568069</v>
      </c>
      <c r="C667">
        <f t="shared" si="31"/>
        <v>11</v>
      </c>
      <c r="D667">
        <f t="shared" si="32"/>
        <v>1</v>
      </c>
    </row>
    <row r="668" spans="1:4" x14ac:dyDescent="0.25">
      <c r="A668" s="7">
        <f t="shared" si="33"/>
        <v>44589.499999998399</v>
      </c>
      <c r="B668" s="8">
        <v>18.432434740651438</v>
      </c>
      <c r="C668">
        <f t="shared" si="31"/>
        <v>12</v>
      </c>
      <c r="D668">
        <f t="shared" si="32"/>
        <v>1</v>
      </c>
    </row>
    <row r="669" spans="1:4" x14ac:dyDescent="0.25">
      <c r="A669" s="7">
        <f t="shared" si="33"/>
        <v>44589.541666665064</v>
      </c>
      <c r="B669" s="8">
        <v>20.451252150577496</v>
      </c>
      <c r="C669">
        <f t="shared" si="31"/>
        <v>13</v>
      </c>
      <c r="D669">
        <f t="shared" si="32"/>
        <v>1</v>
      </c>
    </row>
    <row r="670" spans="1:4" x14ac:dyDescent="0.25">
      <c r="A670" s="7">
        <f t="shared" si="33"/>
        <v>44589.583333331728</v>
      </c>
      <c r="B670" s="8">
        <v>20.451232568879501</v>
      </c>
      <c r="C670">
        <f t="shared" si="31"/>
        <v>14</v>
      </c>
      <c r="D670">
        <f t="shared" si="32"/>
        <v>1</v>
      </c>
    </row>
    <row r="671" spans="1:4" x14ac:dyDescent="0.25">
      <c r="A671" s="7">
        <f t="shared" si="33"/>
        <v>44589.624999998392</v>
      </c>
      <c r="B671" s="8">
        <v>20.451260395502963</v>
      </c>
      <c r="C671">
        <f t="shared" si="31"/>
        <v>15</v>
      </c>
      <c r="D671">
        <f t="shared" si="32"/>
        <v>1</v>
      </c>
    </row>
    <row r="672" spans="1:4" x14ac:dyDescent="0.25">
      <c r="A672" s="7">
        <f t="shared" si="33"/>
        <v>44589.666666665056</v>
      </c>
      <c r="B672" s="8">
        <v>16.092130166139647</v>
      </c>
      <c r="C672">
        <f t="shared" si="31"/>
        <v>16</v>
      </c>
      <c r="D672">
        <f t="shared" si="32"/>
        <v>1</v>
      </c>
    </row>
    <row r="673" spans="1:4" x14ac:dyDescent="0.25">
      <c r="A673" s="7">
        <f t="shared" si="33"/>
        <v>44589.70833333172</v>
      </c>
      <c r="B673" s="8">
        <v>7.508280543674636</v>
      </c>
      <c r="C673">
        <f t="shared" si="31"/>
        <v>17</v>
      </c>
      <c r="D673">
        <f t="shared" si="32"/>
        <v>1</v>
      </c>
    </row>
    <row r="674" spans="1:4" x14ac:dyDescent="0.25">
      <c r="A674" s="7">
        <f t="shared" si="33"/>
        <v>44589.749999998385</v>
      </c>
      <c r="B674" s="8">
        <v>0.57499079619931659</v>
      </c>
      <c r="C674">
        <f t="shared" si="31"/>
        <v>18</v>
      </c>
      <c r="D674">
        <f t="shared" si="32"/>
        <v>1</v>
      </c>
    </row>
    <row r="675" spans="1:4" x14ac:dyDescent="0.25">
      <c r="A675" s="7">
        <f t="shared" si="33"/>
        <v>44589.791666665049</v>
      </c>
      <c r="B675" s="8">
        <v>-4.9800999999999998E-2</v>
      </c>
      <c r="C675">
        <f t="shared" si="31"/>
        <v>19</v>
      </c>
      <c r="D675">
        <f t="shared" si="32"/>
        <v>1</v>
      </c>
    </row>
    <row r="676" spans="1:4" x14ac:dyDescent="0.25">
      <c r="A676" s="7">
        <f t="shared" si="33"/>
        <v>44589.833333331713</v>
      </c>
      <c r="B676" s="8">
        <v>-4.9800999999999998E-2</v>
      </c>
      <c r="C676">
        <f t="shared" si="31"/>
        <v>20</v>
      </c>
      <c r="D676">
        <f t="shared" si="32"/>
        <v>1</v>
      </c>
    </row>
    <row r="677" spans="1:4" x14ac:dyDescent="0.25">
      <c r="A677" s="7">
        <f t="shared" si="33"/>
        <v>44589.874999998377</v>
      </c>
      <c r="B677" s="8">
        <v>-4.9800999999999998E-2</v>
      </c>
      <c r="C677">
        <f t="shared" si="31"/>
        <v>21</v>
      </c>
      <c r="D677">
        <f t="shared" si="32"/>
        <v>1</v>
      </c>
    </row>
    <row r="678" spans="1:4" x14ac:dyDescent="0.25">
      <c r="A678" s="7">
        <f t="shared" si="33"/>
        <v>44589.916666665042</v>
      </c>
      <c r="B678" s="8">
        <v>-4.9800999999999998E-2</v>
      </c>
      <c r="C678">
        <f t="shared" si="31"/>
        <v>22</v>
      </c>
      <c r="D678">
        <f t="shared" si="32"/>
        <v>1</v>
      </c>
    </row>
    <row r="679" spans="1:4" x14ac:dyDescent="0.25">
      <c r="A679" s="7">
        <f t="shared" si="33"/>
        <v>44589.958333331706</v>
      </c>
      <c r="B679" s="8">
        <v>-4.9800999999999998E-2</v>
      </c>
      <c r="C679">
        <f t="shared" si="31"/>
        <v>23</v>
      </c>
      <c r="D679">
        <f t="shared" si="32"/>
        <v>1</v>
      </c>
    </row>
    <row r="680" spans="1:4" x14ac:dyDescent="0.25">
      <c r="A680" s="7">
        <f t="shared" si="33"/>
        <v>44589.99999999837</v>
      </c>
      <c r="B680" s="8">
        <v>-4.9800999999999998E-2</v>
      </c>
      <c r="C680">
        <f t="shared" si="31"/>
        <v>0</v>
      </c>
      <c r="D680">
        <f t="shared" si="32"/>
        <v>1</v>
      </c>
    </row>
    <row r="681" spans="1:4" x14ac:dyDescent="0.25">
      <c r="A681" s="7">
        <f t="shared" si="33"/>
        <v>44590.041666665034</v>
      </c>
      <c r="B681" s="8">
        <v>-4.9800999999999998E-2</v>
      </c>
      <c r="C681">
        <f t="shared" si="31"/>
        <v>1</v>
      </c>
      <c r="D681">
        <f t="shared" si="32"/>
        <v>1</v>
      </c>
    </row>
    <row r="682" spans="1:4" x14ac:dyDescent="0.25">
      <c r="A682" s="7">
        <f t="shared" si="33"/>
        <v>44590.083333331699</v>
      </c>
      <c r="B682" s="8">
        <v>-4.9800999999999998E-2</v>
      </c>
      <c r="C682">
        <f t="shared" si="31"/>
        <v>2</v>
      </c>
      <c r="D682">
        <f t="shared" si="32"/>
        <v>1</v>
      </c>
    </row>
    <row r="683" spans="1:4" x14ac:dyDescent="0.25">
      <c r="A683" s="7">
        <f t="shared" si="33"/>
        <v>44590.124999998363</v>
      </c>
      <c r="B683" s="8">
        <v>-4.9800999999999998E-2</v>
      </c>
      <c r="C683">
        <f t="shared" si="31"/>
        <v>3</v>
      </c>
      <c r="D683">
        <f t="shared" si="32"/>
        <v>1</v>
      </c>
    </row>
    <row r="684" spans="1:4" x14ac:dyDescent="0.25">
      <c r="A684" s="7">
        <f t="shared" si="33"/>
        <v>44590.166666665027</v>
      </c>
      <c r="B684" s="8">
        <v>-4.9800999999999998E-2</v>
      </c>
      <c r="C684">
        <f t="shared" si="31"/>
        <v>4</v>
      </c>
      <c r="D684">
        <f t="shared" si="32"/>
        <v>1</v>
      </c>
    </row>
    <row r="685" spans="1:4" x14ac:dyDescent="0.25">
      <c r="A685" s="7">
        <f t="shared" si="33"/>
        <v>44590.208333331691</v>
      </c>
      <c r="B685" s="8">
        <v>-4.9800999999999998E-2</v>
      </c>
      <c r="C685">
        <f t="shared" si="31"/>
        <v>5</v>
      </c>
      <c r="D685">
        <f t="shared" si="32"/>
        <v>1</v>
      </c>
    </row>
    <row r="686" spans="1:4" x14ac:dyDescent="0.25">
      <c r="A686" s="7">
        <f t="shared" si="33"/>
        <v>44590.249999998356</v>
      </c>
      <c r="B686" s="8">
        <v>-4.9800999999999998E-2</v>
      </c>
      <c r="C686">
        <f t="shared" si="31"/>
        <v>6</v>
      </c>
      <c r="D686">
        <f t="shared" si="32"/>
        <v>1</v>
      </c>
    </row>
    <row r="687" spans="1:4" x14ac:dyDescent="0.25">
      <c r="A687" s="7">
        <f t="shared" si="33"/>
        <v>44590.29166666502</v>
      </c>
      <c r="B687" s="8">
        <v>-4.9800999999999998E-2</v>
      </c>
      <c r="C687">
        <f t="shared" si="31"/>
        <v>7</v>
      </c>
      <c r="D687">
        <f t="shared" si="32"/>
        <v>1</v>
      </c>
    </row>
    <row r="688" spans="1:4" x14ac:dyDescent="0.25">
      <c r="A688" s="7">
        <f t="shared" si="33"/>
        <v>44590.333333331684</v>
      </c>
      <c r="B688" s="8">
        <v>-4.9800999999999998E-2</v>
      </c>
      <c r="C688">
        <f t="shared" si="31"/>
        <v>8</v>
      </c>
      <c r="D688">
        <f t="shared" si="32"/>
        <v>1</v>
      </c>
    </row>
    <row r="689" spans="1:4" x14ac:dyDescent="0.25">
      <c r="A689" s="7">
        <f t="shared" si="33"/>
        <v>44590.374999998348</v>
      </c>
      <c r="B689" s="8">
        <v>3.0656663214534574</v>
      </c>
      <c r="C689">
        <f t="shared" si="31"/>
        <v>9</v>
      </c>
      <c r="D689">
        <f t="shared" si="32"/>
        <v>1</v>
      </c>
    </row>
    <row r="690" spans="1:4" x14ac:dyDescent="0.25">
      <c r="A690" s="7">
        <f t="shared" si="33"/>
        <v>44590.416666665013</v>
      </c>
      <c r="B690" s="8">
        <v>1.5909655536844109</v>
      </c>
      <c r="C690">
        <f t="shared" si="31"/>
        <v>10</v>
      </c>
      <c r="D690">
        <f t="shared" si="32"/>
        <v>1</v>
      </c>
    </row>
    <row r="691" spans="1:4" x14ac:dyDescent="0.25">
      <c r="A691" s="7">
        <f t="shared" si="33"/>
        <v>44590.458333331677</v>
      </c>
      <c r="B691" s="8">
        <v>1.6812804672950983</v>
      </c>
      <c r="C691">
        <f t="shared" si="31"/>
        <v>11</v>
      </c>
      <c r="D691">
        <f t="shared" si="32"/>
        <v>1</v>
      </c>
    </row>
    <row r="692" spans="1:4" x14ac:dyDescent="0.25">
      <c r="A692" s="7">
        <f t="shared" si="33"/>
        <v>44590.499999998341</v>
      </c>
      <c r="B692" s="8">
        <v>3.7352295046536126</v>
      </c>
      <c r="C692">
        <f t="shared" si="31"/>
        <v>12</v>
      </c>
      <c r="D692">
        <f t="shared" si="32"/>
        <v>1</v>
      </c>
    </row>
    <row r="693" spans="1:4" x14ac:dyDescent="0.25">
      <c r="A693" s="7">
        <f t="shared" si="33"/>
        <v>44590.541666665005</v>
      </c>
      <c r="B693" s="8">
        <v>12.01210303136207</v>
      </c>
      <c r="C693">
        <f t="shared" si="31"/>
        <v>13</v>
      </c>
      <c r="D693">
        <f t="shared" si="32"/>
        <v>1</v>
      </c>
    </row>
    <row r="694" spans="1:4" x14ac:dyDescent="0.25">
      <c r="A694" s="7">
        <f t="shared" si="33"/>
        <v>44590.58333333167</v>
      </c>
      <c r="B694" s="8">
        <v>14.160016392467927</v>
      </c>
      <c r="C694">
        <f t="shared" si="31"/>
        <v>14</v>
      </c>
      <c r="D694">
        <f t="shared" si="32"/>
        <v>1</v>
      </c>
    </row>
    <row r="695" spans="1:4" x14ac:dyDescent="0.25">
      <c r="A695" s="7">
        <f t="shared" si="33"/>
        <v>44590.624999998334</v>
      </c>
      <c r="B695" s="8">
        <v>12.425108868677274</v>
      </c>
      <c r="C695">
        <f t="shared" si="31"/>
        <v>15</v>
      </c>
      <c r="D695">
        <f t="shared" si="32"/>
        <v>1</v>
      </c>
    </row>
    <row r="696" spans="1:4" x14ac:dyDescent="0.25">
      <c r="A696" s="7">
        <f t="shared" si="33"/>
        <v>44590.666666664998</v>
      </c>
      <c r="B696" s="8">
        <v>11.341564885724953</v>
      </c>
      <c r="C696">
        <f t="shared" si="31"/>
        <v>16</v>
      </c>
      <c r="D696">
        <f t="shared" si="32"/>
        <v>1</v>
      </c>
    </row>
    <row r="697" spans="1:4" x14ac:dyDescent="0.25">
      <c r="A697" s="7">
        <f t="shared" si="33"/>
        <v>44590.708333331662</v>
      </c>
      <c r="B697" s="8">
        <v>1.851090891066991</v>
      </c>
      <c r="C697">
        <f t="shared" si="31"/>
        <v>17</v>
      </c>
      <c r="D697">
        <f t="shared" si="32"/>
        <v>1</v>
      </c>
    </row>
    <row r="698" spans="1:4" x14ac:dyDescent="0.25">
      <c r="A698" s="7">
        <f t="shared" si="33"/>
        <v>44590.749999998327</v>
      </c>
      <c r="B698" s="8">
        <v>-4.9800999999999998E-2</v>
      </c>
      <c r="C698">
        <f t="shared" si="31"/>
        <v>18</v>
      </c>
      <c r="D698">
        <f t="shared" si="32"/>
        <v>1</v>
      </c>
    </row>
    <row r="699" spans="1:4" x14ac:dyDescent="0.25">
      <c r="A699" s="7">
        <f t="shared" si="33"/>
        <v>44590.791666664991</v>
      </c>
      <c r="B699" s="8">
        <v>-4.9800999999999998E-2</v>
      </c>
      <c r="C699">
        <f t="shared" si="31"/>
        <v>19</v>
      </c>
      <c r="D699">
        <f t="shared" si="32"/>
        <v>1</v>
      </c>
    </row>
    <row r="700" spans="1:4" x14ac:dyDescent="0.25">
      <c r="A700" s="7">
        <f t="shared" si="33"/>
        <v>44590.833333331655</v>
      </c>
      <c r="B700" s="8">
        <v>-4.9800999999999998E-2</v>
      </c>
      <c r="C700">
        <f t="shared" si="31"/>
        <v>20</v>
      </c>
      <c r="D700">
        <f t="shared" si="32"/>
        <v>1</v>
      </c>
    </row>
    <row r="701" spans="1:4" x14ac:dyDescent="0.25">
      <c r="A701" s="7">
        <f t="shared" si="33"/>
        <v>44590.874999998319</v>
      </c>
      <c r="B701" s="8">
        <v>-4.9800999999999998E-2</v>
      </c>
      <c r="C701">
        <f t="shared" si="31"/>
        <v>21</v>
      </c>
      <c r="D701">
        <f t="shared" si="32"/>
        <v>1</v>
      </c>
    </row>
    <row r="702" spans="1:4" x14ac:dyDescent="0.25">
      <c r="A702" s="7">
        <f t="shared" si="33"/>
        <v>44590.916666664983</v>
      </c>
      <c r="B702" s="8">
        <v>-4.9800999999999998E-2</v>
      </c>
      <c r="C702">
        <f t="shared" si="31"/>
        <v>22</v>
      </c>
      <c r="D702">
        <f t="shared" si="32"/>
        <v>1</v>
      </c>
    </row>
    <row r="703" spans="1:4" x14ac:dyDescent="0.25">
      <c r="A703" s="7">
        <f t="shared" si="33"/>
        <v>44590.958333331648</v>
      </c>
      <c r="B703" s="8">
        <v>-4.9800999999999998E-2</v>
      </c>
      <c r="C703">
        <f t="shared" si="31"/>
        <v>23</v>
      </c>
      <c r="D703">
        <f t="shared" si="32"/>
        <v>1</v>
      </c>
    </row>
    <row r="704" spans="1:4" x14ac:dyDescent="0.25">
      <c r="A704" s="7">
        <f t="shared" si="33"/>
        <v>44590.999999998312</v>
      </c>
      <c r="B704" s="8">
        <v>-4.9800999999999998E-2</v>
      </c>
      <c r="C704">
        <f t="shared" si="31"/>
        <v>0</v>
      </c>
      <c r="D704">
        <f t="shared" si="32"/>
        <v>1</v>
      </c>
    </row>
    <row r="705" spans="1:4" x14ac:dyDescent="0.25">
      <c r="A705" s="7">
        <f t="shared" si="33"/>
        <v>44591.041666664976</v>
      </c>
      <c r="B705" s="8">
        <v>-4.9800999999999998E-2</v>
      </c>
      <c r="C705">
        <f t="shared" si="31"/>
        <v>1</v>
      </c>
      <c r="D705">
        <f t="shared" si="32"/>
        <v>1</v>
      </c>
    </row>
    <row r="706" spans="1:4" x14ac:dyDescent="0.25">
      <c r="A706" s="7">
        <f t="shared" si="33"/>
        <v>44591.08333333164</v>
      </c>
      <c r="B706" s="8">
        <v>-4.9800999999999998E-2</v>
      </c>
      <c r="C706">
        <f t="shared" si="31"/>
        <v>2</v>
      </c>
      <c r="D706">
        <f t="shared" si="32"/>
        <v>1</v>
      </c>
    </row>
    <row r="707" spans="1:4" x14ac:dyDescent="0.25">
      <c r="A707" s="7">
        <f t="shared" si="33"/>
        <v>44591.124999998305</v>
      </c>
      <c r="B707" s="8">
        <v>-4.9800999999999998E-2</v>
      </c>
      <c r="C707">
        <f t="shared" si="31"/>
        <v>3</v>
      </c>
      <c r="D707">
        <f t="shared" si="32"/>
        <v>1</v>
      </c>
    </row>
    <row r="708" spans="1:4" x14ac:dyDescent="0.25">
      <c r="A708" s="7">
        <f t="shared" si="33"/>
        <v>44591.166666664969</v>
      </c>
      <c r="B708" s="8">
        <v>-4.9800999999999998E-2</v>
      </c>
      <c r="C708">
        <f t="shared" si="31"/>
        <v>4</v>
      </c>
      <c r="D708">
        <f t="shared" si="32"/>
        <v>1</v>
      </c>
    </row>
    <row r="709" spans="1:4" x14ac:dyDescent="0.25">
      <c r="A709" s="7">
        <f t="shared" si="33"/>
        <v>44591.208333331633</v>
      </c>
      <c r="B709" s="8">
        <v>-4.9800999999999998E-2</v>
      </c>
      <c r="C709">
        <f t="shared" si="31"/>
        <v>5</v>
      </c>
      <c r="D709">
        <f t="shared" si="32"/>
        <v>1</v>
      </c>
    </row>
    <row r="710" spans="1:4" x14ac:dyDescent="0.25">
      <c r="A710" s="7">
        <f t="shared" si="33"/>
        <v>44591.249999998297</v>
      </c>
      <c r="B710" s="8">
        <v>-4.9800999999999998E-2</v>
      </c>
      <c r="C710">
        <f t="shared" si="31"/>
        <v>6</v>
      </c>
      <c r="D710">
        <f t="shared" si="32"/>
        <v>1</v>
      </c>
    </row>
    <row r="711" spans="1:4" x14ac:dyDescent="0.25">
      <c r="A711" s="7">
        <f t="shared" si="33"/>
        <v>44591.291666664962</v>
      </c>
      <c r="B711" s="8">
        <v>-4.9800999999999998E-2</v>
      </c>
      <c r="C711">
        <f t="shared" si="31"/>
        <v>7</v>
      </c>
      <c r="D711">
        <f t="shared" si="32"/>
        <v>1</v>
      </c>
    </row>
    <row r="712" spans="1:4" x14ac:dyDescent="0.25">
      <c r="A712" s="7">
        <f t="shared" si="33"/>
        <v>44591.333333331626</v>
      </c>
      <c r="B712" s="8">
        <v>-4.9800999999999998E-2</v>
      </c>
      <c r="C712">
        <f t="shared" si="31"/>
        <v>8</v>
      </c>
      <c r="D712">
        <f t="shared" si="32"/>
        <v>1</v>
      </c>
    </row>
    <row r="713" spans="1:4" x14ac:dyDescent="0.25">
      <c r="A713" s="7">
        <f t="shared" si="33"/>
        <v>44591.37499999829</v>
      </c>
      <c r="B713" s="8">
        <v>1.6959626183278016</v>
      </c>
      <c r="C713">
        <f t="shared" si="31"/>
        <v>9</v>
      </c>
      <c r="D713">
        <f t="shared" si="32"/>
        <v>1</v>
      </c>
    </row>
    <row r="714" spans="1:4" x14ac:dyDescent="0.25">
      <c r="A714" s="7">
        <f t="shared" si="33"/>
        <v>44591.416666664954</v>
      </c>
      <c r="B714" s="8">
        <v>2.2712584767695496</v>
      </c>
      <c r="C714">
        <f t="shared" ref="C714:C777" si="34">HOUR(A714)</f>
        <v>10</v>
      </c>
      <c r="D714">
        <f t="shared" ref="D714:D777" si="35">MONTH(A714)</f>
        <v>1</v>
      </c>
    </row>
    <row r="715" spans="1:4" x14ac:dyDescent="0.25">
      <c r="A715" s="7">
        <f t="shared" ref="A715:A778" si="36">+A714+1/24</f>
        <v>44591.458333331619</v>
      </c>
      <c r="B715" s="8">
        <v>3.8155031296561552</v>
      </c>
      <c r="C715">
        <f t="shared" si="34"/>
        <v>11</v>
      </c>
      <c r="D715">
        <f t="shared" si="35"/>
        <v>1</v>
      </c>
    </row>
    <row r="716" spans="1:4" x14ac:dyDescent="0.25">
      <c r="A716" s="7">
        <f t="shared" si="36"/>
        <v>44591.499999998283</v>
      </c>
      <c r="B716" s="8">
        <v>4.6104345271074791</v>
      </c>
      <c r="C716">
        <f t="shared" si="34"/>
        <v>12</v>
      </c>
      <c r="D716">
        <f t="shared" si="35"/>
        <v>1</v>
      </c>
    </row>
    <row r="717" spans="1:4" x14ac:dyDescent="0.25">
      <c r="A717" s="7">
        <f t="shared" si="36"/>
        <v>44591.541666664947</v>
      </c>
      <c r="B717" s="8">
        <v>7.4857007846562809</v>
      </c>
      <c r="C717">
        <f t="shared" si="34"/>
        <v>13</v>
      </c>
      <c r="D717">
        <f t="shared" si="35"/>
        <v>1</v>
      </c>
    </row>
    <row r="718" spans="1:4" x14ac:dyDescent="0.25">
      <c r="A718" s="7">
        <f t="shared" si="36"/>
        <v>44591.583333331611</v>
      </c>
      <c r="B718" s="8">
        <v>20.45120577287172</v>
      </c>
      <c r="C718">
        <f t="shared" si="34"/>
        <v>14</v>
      </c>
      <c r="D718">
        <f t="shared" si="35"/>
        <v>1</v>
      </c>
    </row>
    <row r="719" spans="1:4" x14ac:dyDescent="0.25">
      <c r="A719" s="7">
        <f t="shared" si="36"/>
        <v>44591.624999998276</v>
      </c>
      <c r="B719" s="8">
        <v>20.425247655641574</v>
      </c>
      <c r="C719">
        <f t="shared" si="34"/>
        <v>15</v>
      </c>
      <c r="D719">
        <f t="shared" si="35"/>
        <v>1</v>
      </c>
    </row>
    <row r="720" spans="1:4" x14ac:dyDescent="0.25">
      <c r="A720" s="7">
        <f t="shared" si="36"/>
        <v>44591.66666666494</v>
      </c>
      <c r="B720" s="8">
        <v>16.178961598738788</v>
      </c>
      <c r="C720">
        <f t="shared" si="34"/>
        <v>16</v>
      </c>
      <c r="D720">
        <f t="shared" si="35"/>
        <v>1</v>
      </c>
    </row>
    <row r="721" spans="1:4" x14ac:dyDescent="0.25">
      <c r="A721" s="7">
        <f t="shared" si="36"/>
        <v>44591.708333331604</v>
      </c>
      <c r="B721" s="8">
        <v>8.2989905392847465</v>
      </c>
      <c r="C721">
        <f t="shared" si="34"/>
        <v>17</v>
      </c>
      <c r="D721">
        <f t="shared" si="35"/>
        <v>1</v>
      </c>
    </row>
    <row r="722" spans="1:4" x14ac:dyDescent="0.25">
      <c r="A722" s="7">
        <f t="shared" si="36"/>
        <v>44591.749999998268</v>
      </c>
      <c r="B722" s="8">
        <v>1.2321927748868897</v>
      </c>
      <c r="C722">
        <f t="shared" si="34"/>
        <v>18</v>
      </c>
      <c r="D722">
        <f t="shared" si="35"/>
        <v>1</v>
      </c>
    </row>
    <row r="723" spans="1:4" x14ac:dyDescent="0.25">
      <c r="A723" s="7">
        <f t="shared" si="36"/>
        <v>44591.791666664933</v>
      </c>
      <c r="B723" s="8">
        <v>-4.9800999999999998E-2</v>
      </c>
      <c r="C723">
        <f t="shared" si="34"/>
        <v>19</v>
      </c>
      <c r="D723">
        <f t="shared" si="35"/>
        <v>1</v>
      </c>
    </row>
    <row r="724" spans="1:4" x14ac:dyDescent="0.25">
      <c r="A724" s="7">
        <f t="shared" si="36"/>
        <v>44591.833333331597</v>
      </c>
      <c r="B724" s="8">
        <v>-4.9800999999999998E-2</v>
      </c>
      <c r="C724">
        <f t="shared" si="34"/>
        <v>20</v>
      </c>
      <c r="D724">
        <f t="shared" si="35"/>
        <v>1</v>
      </c>
    </row>
    <row r="725" spans="1:4" x14ac:dyDescent="0.25">
      <c r="A725" s="7">
        <f t="shared" si="36"/>
        <v>44591.874999998261</v>
      </c>
      <c r="B725" s="8">
        <v>-4.9800999999999998E-2</v>
      </c>
      <c r="C725">
        <f t="shared" si="34"/>
        <v>21</v>
      </c>
      <c r="D725">
        <f t="shared" si="35"/>
        <v>1</v>
      </c>
    </row>
    <row r="726" spans="1:4" x14ac:dyDescent="0.25">
      <c r="A726" s="7">
        <f t="shared" si="36"/>
        <v>44591.916666664925</v>
      </c>
      <c r="B726" s="8">
        <v>-4.9800999999999998E-2</v>
      </c>
      <c r="C726">
        <f t="shared" si="34"/>
        <v>22</v>
      </c>
      <c r="D726">
        <f t="shared" si="35"/>
        <v>1</v>
      </c>
    </row>
    <row r="727" spans="1:4" x14ac:dyDescent="0.25">
      <c r="A727" s="7">
        <f t="shared" si="36"/>
        <v>44591.95833333159</v>
      </c>
      <c r="B727" s="8">
        <v>-4.9800999999999998E-2</v>
      </c>
      <c r="C727">
        <f t="shared" si="34"/>
        <v>23</v>
      </c>
      <c r="D727">
        <f t="shared" si="35"/>
        <v>1</v>
      </c>
    </row>
    <row r="728" spans="1:4" x14ac:dyDescent="0.25">
      <c r="A728" s="7">
        <f t="shared" si="36"/>
        <v>44591.999999998254</v>
      </c>
      <c r="B728" s="8">
        <v>-4.9800999999999998E-2</v>
      </c>
      <c r="C728">
        <f t="shared" si="34"/>
        <v>0</v>
      </c>
      <c r="D728">
        <f t="shared" si="35"/>
        <v>1</v>
      </c>
    </row>
    <row r="729" spans="1:4" x14ac:dyDescent="0.25">
      <c r="A729" s="7">
        <f t="shared" si="36"/>
        <v>44592.041666664918</v>
      </c>
      <c r="B729" s="8">
        <v>-4.9800999999999998E-2</v>
      </c>
      <c r="C729">
        <f t="shared" si="34"/>
        <v>1</v>
      </c>
      <c r="D729">
        <f t="shared" si="35"/>
        <v>1</v>
      </c>
    </row>
    <row r="730" spans="1:4" x14ac:dyDescent="0.25">
      <c r="A730" s="7">
        <f t="shared" si="36"/>
        <v>44592.083333331582</v>
      </c>
      <c r="B730" s="8">
        <v>-4.9800999999999998E-2</v>
      </c>
      <c r="C730">
        <f t="shared" si="34"/>
        <v>2</v>
      </c>
      <c r="D730">
        <f t="shared" si="35"/>
        <v>1</v>
      </c>
    </row>
    <row r="731" spans="1:4" x14ac:dyDescent="0.25">
      <c r="A731" s="7">
        <f t="shared" si="36"/>
        <v>44592.124999998246</v>
      </c>
      <c r="B731" s="8">
        <v>-4.9800999999999998E-2</v>
      </c>
      <c r="C731">
        <f t="shared" si="34"/>
        <v>3</v>
      </c>
      <c r="D731">
        <f t="shared" si="35"/>
        <v>1</v>
      </c>
    </row>
    <row r="732" spans="1:4" x14ac:dyDescent="0.25">
      <c r="A732" s="7">
        <f t="shared" si="36"/>
        <v>44592.166666664911</v>
      </c>
      <c r="B732" s="8">
        <v>-4.9800999999999998E-2</v>
      </c>
      <c r="C732">
        <f t="shared" si="34"/>
        <v>4</v>
      </c>
      <c r="D732">
        <f t="shared" si="35"/>
        <v>1</v>
      </c>
    </row>
    <row r="733" spans="1:4" x14ac:dyDescent="0.25">
      <c r="A733" s="7">
        <f t="shared" si="36"/>
        <v>44592.208333331575</v>
      </c>
      <c r="B733" s="8">
        <v>-4.9800999999999998E-2</v>
      </c>
      <c r="C733">
        <f t="shared" si="34"/>
        <v>5</v>
      </c>
      <c r="D733">
        <f t="shared" si="35"/>
        <v>1</v>
      </c>
    </row>
    <row r="734" spans="1:4" x14ac:dyDescent="0.25">
      <c r="A734" s="7">
        <f t="shared" si="36"/>
        <v>44592.249999998239</v>
      </c>
      <c r="B734" s="8">
        <v>-4.9800999999999998E-2</v>
      </c>
      <c r="C734">
        <f t="shared" si="34"/>
        <v>6</v>
      </c>
      <c r="D734">
        <f t="shared" si="35"/>
        <v>1</v>
      </c>
    </row>
    <row r="735" spans="1:4" x14ac:dyDescent="0.25">
      <c r="A735" s="7">
        <f t="shared" si="36"/>
        <v>44592.291666664903</v>
      </c>
      <c r="B735" s="8">
        <v>-4.9800999999999998E-2</v>
      </c>
      <c r="C735">
        <f t="shared" si="34"/>
        <v>7</v>
      </c>
      <c r="D735">
        <f t="shared" si="35"/>
        <v>1</v>
      </c>
    </row>
    <row r="736" spans="1:4" x14ac:dyDescent="0.25">
      <c r="A736" s="7">
        <f t="shared" si="36"/>
        <v>44592.333333331568</v>
      </c>
      <c r="B736" s="8">
        <v>-4.9800999999999998E-2</v>
      </c>
      <c r="C736">
        <f t="shared" si="34"/>
        <v>8</v>
      </c>
      <c r="D736">
        <f t="shared" si="35"/>
        <v>1</v>
      </c>
    </row>
    <row r="737" spans="1:4" x14ac:dyDescent="0.25">
      <c r="A737" s="7">
        <f t="shared" si="36"/>
        <v>44592.374999998232</v>
      </c>
      <c r="B737" s="8">
        <v>4.8910165551996005</v>
      </c>
      <c r="C737">
        <f t="shared" si="34"/>
        <v>9</v>
      </c>
      <c r="D737">
        <f t="shared" si="35"/>
        <v>1</v>
      </c>
    </row>
    <row r="738" spans="1:4" x14ac:dyDescent="0.25">
      <c r="A738" s="7">
        <f t="shared" si="36"/>
        <v>44592.416666664896</v>
      </c>
      <c r="B738" s="8">
        <v>13.682984586406713</v>
      </c>
      <c r="C738">
        <f t="shared" si="34"/>
        <v>10</v>
      </c>
      <c r="D738">
        <f t="shared" si="35"/>
        <v>1</v>
      </c>
    </row>
    <row r="739" spans="1:4" x14ac:dyDescent="0.25">
      <c r="A739" s="7">
        <f t="shared" si="36"/>
        <v>44592.45833333156</v>
      </c>
      <c r="B739" s="8">
        <v>19.404402208434412</v>
      </c>
      <c r="C739">
        <f t="shared" si="34"/>
        <v>11</v>
      </c>
      <c r="D739">
        <f t="shared" si="35"/>
        <v>1</v>
      </c>
    </row>
    <row r="740" spans="1:4" x14ac:dyDescent="0.25">
      <c r="A740" s="7">
        <f t="shared" si="36"/>
        <v>44592.499999998225</v>
      </c>
      <c r="B740" s="8">
        <v>20.451186191173726</v>
      </c>
      <c r="C740">
        <f t="shared" si="34"/>
        <v>12</v>
      </c>
      <c r="D740">
        <f t="shared" si="35"/>
        <v>1</v>
      </c>
    </row>
    <row r="741" spans="1:4" x14ac:dyDescent="0.25">
      <c r="A741" s="7">
        <f t="shared" si="36"/>
        <v>44592.541666664889</v>
      </c>
      <c r="B741" s="8">
        <v>20.45124493626771</v>
      </c>
      <c r="C741">
        <f t="shared" si="34"/>
        <v>13</v>
      </c>
      <c r="D741">
        <f t="shared" si="35"/>
        <v>1</v>
      </c>
    </row>
    <row r="742" spans="1:4" x14ac:dyDescent="0.25">
      <c r="A742" s="7">
        <f t="shared" si="36"/>
        <v>44592.583333331553</v>
      </c>
      <c r="B742" s="8">
        <v>20.451195466714882</v>
      </c>
      <c r="C742">
        <f t="shared" si="34"/>
        <v>14</v>
      </c>
      <c r="D742">
        <f t="shared" si="35"/>
        <v>1</v>
      </c>
    </row>
    <row r="743" spans="1:4" x14ac:dyDescent="0.25">
      <c r="A743" s="7">
        <f t="shared" si="36"/>
        <v>44592.624999998217</v>
      </c>
      <c r="B743" s="8">
        <v>15.277343957538175</v>
      </c>
      <c r="C743">
        <f t="shared" si="34"/>
        <v>15</v>
      </c>
      <c r="D743">
        <f t="shared" si="35"/>
        <v>1</v>
      </c>
    </row>
    <row r="744" spans="1:4" x14ac:dyDescent="0.25">
      <c r="A744" s="7">
        <f t="shared" si="36"/>
        <v>44592.666666664882</v>
      </c>
      <c r="B744" s="8">
        <v>11.936746473787368</v>
      </c>
      <c r="C744">
        <f t="shared" si="34"/>
        <v>16</v>
      </c>
      <c r="D744">
        <f t="shared" si="35"/>
        <v>1</v>
      </c>
    </row>
    <row r="745" spans="1:4" x14ac:dyDescent="0.25">
      <c r="A745" s="7">
        <f t="shared" si="36"/>
        <v>44592.708333331546</v>
      </c>
      <c r="B745" s="8">
        <v>4.7655009629056346</v>
      </c>
      <c r="C745">
        <f t="shared" si="34"/>
        <v>17</v>
      </c>
      <c r="D745">
        <f t="shared" si="35"/>
        <v>1</v>
      </c>
    </row>
    <row r="746" spans="1:4" x14ac:dyDescent="0.25">
      <c r="A746" s="7">
        <f t="shared" si="36"/>
        <v>44592.74999999821</v>
      </c>
      <c r="B746" s="8">
        <v>1.3218460332285193</v>
      </c>
      <c r="C746">
        <f t="shared" si="34"/>
        <v>18</v>
      </c>
      <c r="D746">
        <f t="shared" si="35"/>
        <v>1</v>
      </c>
    </row>
    <row r="747" spans="1:4" x14ac:dyDescent="0.25">
      <c r="A747" s="7">
        <f t="shared" si="36"/>
        <v>44592.791666664874</v>
      </c>
      <c r="B747" s="8">
        <v>-4.9800999999999998E-2</v>
      </c>
      <c r="C747">
        <f t="shared" si="34"/>
        <v>19</v>
      </c>
      <c r="D747">
        <f t="shared" si="35"/>
        <v>1</v>
      </c>
    </row>
    <row r="748" spans="1:4" x14ac:dyDescent="0.25">
      <c r="A748" s="7">
        <f t="shared" si="36"/>
        <v>44592.833333331539</v>
      </c>
      <c r="B748" s="8">
        <v>-4.9800999999999998E-2</v>
      </c>
      <c r="C748">
        <f t="shared" si="34"/>
        <v>20</v>
      </c>
      <c r="D748">
        <f t="shared" si="35"/>
        <v>1</v>
      </c>
    </row>
    <row r="749" spans="1:4" x14ac:dyDescent="0.25">
      <c r="A749" s="7">
        <f t="shared" si="36"/>
        <v>44592.874999998203</v>
      </c>
      <c r="B749" s="8">
        <v>-4.9800999999999998E-2</v>
      </c>
      <c r="C749">
        <f t="shared" si="34"/>
        <v>21</v>
      </c>
      <c r="D749">
        <f t="shared" si="35"/>
        <v>1</v>
      </c>
    </row>
    <row r="750" spans="1:4" x14ac:dyDescent="0.25">
      <c r="A750" s="7">
        <f t="shared" si="36"/>
        <v>44592.916666664867</v>
      </c>
      <c r="B750" s="8">
        <v>-4.9800999999999998E-2</v>
      </c>
      <c r="C750">
        <f t="shared" si="34"/>
        <v>22</v>
      </c>
      <c r="D750">
        <f t="shared" si="35"/>
        <v>1</v>
      </c>
    </row>
    <row r="751" spans="1:4" x14ac:dyDescent="0.25">
      <c r="A751" s="7">
        <f t="shared" si="36"/>
        <v>44592.958333331531</v>
      </c>
      <c r="B751" s="8">
        <v>-4.9800999999999998E-2</v>
      </c>
      <c r="C751">
        <f t="shared" si="34"/>
        <v>23</v>
      </c>
      <c r="D751">
        <f t="shared" si="35"/>
        <v>1</v>
      </c>
    </row>
    <row r="752" spans="1:4" x14ac:dyDescent="0.25">
      <c r="A752" s="7">
        <f t="shared" si="36"/>
        <v>44592.999999998196</v>
      </c>
      <c r="B752" s="8">
        <v>-4.9800999999999998E-2</v>
      </c>
      <c r="C752">
        <f t="shared" si="34"/>
        <v>0</v>
      </c>
      <c r="D752">
        <f t="shared" si="35"/>
        <v>2</v>
      </c>
    </row>
    <row r="753" spans="1:4" x14ac:dyDescent="0.25">
      <c r="A753" s="7">
        <f t="shared" si="36"/>
        <v>44593.04166666486</v>
      </c>
      <c r="B753" s="8">
        <v>-4.9800999999999998E-2</v>
      </c>
      <c r="C753">
        <f t="shared" si="34"/>
        <v>1</v>
      </c>
      <c r="D753">
        <f t="shared" si="35"/>
        <v>2</v>
      </c>
    </row>
    <row r="754" spans="1:4" x14ac:dyDescent="0.25">
      <c r="A754" s="7">
        <f t="shared" si="36"/>
        <v>44593.083333331524</v>
      </c>
      <c r="B754" s="8">
        <v>-4.9800999999999998E-2</v>
      </c>
      <c r="C754">
        <f t="shared" si="34"/>
        <v>2</v>
      </c>
      <c r="D754">
        <f t="shared" si="35"/>
        <v>2</v>
      </c>
    </row>
    <row r="755" spans="1:4" x14ac:dyDescent="0.25">
      <c r="A755" s="7">
        <f t="shared" si="36"/>
        <v>44593.124999998188</v>
      </c>
      <c r="B755" s="8">
        <v>-4.9800999999999998E-2</v>
      </c>
      <c r="C755">
        <f t="shared" si="34"/>
        <v>3</v>
      </c>
      <c r="D755">
        <f t="shared" si="35"/>
        <v>2</v>
      </c>
    </row>
    <row r="756" spans="1:4" x14ac:dyDescent="0.25">
      <c r="A756" s="7">
        <f t="shared" si="36"/>
        <v>44593.166666664853</v>
      </c>
      <c r="B756" s="8">
        <v>-4.9800999999999998E-2</v>
      </c>
      <c r="C756">
        <f t="shared" si="34"/>
        <v>4</v>
      </c>
      <c r="D756">
        <f t="shared" si="35"/>
        <v>2</v>
      </c>
    </row>
    <row r="757" spans="1:4" x14ac:dyDescent="0.25">
      <c r="A757" s="7">
        <f t="shared" si="36"/>
        <v>44593.208333331517</v>
      </c>
      <c r="B757" s="8">
        <v>-4.9800999999999998E-2</v>
      </c>
      <c r="C757">
        <f t="shared" si="34"/>
        <v>5</v>
      </c>
      <c r="D757">
        <f t="shared" si="35"/>
        <v>2</v>
      </c>
    </row>
    <row r="758" spans="1:4" x14ac:dyDescent="0.25">
      <c r="A758" s="7">
        <f t="shared" si="36"/>
        <v>44593.249999998181</v>
      </c>
      <c r="B758" s="8">
        <v>-4.9800999999999998E-2</v>
      </c>
      <c r="C758">
        <f t="shared" si="34"/>
        <v>6</v>
      </c>
      <c r="D758">
        <f t="shared" si="35"/>
        <v>2</v>
      </c>
    </row>
    <row r="759" spans="1:4" x14ac:dyDescent="0.25">
      <c r="A759" s="7">
        <f t="shared" si="36"/>
        <v>44593.291666664845</v>
      </c>
      <c r="B759" s="8">
        <v>-4.9800999999999998E-2</v>
      </c>
      <c r="C759">
        <f t="shared" si="34"/>
        <v>7</v>
      </c>
      <c r="D759">
        <f t="shared" si="35"/>
        <v>2</v>
      </c>
    </row>
    <row r="760" spans="1:4" x14ac:dyDescent="0.25">
      <c r="A760" s="7">
        <f t="shared" si="36"/>
        <v>44593.333333331509</v>
      </c>
      <c r="B760" s="8">
        <v>-4.9800999999999998E-2</v>
      </c>
      <c r="C760">
        <f t="shared" si="34"/>
        <v>8</v>
      </c>
      <c r="D760">
        <f t="shared" si="35"/>
        <v>2</v>
      </c>
    </row>
    <row r="761" spans="1:4" x14ac:dyDescent="0.25">
      <c r="A761" s="7">
        <f t="shared" si="36"/>
        <v>44593.374999998174</v>
      </c>
      <c r="B761" s="8">
        <v>2.902815645394877</v>
      </c>
      <c r="C761">
        <f t="shared" si="34"/>
        <v>9</v>
      </c>
      <c r="D761">
        <f t="shared" si="35"/>
        <v>2</v>
      </c>
    </row>
    <row r="762" spans="1:4" x14ac:dyDescent="0.25">
      <c r="A762" s="7">
        <f t="shared" si="36"/>
        <v>44593.416666664838</v>
      </c>
      <c r="B762" s="8">
        <v>1.0428006531210787</v>
      </c>
      <c r="C762">
        <f t="shared" si="34"/>
        <v>10</v>
      </c>
      <c r="D762">
        <f t="shared" si="35"/>
        <v>2</v>
      </c>
    </row>
    <row r="763" spans="1:4" x14ac:dyDescent="0.25">
      <c r="A763" s="7">
        <f t="shared" si="36"/>
        <v>44593.458333331502</v>
      </c>
      <c r="B763" s="8">
        <v>2.2863508128444412</v>
      </c>
      <c r="C763">
        <f t="shared" si="34"/>
        <v>11</v>
      </c>
      <c r="D763">
        <f t="shared" si="35"/>
        <v>2</v>
      </c>
    </row>
    <row r="764" spans="1:4" x14ac:dyDescent="0.25">
      <c r="A764" s="7">
        <f t="shared" si="36"/>
        <v>44593.499999998166</v>
      </c>
      <c r="B764" s="8">
        <v>2.0920818176624607</v>
      </c>
      <c r="C764">
        <f t="shared" si="34"/>
        <v>12</v>
      </c>
      <c r="D764">
        <f t="shared" si="35"/>
        <v>2</v>
      </c>
    </row>
    <row r="765" spans="1:4" x14ac:dyDescent="0.25">
      <c r="A765" s="7">
        <f t="shared" si="36"/>
        <v>44593.541666664831</v>
      </c>
      <c r="B765" s="8">
        <v>4.1399924777290611</v>
      </c>
      <c r="C765">
        <f t="shared" si="34"/>
        <v>13</v>
      </c>
      <c r="D765">
        <f t="shared" si="35"/>
        <v>2</v>
      </c>
    </row>
    <row r="766" spans="1:4" x14ac:dyDescent="0.25">
      <c r="A766" s="7">
        <f t="shared" si="36"/>
        <v>44593.583333331495</v>
      </c>
      <c r="B766" s="8">
        <v>3.5081982674964389</v>
      </c>
      <c r="C766">
        <f t="shared" si="34"/>
        <v>14</v>
      </c>
      <c r="D766">
        <f t="shared" si="35"/>
        <v>2</v>
      </c>
    </row>
    <row r="767" spans="1:4" x14ac:dyDescent="0.25">
      <c r="A767" s="7">
        <f t="shared" si="36"/>
        <v>44593.624999998159</v>
      </c>
      <c r="B767" s="8">
        <v>2.4745154713307387</v>
      </c>
      <c r="C767">
        <f t="shared" si="34"/>
        <v>15</v>
      </c>
      <c r="D767">
        <f t="shared" si="35"/>
        <v>2</v>
      </c>
    </row>
    <row r="768" spans="1:4" x14ac:dyDescent="0.25">
      <c r="A768" s="7">
        <f t="shared" si="36"/>
        <v>44593.666666664823</v>
      </c>
      <c r="B768" s="8">
        <v>1.4218961425892356</v>
      </c>
      <c r="C768">
        <f t="shared" si="34"/>
        <v>16</v>
      </c>
      <c r="D768">
        <f t="shared" si="35"/>
        <v>2</v>
      </c>
    </row>
    <row r="769" spans="1:4" x14ac:dyDescent="0.25">
      <c r="A769" s="7">
        <f t="shared" si="36"/>
        <v>44593.708333331488</v>
      </c>
      <c r="B769" s="8">
        <v>0.99704028614065932</v>
      </c>
      <c r="C769">
        <f t="shared" si="34"/>
        <v>17</v>
      </c>
      <c r="D769">
        <f t="shared" si="35"/>
        <v>2</v>
      </c>
    </row>
    <row r="770" spans="1:4" x14ac:dyDescent="0.25">
      <c r="A770" s="7">
        <f t="shared" si="36"/>
        <v>44593.749999998152</v>
      </c>
      <c r="B770" s="8">
        <v>0.26554225341710797</v>
      </c>
      <c r="C770">
        <f t="shared" si="34"/>
        <v>18</v>
      </c>
      <c r="D770">
        <f t="shared" si="35"/>
        <v>2</v>
      </c>
    </row>
    <row r="771" spans="1:4" x14ac:dyDescent="0.25">
      <c r="A771" s="7">
        <f t="shared" si="36"/>
        <v>44593.791666664816</v>
      </c>
      <c r="B771" s="8">
        <v>-4.9800999999999998E-2</v>
      </c>
      <c r="C771">
        <f t="shared" si="34"/>
        <v>19</v>
      </c>
      <c r="D771">
        <f t="shared" si="35"/>
        <v>2</v>
      </c>
    </row>
    <row r="772" spans="1:4" x14ac:dyDescent="0.25">
      <c r="A772" s="7">
        <f t="shared" si="36"/>
        <v>44593.83333333148</v>
      </c>
      <c r="B772" s="8">
        <v>-4.9800999999999998E-2</v>
      </c>
      <c r="C772">
        <f t="shared" si="34"/>
        <v>20</v>
      </c>
      <c r="D772">
        <f t="shared" si="35"/>
        <v>2</v>
      </c>
    </row>
    <row r="773" spans="1:4" x14ac:dyDescent="0.25">
      <c r="A773" s="7">
        <f t="shared" si="36"/>
        <v>44593.874999998145</v>
      </c>
      <c r="B773" s="8">
        <v>-4.9800999999999998E-2</v>
      </c>
      <c r="C773">
        <f t="shared" si="34"/>
        <v>21</v>
      </c>
      <c r="D773">
        <f t="shared" si="35"/>
        <v>2</v>
      </c>
    </row>
    <row r="774" spans="1:4" x14ac:dyDescent="0.25">
      <c r="A774" s="7">
        <f t="shared" si="36"/>
        <v>44593.916666664809</v>
      </c>
      <c r="B774" s="8">
        <v>-4.9800999999999998E-2</v>
      </c>
      <c r="C774">
        <f t="shared" si="34"/>
        <v>22</v>
      </c>
      <c r="D774">
        <f t="shared" si="35"/>
        <v>2</v>
      </c>
    </row>
    <row r="775" spans="1:4" x14ac:dyDescent="0.25">
      <c r="A775" s="7">
        <f t="shared" si="36"/>
        <v>44593.958333331473</v>
      </c>
      <c r="B775" s="8">
        <v>-4.9800999999999998E-2</v>
      </c>
      <c r="C775">
        <f t="shared" si="34"/>
        <v>23</v>
      </c>
      <c r="D775">
        <f t="shared" si="35"/>
        <v>2</v>
      </c>
    </row>
    <row r="776" spans="1:4" x14ac:dyDescent="0.25">
      <c r="A776" s="7">
        <f t="shared" si="36"/>
        <v>44593.999999998137</v>
      </c>
      <c r="B776" s="8">
        <v>-4.9800999999999998E-2</v>
      </c>
      <c r="C776">
        <f t="shared" si="34"/>
        <v>0</v>
      </c>
      <c r="D776">
        <f t="shared" si="35"/>
        <v>2</v>
      </c>
    </row>
    <row r="777" spans="1:4" x14ac:dyDescent="0.25">
      <c r="A777" s="7">
        <f t="shared" si="36"/>
        <v>44594.041666664802</v>
      </c>
      <c r="B777" s="8">
        <v>-4.9800999999999998E-2</v>
      </c>
      <c r="C777">
        <f t="shared" si="34"/>
        <v>1</v>
      </c>
      <c r="D777">
        <f t="shared" si="35"/>
        <v>2</v>
      </c>
    </row>
    <row r="778" spans="1:4" x14ac:dyDescent="0.25">
      <c r="A778" s="7">
        <f t="shared" si="36"/>
        <v>44594.083333331466</v>
      </c>
      <c r="B778" s="8">
        <v>-4.9800999999999998E-2</v>
      </c>
      <c r="C778">
        <f t="shared" ref="C778:C841" si="37">HOUR(A778)</f>
        <v>2</v>
      </c>
      <c r="D778">
        <f t="shared" ref="D778:D841" si="38">MONTH(A778)</f>
        <v>2</v>
      </c>
    </row>
    <row r="779" spans="1:4" x14ac:dyDescent="0.25">
      <c r="A779" s="7">
        <f t="shared" ref="A779:A842" si="39">+A778+1/24</f>
        <v>44594.12499999813</v>
      </c>
      <c r="B779" s="8">
        <v>-4.9800999999999998E-2</v>
      </c>
      <c r="C779">
        <f t="shared" si="37"/>
        <v>3</v>
      </c>
      <c r="D779">
        <f t="shared" si="38"/>
        <v>2</v>
      </c>
    </row>
    <row r="780" spans="1:4" x14ac:dyDescent="0.25">
      <c r="A780" s="7">
        <f t="shared" si="39"/>
        <v>44594.166666664794</v>
      </c>
      <c r="B780" s="8">
        <v>-4.9800999999999998E-2</v>
      </c>
      <c r="C780">
        <f t="shared" si="37"/>
        <v>4</v>
      </c>
      <c r="D780">
        <f t="shared" si="38"/>
        <v>2</v>
      </c>
    </row>
    <row r="781" spans="1:4" x14ac:dyDescent="0.25">
      <c r="A781" s="7">
        <f t="shared" si="39"/>
        <v>44594.208333331459</v>
      </c>
      <c r="B781" s="8">
        <v>-4.9800999999999998E-2</v>
      </c>
      <c r="C781">
        <f t="shared" si="37"/>
        <v>5</v>
      </c>
      <c r="D781">
        <f t="shared" si="38"/>
        <v>2</v>
      </c>
    </row>
    <row r="782" spans="1:4" x14ac:dyDescent="0.25">
      <c r="A782" s="7">
        <f t="shared" si="39"/>
        <v>44594.249999998123</v>
      </c>
      <c r="B782" s="8">
        <v>-4.9800999999999998E-2</v>
      </c>
      <c r="C782">
        <f t="shared" si="37"/>
        <v>6</v>
      </c>
      <c r="D782">
        <f t="shared" si="38"/>
        <v>2</v>
      </c>
    </row>
    <row r="783" spans="1:4" x14ac:dyDescent="0.25">
      <c r="A783" s="7">
        <f t="shared" si="39"/>
        <v>44594.291666664787</v>
      </c>
      <c r="B783" s="8">
        <v>-4.9800999999999998E-2</v>
      </c>
      <c r="C783">
        <f t="shared" si="37"/>
        <v>7</v>
      </c>
      <c r="D783">
        <f t="shared" si="38"/>
        <v>2</v>
      </c>
    </row>
    <row r="784" spans="1:4" x14ac:dyDescent="0.25">
      <c r="A784" s="7">
        <f t="shared" si="39"/>
        <v>44594.333333331451</v>
      </c>
      <c r="B784" s="8">
        <v>-4.9800999999999998E-2</v>
      </c>
      <c r="C784">
        <f t="shared" si="37"/>
        <v>8</v>
      </c>
      <c r="D784">
        <f t="shared" si="38"/>
        <v>2</v>
      </c>
    </row>
    <row r="785" spans="1:4" x14ac:dyDescent="0.25">
      <c r="A785" s="7">
        <f t="shared" si="39"/>
        <v>44594.374999998116</v>
      </c>
      <c r="B785" s="8">
        <v>1.6751091405799623</v>
      </c>
      <c r="C785">
        <f t="shared" si="37"/>
        <v>9</v>
      </c>
      <c r="D785">
        <f t="shared" si="38"/>
        <v>2</v>
      </c>
    </row>
    <row r="786" spans="1:4" x14ac:dyDescent="0.25">
      <c r="A786" s="7">
        <f t="shared" si="39"/>
        <v>44594.41666666478</v>
      </c>
      <c r="B786" s="8">
        <v>8.5785656558537067</v>
      </c>
      <c r="C786">
        <f t="shared" si="37"/>
        <v>10</v>
      </c>
      <c r="D786">
        <f t="shared" si="38"/>
        <v>2</v>
      </c>
    </row>
    <row r="787" spans="1:4" x14ac:dyDescent="0.25">
      <c r="A787" s="7">
        <f t="shared" si="39"/>
        <v>44594.458333331444</v>
      </c>
      <c r="B787" s="8">
        <v>15.291856056983036</v>
      </c>
      <c r="C787">
        <f t="shared" si="37"/>
        <v>11</v>
      </c>
      <c r="D787">
        <f t="shared" si="38"/>
        <v>2</v>
      </c>
    </row>
    <row r="788" spans="1:4" x14ac:dyDescent="0.25">
      <c r="A788" s="7">
        <f t="shared" si="39"/>
        <v>44594.499999998108</v>
      </c>
      <c r="B788" s="8">
        <v>19.84422672707581</v>
      </c>
      <c r="C788">
        <f t="shared" si="37"/>
        <v>12</v>
      </c>
      <c r="D788">
        <f t="shared" si="38"/>
        <v>2</v>
      </c>
    </row>
    <row r="789" spans="1:4" x14ac:dyDescent="0.25">
      <c r="A789" s="7">
        <f t="shared" si="39"/>
        <v>44594.541666664772</v>
      </c>
      <c r="B789" s="8">
        <v>20.451275854738224</v>
      </c>
      <c r="C789">
        <f t="shared" si="37"/>
        <v>13</v>
      </c>
      <c r="D789">
        <f t="shared" si="38"/>
        <v>2</v>
      </c>
    </row>
    <row r="790" spans="1:4" x14ac:dyDescent="0.25">
      <c r="A790" s="7">
        <f t="shared" si="39"/>
        <v>44594.583333331437</v>
      </c>
      <c r="B790" s="8">
        <v>20.451270701659809</v>
      </c>
      <c r="C790">
        <f t="shared" si="37"/>
        <v>14</v>
      </c>
      <c r="D790">
        <f t="shared" si="38"/>
        <v>2</v>
      </c>
    </row>
    <row r="791" spans="1:4" x14ac:dyDescent="0.25">
      <c r="A791" s="7">
        <f t="shared" si="39"/>
        <v>44594.624999998101</v>
      </c>
      <c r="B791" s="8">
        <v>19.122642186615604</v>
      </c>
      <c r="C791">
        <f t="shared" si="37"/>
        <v>15</v>
      </c>
      <c r="D791">
        <f t="shared" si="38"/>
        <v>2</v>
      </c>
    </row>
    <row r="792" spans="1:4" x14ac:dyDescent="0.25">
      <c r="A792" s="7">
        <f t="shared" si="39"/>
        <v>44594.666666664765</v>
      </c>
      <c r="B792" s="8">
        <v>13.258275077385248</v>
      </c>
      <c r="C792">
        <f t="shared" si="37"/>
        <v>16</v>
      </c>
      <c r="D792">
        <f t="shared" si="38"/>
        <v>2</v>
      </c>
    </row>
    <row r="793" spans="1:4" x14ac:dyDescent="0.25">
      <c r="A793" s="7">
        <f t="shared" si="39"/>
        <v>44594.708333331429</v>
      </c>
      <c r="B793" s="8">
        <v>9.323177242539078</v>
      </c>
      <c r="C793">
        <f t="shared" si="37"/>
        <v>17</v>
      </c>
      <c r="D793">
        <f t="shared" si="38"/>
        <v>2</v>
      </c>
    </row>
    <row r="794" spans="1:4" x14ac:dyDescent="0.25">
      <c r="A794" s="7">
        <f t="shared" si="39"/>
        <v>44594.749999998094</v>
      </c>
      <c r="B794" s="8">
        <v>1.5551145565045981</v>
      </c>
      <c r="C794">
        <f t="shared" si="37"/>
        <v>18</v>
      </c>
      <c r="D794">
        <f t="shared" si="38"/>
        <v>2</v>
      </c>
    </row>
    <row r="795" spans="1:4" x14ac:dyDescent="0.25">
      <c r="A795" s="7">
        <f t="shared" si="39"/>
        <v>44594.791666664758</v>
      </c>
      <c r="B795" s="8">
        <v>-4.9800999999999998E-2</v>
      </c>
      <c r="C795">
        <f t="shared" si="37"/>
        <v>19</v>
      </c>
      <c r="D795">
        <f t="shared" si="38"/>
        <v>2</v>
      </c>
    </row>
    <row r="796" spans="1:4" x14ac:dyDescent="0.25">
      <c r="A796" s="7">
        <f t="shared" si="39"/>
        <v>44594.833333331422</v>
      </c>
      <c r="B796" s="8">
        <v>-4.9800999999999998E-2</v>
      </c>
      <c r="C796">
        <f t="shared" si="37"/>
        <v>20</v>
      </c>
      <c r="D796">
        <f t="shared" si="38"/>
        <v>2</v>
      </c>
    </row>
    <row r="797" spans="1:4" x14ac:dyDescent="0.25">
      <c r="A797" s="7">
        <f t="shared" si="39"/>
        <v>44594.874999998086</v>
      </c>
      <c r="B797" s="8">
        <v>-4.9800999999999998E-2</v>
      </c>
      <c r="C797">
        <f t="shared" si="37"/>
        <v>21</v>
      </c>
      <c r="D797">
        <f t="shared" si="38"/>
        <v>2</v>
      </c>
    </row>
    <row r="798" spans="1:4" x14ac:dyDescent="0.25">
      <c r="A798" s="7">
        <f t="shared" si="39"/>
        <v>44594.916666664751</v>
      </c>
      <c r="B798" s="8">
        <v>-4.9800999999999998E-2</v>
      </c>
      <c r="C798">
        <f t="shared" si="37"/>
        <v>22</v>
      </c>
      <c r="D798">
        <f t="shared" si="38"/>
        <v>2</v>
      </c>
    </row>
    <row r="799" spans="1:4" x14ac:dyDescent="0.25">
      <c r="A799" s="7">
        <f t="shared" si="39"/>
        <v>44594.958333331415</v>
      </c>
      <c r="B799" s="8">
        <v>-4.9800999999999998E-2</v>
      </c>
      <c r="C799">
        <f t="shared" si="37"/>
        <v>23</v>
      </c>
      <c r="D799">
        <f t="shared" si="38"/>
        <v>2</v>
      </c>
    </row>
    <row r="800" spans="1:4" x14ac:dyDescent="0.25">
      <c r="A800" s="7">
        <f t="shared" si="39"/>
        <v>44594.999999998079</v>
      </c>
      <c r="B800" s="8">
        <v>-4.9800999999999998E-2</v>
      </c>
      <c r="C800">
        <f t="shared" si="37"/>
        <v>0</v>
      </c>
      <c r="D800">
        <f t="shared" si="38"/>
        <v>2</v>
      </c>
    </row>
    <row r="801" spans="1:4" x14ac:dyDescent="0.25">
      <c r="A801" s="7">
        <f t="shared" si="39"/>
        <v>44595.041666664743</v>
      </c>
      <c r="B801" s="8">
        <v>-4.9800999999999998E-2</v>
      </c>
      <c r="C801">
        <f t="shared" si="37"/>
        <v>1</v>
      </c>
      <c r="D801">
        <f t="shared" si="38"/>
        <v>2</v>
      </c>
    </row>
    <row r="802" spans="1:4" x14ac:dyDescent="0.25">
      <c r="A802" s="7">
        <f t="shared" si="39"/>
        <v>44595.083333331408</v>
      </c>
      <c r="B802" s="8">
        <v>-4.9800999999999998E-2</v>
      </c>
      <c r="C802">
        <f t="shared" si="37"/>
        <v>2</v>
      </c>
      <c r="D802">
        <f t="shared" si="38"/>
        <v>2</v>
      </c>
    </row>
    <row r="803" spans="1:4" x14ac:dyDescent="0.25">
      <c r="A803" s="7">
        <f t="shared" si="39"/>
        <v>44595.124999998072</v>
      </c>
      <c r="B803" s="8">
        <v>-4.9800999999999998E-2</v>
      </c>
      <c r="C803">
        <f t="shared" si="37"/>
        <v>3</v>
      </c>
      <c r="D803">
        <f t="shared" si="38"/>
        <v>2</v>
      </c>
    </row>
    <row r="804" spans="1:4" x14ac:dyDescent="0.25">
      <c r="A804" s="7">
        <f t="shared" si="39"/>
        <v>44595.166666664736</v>
      </c>
      <c r="B804" s="8">
        <v>-4.9800999999999998E-2</v>
      </c>
      <c r="C804">
        <f t="shared" si="37"/>
        <v>4</v>
      </c>
      <c r="D804">
        <f t="shared" si="38"/>
        <v>2</v>
      </c>
    </row>
    <row r="805" spans="1:4" x14ac:dyDescent="0.25">
      <c r="A805" s="7">
        <f t="shared" si="39"/>
        <v>44595.2083333314</v>
      </c>
      <c r="B805" s="8">
        <v>-4.9800999999999998E-2</v>
      </c>
      <c r="C805">
        <f t="shared" si="37"/>
        <v>5</v>
      </c>
      <c r="D805">
        <f t="shared" si="38"/>
        <v>2</v>
      </c>
    </row>
    <row r="806" spans="1:4" x14ac:dyDescent="0.25">
      <c r="A806" s="7">
        <f t="shared" si="39"/>
        <v>44595.249999998065</v>
      </c>
      <c r="B806" s="8">
        <v>-4.9800999999999998E-2</v>
      </c>
      <c r="C806">
        <f t="shared" si="37"/>
        <v>6</v>
      </c>
      <c r="D806">
        <f t="shared" si="38"/>
        <v>2</v>
      </c>
    </row>
    <row r="807" spans="1:4" x14ac:dyDescent="0.25">
      <c r="A807" s="7">
        <f t="shared" si="39"/>
        <v>44595.291666664729</v>
      </c>
      <c r="B807" s="8">
        <v>-4.9800999999999998E-2</v>
      </c>
      <c r="C807">
        <f t="shared" si="37"/>
        <v>7</v>
      </c>
      <c r="D807">
        <f t="shared" si="38"/>
        <v>2</v>
      </c>
    </row>
    <row r="808" spans="1:4" x14ac:dyDescent="0.25">
      <c r="A808" s="7">
        <f t="shared" si="39"/>
        <v>44595.333333331393</v>
      </c>
      <c r="B808" s="8">
        <v>-4.9800999999999998E-2</v>
      </c>
      <c r="C808">
        <f t="shared" si="37"/>
        <v>8</v>
      </c>
      <c r="D808">
        <f t="shared" si="38"/>
        <v>2</v>
      </c>
    </row>
    <row r="809" spans="1:4" x14ac:dyDescent="0.25">
      <c r="A809" s="7">
        <f t="shared" si="39"/>
        <v>44595.374999998057</v>
      </c>
      <c r="B809" s="8">
        <v>4.3508059464845354</v>
      </c>
      <c r="C809">
        <f t="shared" si="37"/>
        <v>9</v>
      </c>
      <c r="D809">
        <f t="shared" si="38"/>
        <v>2</v>
      </c>
    </row>
    <row r="810" spans="1:4" x14ac:dyDescent="0.25">
      <c r="A810" s="7">
        <f t="shared" si="39"/>
        <v>44595.416666664722</v>
      </c>
      <c r="B810" s="8">
        <v>12.697476889768788</v>
      </c>
      <c r="C810">
        <f t="shared" si="37"/>
        <v>10</v>
      </c>
      <c r="D810">
        <f t="shared" si="38"/>
        <v>2</v>
      </c>
    </row>
    <row r="811" spans="1:4" x14ac:dyDescent="0.25">
      <c r="A811" s="7">
        <f t="shared" si="39"/>
        <v>44595.458333331386</v>
      </c>
      <c r="B811" s="8">
        <v>17.922298528207978</v>
      </c>
      <c r="C811">
        <f t="shared" si="37"/>
        <v>11</v>
      </c>
      <c r="D811">
        <f t="shared" si="38"/>
        <v>2</v>
      </c>
    </row>
    <row r="812" spans="1:4" x14ac:dyDescent="0.25">
      <c r="A812" s="7">
        <f t="shared" si="39"/>
        <v>44595.49999999805</v>
      </c>
      <c r="B812" s="8">
        <v>20.451242875036339</v>
      </c>
      <c r="C812">
        <f t="shared" si="37"/>
        <v>12</v>
      </c>
      <c r="D812">
        <f t="shared" si="38"/>
        <v>2</v>
      </c>
    </row>
    <row r="813" spans="1:4" x14ac:dyDescent="0.25">
      <c r="A813" s="7">
        <f t="shared" si="39"/>
        <v>44595.541666664714</v>
      </c>
      <c r="B813" s="8">
        <v>20.451255242424548</v>
      </c>
      <c r="C813">
        <f t="shared" si="37"/>
        <v>13</v>
      </c>
      <c r="D813">
        <f t="shared" si="38"/>
        <v>2</v>
      </c>
    </row>
    <row r="814" spans="1:4" x14ac:dyDescent="0.25">
      <c r="A814" s="7">
        <f t="shared" si="39"/>
        <v>44595.583333331379</v>
      </c>
      <c r="B814" s="8">
        <v>20.451265548581386</v>
      </c>
      <c r="C814">
        <f t="shared" si="37"/>
        <v>14</v>
      </c>
      <c r="D814">
        <f t="shared" si="38"/>
        <v>2</v>
      </c>
    </row>
    <row r="815" spans="1:4" x14ac:dyDescent="0.25">
      <c r="A815" s="7">
        <f t="shared" si="39"/>
        <v>44595.624999998043</v>
      </c>
      <c r="B815" s="8">
        <v>19.487290505426984</v>
      </c>
      <c r="C815">
        <f t="shared" si="37"/>
        <v>15</v>
      </c>
      <c r="D815">
        <f t="shared" si="38"/>
        <v>2</v>
      </c>
    </row>
    <row r="816" spans="1:4" x14ac:dyDescent="0.25">
      <c r="A816" s="7">
        <f t="shared" si="39"/>
        <v>44595.666666664707</v>
      </c>
      <c r="B816" s="8">
        <v>15.417332485881014</v>
      </c>
      <c r="C816">
        <f t="shared" si="37"/>
        <v>16</v>
      </c>
      <c r="D816">
        <f t="shared" si="38"/>
        <v>2</v>
      </c>
    </row>
    <row r="817" spans="1:4" x14ac:dyDescent="0.25">
      <c r="A817" s="7">
        <f t="shared" si="39"/>
        <v>44595.708333331371</v>
      </c>
      <c r="B817" s="8">
        <v>7.6658173652670776</v>
      </c>
      <c r="C817">
        <f t="shared" si="37"/>
        <v>17</v>
      </c>
      <c r="D817">
        <f t="shared" si="38"/>
        <v>2</v>
      </c>
    </row>
    <row r="818" spans="1:4" x14ac:dyDescent="0.25">
      <c r="A818" s="7">
        <f t="shared" si="39"/>
        <v>44595.749999998035</v>
      </c>
      <c r="B818" s="8">
        <v>1.2763010649260329</v>
      </c>
      <c r="C818">
        <f t="shared" si="37"/>
        <v>18</v>
      </c>
      <c r="D818">
        <f t="shared" si="38"/>
        <v>2</v>
      </c>
    </row>
    <row r="819" spans="1:4" x14ac:dyDescent="0.25">
      <c r="A819" s="7">
        <f t="shared" si="39"/>
        <v>44595.7916666647</v>
      </c>
      <c r="B819" s="8">
        <v>-4.9800999999999998E-2</v>
      </c>
      <c r="C819">
        <f t="shared" si="37"/>
        <v>19</v>
      </c>
      <c r="D819">
        <f t="shared" si="38"/>
        <v>2</v>
      </c>
    </row>
    <row r="820" spans="1:4" x14ac:dyDescent="0.25">
      <c r="A820" s="7">
        <f t="shared" si="39"/>
        <v>44595.833333331364</v>
      </c>
      <c r="B820" s="8">
        <v>-4.9800999999999998E-2</v>
      </c>
      <c r="C820">
        <f t="shared" si="37"/>
        <v>20</v>
      </c>
      <c r="D820">
        <f t="shared" si="38"/>
        <v>2</v>
      </c>
    </row>
    <row r="821" spans="1:4" x14ac:dyDescent="0.25">
      <c r="A821" s="7">
        <f t="shared" si="39"/>
        <v>44595.874999998028</v>
      </c>
      <c r="B821" s="8">
        <v>-4.9800999999999998E-2</v>
      </c>
      <c r="C821">
        <f t="shared" si="37"/>
        <v>21</v>
      </c>
      <c r="D821">
        <f t="shared" si="38"/>
        <v>2</v>
      </c>
    </row>
    <row r="822" spans="1:4" x14ac:dyDescent="0.25">
      <c r="A822" s="7">
        <f t="shared" si="39"/>
        <v>44595.916666664692</v>
      </c>
      <c r="B822" s="8">
        <v>-4.9800999999999998E-2</v>
      </c>
      <c r="C822">
        <f t="shared" si="37"/>
        <v>22</v>
      </c>
      <c r="D822">
        <f t="shared" si="38"/>
        <v>2</v>
      </c>
    </row>
    <row r="823" spans="1:4" x14ac:dyDescent="0.25">
      <c r="A823" s="7">
        <f t="shared" si="39"/>
        <v>44595.958333331357</v>
      </c>
      <c r="B823" s="8">
        <v>-4.9800999999999998E-2</v>
      </c>
      <c r="C823">
        <f t="shared" si="37"/>
        <v>23</v>
      </c>
      <c r="D823">
        <f t="shared" si="38"/>
        <v>2</v>
      </c>
    </row>
    <row r="824" spans="1:4" x14ac:dyDescent="0.25">
      <c r="A824" s="7">
        <f t="shared" si="39"/>
        <v>44595.999999998021</v>
      </c>
      <c r="B824" s="8">
        <v>-4.9800999999999998E-2</v>
      </c>
      <c r="C824">
        <f t="shared" si="37"/>
        <v>0</v>
      </c>
      <c r="D824">
        <f t="shared" si="38"/>
        <v>2</v>
      </c>
    </row>
    <row r="825" spans="1:4" x14ac:dyDescent="0.25">
      <c r="A825" s="7">
        <f t="shared" si="39"/>
        <v>44596.041666664685</v>
      </c>
      <c r="B825" s="8">
        <v>-4.9800999999999998E-2</v>
      </c>
      <c r="C825">
        <f t="shared" si="37"/>
        <v>1</v>
      </c>
      <c r="D825">
        <f t="shared" si="38"/>
        <v>2</v>
      </c>
    </row>
    <row r="826" spans="1:4" x14ac:dyDescent="0.25">
      <c r="A826" s="7">
        <f t="shared" si="39"/>
        <v>44596.083333331349</v>
      </c>
      <c r="B826" s="8">
        <v>-4.9800999999999998E-2</v>
      </c>
      <c r="C826">
        <f t="shared" si="37"/>
        <v>2</v>
      </c>
      <c r="D826">
        <f t="shared" si="38"/>
        <v>2</v>
      </c>
    </row>
    <row r="827" spans="1:4" x14ac:dyDescent="0.25">
      <c r="A827" s="7">
        <f t="shared" si="39"/>
        <v>44596.124999998014</v>
      </c>
      <c r="B827" s="8">
        <v>-4.9800999999999998E-2</v>
      </c>
      <c r="C827">
        <f t="shared" si="37"/>
        <v>3</v>
      </c>
      <c r="D827">
        <f t="shared" si="38"/>
        <v>2</v>
      </c>
    </row>
    <row r="828" spans="1:4" x14ac:dyDescent="0.25">
      <c r="A828" s="7">
        <f t="shared" si="39"/>
        <v>44596.166666664678</v>
      </c>
      <c r="B828" s="8">
        <v>-4.9800999999999998E-2</v>
      </c>
      <c r="C828">
        <f t="shared" si="37"/>
        <v>4</v>
      </c>
      <c r="D828">
        <f t="shared" si="38"/>
        <v>2</v>
      </c>
    </row>
    <row r="829" spans="1:4" x14ac:dyDescent="0.25">
      <c r="A829" s="7">
        <f t="shared" si="39"/>
        <v>44596.208333331342</v>
      </c>
      <c r="B829" s="8">
        <v>-4.9800999999999998E-2</v>
      </c>
      <c r="C829">
        <f t="shared" si="37"/>
        <v>5</v>
      </c>
      <c r="D829">
        <f t="shared" si="38"/>
        <v>2</v>
      </c>
    </row>
    <row r="830" spans="1:4" x14ac:dyDescent="0.25">
      <c r="A830" s="7">
        <f t="shared" si="39"/>
        <v>44596.249999998006</v>
      </c>
      <c r="B830" s="8">
        <v>-4.9800999999999998E-2</v>
      </c>
      <c r="C830">
        <f t="shared" si="37"/>
        <v>6</v>
      </c>
      <c r="D830">
        <f t="shared" si="38"/>
        <v>2</v>
      </c>
    </row>
    <row r="831" spans="1:4" x14ac:dyDescent="0.25">
      <c r="A831" s="7">
        <f t="shared" si="39"/>
        <v>44596.291666664671</v>
      </c>
      <c r="B831" s="8">
        <v>-4.9800999999999998E-2</v>
      </c>
      <c r="C831">
        <f t="shared" si="37"/>
        <v>7</v>
      </c>
      <c r="D831">
        <f t="shared" si="38"/>
        <v>2</v>
      </c>
    </row>
    <row r="832" spans="1:4" x14ac:dyDescent="0.25">
      <c r="A832" s="7">
        <f t="shared" si="39"/>
        <v>44596.333333331335</v>
      </c>
      <c r="B832" s="8">
        <v>-4.9800999999999998E-2</v>
      </c>
      <c r="C832">
        <f t="shared" si="37"/>
        <v>8</v>
      </c>
      <c r="D832">
        <f t="shared" si="38"/>
        <v>2</v>
      </c>
    </row>
    <row r="833" spans="1:4" x14ac:dyDescent="0.25">
      <c r="A833" s="7">
        <f t="shared" si="39"/>
        <v>44596.374999997999</v>
      </c>
      <c r="B833" s="8">
        <v>0.48763993329549826</v>
      </c>
      <c r="C833">
        <f t="shared" si="37"/>
        <v>9</v>
      </c>
      <c r="D833">
        <f t="shared" si="38"/>
        <v>2</v>
      </c>
    </row>
    <row r="834" spans="1:4" x14ac:dyDescent="0.25">
      <c r="A834" s="7">
        <f t="shared" si="39"/>
        <v>44596.416666664663</v>
      </c>
      <c r="B834" s="8">
        <v>1.3183141132798268</v>
      </c>
      <c r="C834">
        <f t="shared" si="37"/>
        <v>10</v>
      </c>
      <c r="D834">
        <f t="shared" si="38"/>
        <v>2</v>
      </c>
    </row>
    <row r="835" spans="1:4" x14ac:dyDescent="0.25">
      <c r="A835" s="7">
        <f t="shared" si="39"/>
        <v>44596.458333331328</v>
      </c>
      <c r="B835" s="8">
        <v>2.3866255964242455</v>
      </c>
      <c r="C835">
        <f t="shared" si="37"/>
        <v>11</v>
      </c>
      <c r="D835">
        <f t="shared" si="38"/>
        <v>2</v>
      </c>
    </row>
    <row r="836" spans="1:4" x14ac:dyDescent="0.25">
      <c r="A836" s="7">
        <f t="shared" si="39"/>
        <v>44596.499999997992</v>
      </c>
      <c r="B836" s="8">
        <v>2.0670234279243487</v>
      </c>
      <c r="C836">
        <f t="shared" si="37"/>
        <v>12</v>
      </c>
      <c r="D836">
        <f t="shared" si="38"/>
        <v>2</v>
      </c>
    </row>
    <row r="837" spans="1:4" x14ac:dyDescent="0.25">
      <c r="A837" s="7">
        <f t="shared" si="39"/>
        <v>44596.541666664656</v>
      </c>
      <c r="B837" s="8">
        <v>2.2870454478153834</v>
      </c>
      <c r="C837">
        <f t="shared" si="37"/>
        <v>13</v>
      </c>
      <c r="D837">
        <f t="shared" si="38"/>
        <v>2</v>
      </c>
    </row>
    <row r="838" spans="1:4" x14ac:dyDescent="0.25">
      <c r="A838" s="7">
        <f t="shared" si="39"/>
        <v>44596.58333333132</v>
      </c>
      <c r="B838" s="8">
        <v>2.2633464401643231</v>
      </c>
      <c r="C838">
        <f t="shared" si="37"/>
        <v>14</v>
      </c>
      <c r="D838">
        <f t="shared" si="38"/>
        <v>2</v>
      </c>
    </row>
    <row r="839" spans="1:4" x14ac:dyDescent="0.25">
      <c r="A839" s="7">
        <f t="shared" si="39"/>
        <v>44596.624999997985</v>
      </c>
      <c r="B839" s="8">
        <v>1.9220869136831518</v>
      </c>
      <c r="C839">
        <f t="shared" si="37"/>
        <v>15</v>
      </c>
      <c r="D839">
        <f t="shared" si="38"/>
        <v>2</v>
      </c>
    </row>
    <row r="840" spans="1:4" x14ac:dyDescent="0.25">
      <c r="A840" s="7">
        <f t="shared" si="39"/>
        <v>44596.666666664649</v>
      </c>
      <c r="B840" s="8">
        <v>1.4017476059691776</v>
      </c>
      <c r="C840">
        <f t="shared" si="37"/>
        <v>16</v>
      </c>
      <c r="D840">
        <f t="shared" si="38"/>
        <v>2</v>
      </c>
    </row>
    <row r="841" spans="1:4" x14ac:dyDescent="0.25">
      <c r="A841" s="7">
        <f t="shared" si="39"/>
        <v>44596.708333331313</v>
      </c>
      <c r="B841" s="8">
        <v>0.82371030980828086</v>
      </c>
      <c r="C841">
        <f t="shared" si="37"/>
        <v>17</v>
      </c>
      <c r="D841">
        <f t="shared" si="38"/>
        <v>2</v>
      </c>
    </row>
    <row r="842" spans="1:4" x14ac:dyDescent="0.25">
      <c r="A842" s="7">
        <f t="shared" si="39"/>
        <v>44596.749999997977</v>
      </c>
      <c r="B842" s="8">
        <v>0.26749217829102867</v>
      </c>
      <c r="C842">
        <f t="shared" ref="C842:C905" si="40">HOUR(A842)</f>
        <v>18</v>
      </c>
      <c r="D842">
        <f t="shared" ref="D842:D905" si="41">MONTH(A842)</f>
        <v>2</v>
      </c>
    </row>
    <row r="843" spans="1:4" x14ac:dyDescent="0.25">
      <c r="A843" s="7">
        <f t="shared" ref="A843:A906" si="42">+A842+1/24</f>
        <v>44596.791666664642</v>
      </c>
      <c r="B843" s="8">
        <v>-4.9800999999999998E-2</v>
      </c>
      <c r="C843">
        <f t="shared" si="40"/>
        <v>19</v>
      </c>
      <c r="D843">
        <f t="shared" si="41"/>
        <v>2</v>
      </c>
    </row>
    <row r="844" spans="1:4" x14ac:dyDescent="0.25">
      <c r="A844" s="7">
        <f t="shared" si="42"/>
        <v>44596.833333331306</v>
      </c>
      <c r="B844" s="8">
        <v>-4.9800999999999998E-2</v>
      </c>
      <c r="C844">
        <f t="shared" si="40"/>
        <v>20</v>
      </c>
      <c r="D844">
        <f t="shared" si="41"/>
        <v>2</v>
      </c>
    </row>
    <row r="845" spans="1:4" x14ac:dyDescent="0.25">
      <c r="A845" s="7">
        <f t="shared" si="42"/>
        <v>44596.87499999797</v>
      </c>
      <c r="B845" s="8">
        <v>-4.9800999999999998E-2</v>
      </c>
      <c r="C845">
        <f t="shared" si="40"/>
        <v>21</v>
      </c>
      <c r="D845">
        <f t="shared" si="41"/>
        <v>2</v>
      </c>
    </row>
    <row r="846" spans="1:4" x14ac:dyDescent="0.25">
      <c r="A846" s="7">
        <f t="shared" si="42"/>
        <v>44596.916666664634</v>
      </c>
      <c r="B846" s="8">
        <v>-4.9800999999999998E-2</v>
      </c>
      <c r="C846">
        <f t="shared" si="40"/>
        <v>22</v>
      </c>
      <c r="D846">
        <f t="shared" si="41"/>
        <v>2</v>
      </c>
    </row>
    <row r="847" spans="1:4" x14ac:dyDescent="0.25">
      <c r="A847" s="7">
        <f t="shared" si="42"/>
        <v>44596.958333331298</v>
      </c>
      <c r="B847" s="8">
        <v>-4.9800999999999998E-2</v>
      </c>
      <c r="C847">
        <f t="shared" si="40"/>
        <v>23</v>
      </c>
      <c r="D847">
        <f t="shared" si="41"/>
        <v>2</v>
      </c>
    </row>
    <row r="848" spans="1:4" x14ac:dyDescent="0.25">
      <c r="A848" s="7">
        <f t="shared" si="42"/>
        <v>44596.999999997963</v>
      </c>
      <c r="B848" s="8">
        <v>-4.9800999999999998E-2</v>
      </c>
      <c r="C848">
        <f t="shared" si="40"/>
        <v>0</v>
      </c>
      <c r="D848">
        <f t="shared" si="41"/>
        <v>2</v>
      </c>
    </row>
    <row r="849" spans="1:4" x14ac:dyDescent="0.25">
      <c r="A849" s="7">
        <f t="shared" si="42"/>
        <v>44597.041666664627</v>
      </c>
      <c r="B849" s="8">
        <v>-4.9800999999999998E-2</v>
      </c>
      <c r="C849">
        <f t="shared" si="40"/>
        <v>1</v>
      </c>
      <c r="D849">
        <f t="shared" si="41"/>
        <v>2</v>
      </c>
    </row>
    <row r="850" spans="1:4" x14ac:dyDescent="0.25">
      <c r="A850" s="7">
        <f t="shared" si="42"/>
        <v>44597.083333331291</v>
      </c>
      <c r="B850" s="8">
        <v>-4.9800999999999998E-2</v>
      </c>
      <c r="C850">
        <f t="shared" si="40"/>
        <v>2</v>
      </c>
      <c r="D850">
        <f t="shared" si="41"/>
        <v>2</v>
      </c>
    </row>
    <row r="851" spans="1:4" x14ac:dyDescent="0.25">
      <c r="A851" s="7">
        <f t="shared" si="42"/>
        <v>44597.124999997955</v>
      </c>
      <c r="B851" s="8">
        <v>-4.9800999999999998E-2</v>
      </c>
      <c r="C851">
        <f t="shared" si="40"/>
        <v>3</v>
      </c>
      <c r="D851">
        <f t="shared" si="41"/>
        <v>2</v>
      </c>
    </row>
    <row r="852" spans="1:4" x14ac:dyDescent="0.25">
      <c r="A852" s="7">
        <f t="shared" si="42"/>
        <v>44597.16666666462</v>
      </c>
      <c r="B852" s="8">
        <v>-4.9800999999999998E-2</v>
      </c>
      <c r="C852">
        <f t="shared" si="40"/>
        <v>4</v>
      </c>
      <c r="D852">
        <f t="shared" si="41"/>
        <v>2</v>
      </c>
    </row>
    <row r="853" spans="1:4" x14ac:dyDescent="0.25">
      <c r="A853" s="7">
        <f t="shared" si="42"/>
        <v>44597.208333331284</v>
      </c>
      <c r="B853" s="8">
        <v>-4.9800999999999998E-2</v>
      </c>
      <c r="C853">
        <f t="shared" si="40"/>
        <v>5</v>
      </c>
      <c r="D853">
        <f t="shared" si="41"/>
        <v>2</v>
      </c>
    </row>
    <row r="854" spans="1:4" x14ac:dyDescent="0.25">
      <c r="A854" s="7">
        <f t="shared" si="42"/>
        <v>44597.249999997948</v>
      </c>
      <c r="B854" s="8">
        <v>-4.9800999999999998E-2</v>
      </c>
      <c r="C854">
        <f t="shared" si="40"/>
        <v>6</v>
      </c>
      <c r="D854">
        <f t="shared" si="41"/>
        <v>2</v>
      </c>
    </row>
    <row r="855" spans="1:4" x14ac:dyDescent="0.25">
      <c r="A855" s="7">
        <f t="shared" si="42"/>
        <v>44597.291666664612</v>
      </c>
      <c r="B855" s="8">
        <v>-4.9800999999999998E-2</v>
      </c>
      <c r="C855">
        <f t="shared" si="40"/>
        <v>7</v>
      </c>
      <c r="D855">
        <f t="shared" si="41"/>
        <v>2</v>
      </c>
    </row>
    <row r="856" spans="1:4" x14ac:dyDescent="0.25">
      <c r="A856" s="7">
        <f t="shared" si="42"/>
        <v>44597.333333331277</v>
      </c>
      <c r="B856" s="8">
        <v>-4.9800999999999998E-2</v>
      </c>
      <c r="C856">
        <f t="shared" si="40"/>
        <v>8</v>
      </c>
      <c r="D856">
        <f t="shared" si="41"/>
        <v>2</v>
      </c>
    </row>
    <row r="857" spans="1:4" x14ac:dyDescent="0.25">
      <c r="A857" s="7">
        <f t="shared" si="42"/>
        <v>44597.374999997941</v>
      </c>
      <c r="B857" s="8">
        <v>0.42279359446511161</v>
      </c>
      <c r="C857">
        <f t="shared" si="40"/>
        <v>9</v>
      </c>
      <c r="D857">
        <f t="shared" si="41"/>
        <v>2</v>
      </c>
    </row>
    <row r="858" spans="1:4" x14ac:dyDescent="0.25">
      <c r="A858" s="7">
        <f t="shared" si="42"/>
        <v>44597.416666664605</v>
      </c>
      <c r="B858" s="8">
        <v>1.2118247171261631</v>
      </c>
      <c r="C858">
        <f t="shared" si="40"/>
        <v>10</v>
      </c>
      <c r="D858">
        <f t="shared" si="41"/>
        <v>2</v>
      </c>
    </row>
    <row r="859" spans="1:4" x14ac:dyDescent="0.25">
      <c r="A859" s="7">
        <f t="shared" si="42"/>
        <v>44597.458333331269</v>
      </c>
      <c r="B859" s="8">
        <v>1.7100851450441521</v>
      </c>
      <c r="C859">
        <f t="shared" si="40"/>
        <v>11</v>
      </c>
      <c r="D859">
        <f t="shared" si="41"/>
        <v>2</v>
      </c>
    </row>
    <row r="860" spans="1:4" x14ac:dyDescent="0.25">
      <c r="A860" s="7">
        <f t="shared" si="42"/>
        <v>44597.499999997934</v>
      </c>
      <c r="B860" s="8">
        <v>2.1160539384697525</v>
      </c>
      <c r="C860">
        <f t="shared" si="40"/>
        <v>12</v>
      </c>
      <c r="D860">
        <f t="shared" si="41"/>
        <v>2</v>
      </c>
    </row>
    <row r="861" spans="1:4" x14ac:dyDescent="0.25">
      <c r="A861" s="7">
        <f t="shared" si="42"/>
        <v>44597.541666664598</v>
      </c>
      <c r="B861" s="8">
        <v>2.3045566389003658</v>
      </c>
      <c r="C861">
        <f t="shared" si="40"/>
        <v>13</v>
      </c>
      <c r="D861">
        <f t="shared" si="41"/>
        <v>2</v>
      </c>
    </row>
    <row r="862" spans="1:4" x14ac:dyDescent="0.25">
      <c r="A862" s="7">
        <f t="shared" si="42"/>
        <v>44597.583333331262</v>
      </c>
      <c r="B862" s="8">
        <v>2.2309191482863939</v>
      </c>
      <c r="C862">
        <f t="shared" si="40"/>
        <v>14</v>
      </c>
      <c r="D862">
        <f t="shared" si="41"/>
        <v>2</v>
      </c>
    </row>
    <row r="863" spans="1:4" x14ac:dyDescent="0.25">
      <c r="A863" s="7">
        <f t="shared" si="42"/>
        <v>44597.624999997926</v>
      </c>
      <c r="B863" s="8">
        <v>1.9053826946786554</v>
      </c>
      <c r="C863">
        <f t="shared" si="40"/>
        <v>15</v>
      </c>
      <c r="D863">
        <f t="shared" si="41"/>
        <v>2</v>
      </c>
    </row>
    <row r="864" spans="1:4" x14ac:dyDescent="0.25">
      <c r="A864" s="7">
        <f t="shared" si="42"/>
        <v>44597.666666664591</v>
      </c>
      <c r="B864" s="8">
        <v>1.7955685323287611</v>
      </c>
      <c r="C864">
        <f t="shared" si="40"/>
        <v>16</v>
      </c>
      <c r="D864">
        <f t="shared" si="41"/>
        <v>2</v>
      </c>
    </row>
    <row r="865" spans="1:4" x14ac:dyDescent="0.25">
      <c r="A865" s="7">
        <f t="shared" si="42"/>
        <v>44597.708333331255</v>
      </c>
      <c r="B865" s="8">
        <v>1.4934394221335423</v>
      </c>
      <c r="C865">
        <f t="shared" si="40"/>
        <v>17</v>
      </c>
      <c r="D865">
        <f t="shared" si="41"/>
        <v>2</v>
      </c>
    </row>
    <row r="866" spans="1:4" x14ac:dyDescent="0.25">
      <c r="A866" s="7">
        <f t="shared" si="42"/>
        <v>44597.749999997919</v>
      </c>
      <c r="B866" s="8">
        <v>0.50209637949342945</v>
      </c>
      <c r="C866">
        <f t="shared" si="40"/>
        <v>18</v>
      </c>
      <c r="D866">
        <f t="shared" si="41"/>
        <v>2</v>
      </c>
    </row>
    <row r="867" spans="1:4" x14ac:dyDescent="0.25">
      <c r="A867" s="7">
        <f t="shared" si="42"/>
        <v>44597.791666664583</v>
      </c>
      <c r="B867" s="8">
        <v>-4.9800999999999998E-2</v>
      </c>
      <c r="C867">
        <f t="shared" si="40"/>
        <v>19</v>
      </c>
      <c r="D867">
        <f t="shared" si="41"/>
        <v>2</v>
      </c>
    </row>
    <row r="868" spans="1:4" x14ac:dyDescent="0.25">
      <c r="A868" s="7">
        <f t="shared" si="42"/>
        <v>44597.833333331248</v>
      </c>
      <c r="B868" s="8">
        <v>-4.9800999999999998E-2</v>
      </c>
      <c r="C868">
        <f t="shared" si="40"/>
        <v>20</v>
      </c>
      <c r="D868">
        <f t="shared" si="41"/>
        <v>2</v>
      </c>
    </row>
    <row r="869" spans="1:4" x14ac:dyDescent="0.25">
      <c r="A869" s="7">
        <f t="shared" si="42"/>
        <v>44597.874999997912</v>
      </c>
      <c r="B869" s="8">
        <v>-4.9800999999999998E-2</v>
      </c>
      <c r="C869">
        <f t="shared" si="40"/>
        <v>21</v>
      </c>
      <c r="D869">
        <f t="shared" si="41"/>
        <v>2</v>
      </c>
    </row>
    <row r="870" spans="1:4" x14ac:dyDescent="0.25">
      <c r="A870" s="7">
        <f t="shared" si="42"/>
        <v>44597.916666664576</v>
      </c>
      <c r="B870" s="8">
        <v>-4.9800999999999998E-2</v>
      </c>
      <c r="C870">
        <f t="shared" si="40"/>
        <v>22</v>
      </c>
      <c r="D870">
        <f t="shared" si="41"/>
        <v>2</v>
      </c>
    </row>
    <row r="871" spans="1:4" x14ac:dyDescent="0.25">
      <c r="A871" s="7">
        <f t="shared" si="42"/>
        <v>44597.95833333124</v>
      </c>
      <c r="B871" s="8">
        <v>-4.9800999999999998E-2</v>
      </c>
      <c r="C871">
        <f t="shared" si="40"/>
        <v>23</v>
      </c>
      <c r="D871">
        <f t="shared" si="41"/>
        <v>2</v>
      </c>
    </row>
    <row r="872" spans="1:4" x14ac:dyDescent="0.25">
      <c r="A872" s="7">
        <f t="shared" si="42"/>
        <v>44597.999999997905</v>
      </c>
      <c r="B872" s="8">
        <v>-4.9800999999999998E-2</v>
      </c>
      <c r="C872">
        <f t="shared" si="40"/>
        <v>0</v>
      </c>
      <c r="D872">
        <f t="shared" si="41"/>
        <v>2</v>
      </c>
    </row>
    <row r="873" spans="1:4" x14ac:dyDescent="0.25">
      <c r="A873" s="7">
        <f t="shared" si="42"/>
        <v>44598.041666664569</v>
      </c>
      <c r="B873" s="8">
        <v>-4.9800999999999998E-2</v>
      </c>
      <c r="C873">
        <f t="shared" si="40"/>
        <v>1</v>
      </c>
      <c r="D873">
        <f t="shared" si="41"/>
        <v>2</v>
      </c>
    </row>
    <row r="874" spans="1:4" x14ac:dyDescent="0.25">
      <c r="A874" s="7">
        <f t="shared" si="42"/>
        <v>44598.083333331233</v>
      </c>
      <c r="B874" s="8">
        <v>-4.9800999999999998E-2</v>
      </c>
      <c r="C874">
        <f t="shared" si="40"/>
        <v>2</v>
      </c>
      <c r="D874">
        <f t="shared" si="41"/>
        <v>2</v>
      </c>
    </row>
    <row r="875" spans="1:4" x14ac:dyDescent="0.25">
      <c r="A875" s="7">
        <f t="shared" si="42"/>
        <v>44598.124999997897</v>
      </c>
      <c r="B875" s="8">
        <v>-4.9800999999999998E-2</v>
      </c>
      <c r="C875">
        <f t="shared" si="40"/>
        <v>3</v>
      </c>
      <c r="D875">
        <f t="shared" si="41"/>
        <v>2</v>
      </c>
    </row>
    <row r="876" spans="1:4" x14ac:dyDescent="0.25">
      <c r="A876" s="7">
        <f t="shared" si="42"/>
        <v>44598.166666664561</v>
      </c>
      <c r="B876" s="8">
        <v>-4.9800999999999998E-2</v>
      </c>
      <c r="C876">
        <f t="shared" si="40"/>
        <v>4</v>
      </c>
      <c r="D876">
        <f t="shared" si="41"/>
        <v>2</v>
      </c>
    </row>
    <row r="877" spans="1:4" x14ac:dyDescent="0.25">
      <c r="A877" s="7">
        <f t="shared" si="42"/>
        <v>44598.208333331226</v>
      </c>
      <c r="B877" s="8">
        <v>-4.9800999999999998E-2</v>
      </c>
      <c r="C877">
        <f t="shared" si="40"/>
        <v>5</v>
      </c>
      <c r="D877">
        <f t="shared" si="41"/>
        <v>2</v>
      </c>
    </row>
    <row r="878" spans="1:4" x14ac:dyDescent="0.25">
      <c r="A878" s="7">
        <f t="shared" si="42"/>
        <v>44598.24999999789</v>
      </c>
      <c r="B878" s="8">
        <v>-4.9800999999999998E-2</v>
      </c>
      <c r="C878">
        <f t="shared" si="40"/>
        <v>6</v>
      </c>
      <c r="D878">
        <f t="shared" si="41"/>
        <v>2</v>
      </c>
    </row>
    <row r="879" spans="1:4" x14ac:dyDescent="0.25">
      <c r="A879" s="7">
        <f t="shared" si="42"/>
        <v>44598.291666664554</v>
      </c>
      <c r="B879" s="8">
        <v>-4.9800999999999998E-2</v>
      </c>
      <c r="C879">
        <f t="shared" si="40"/>
        <v>7</v>
      </c>
      <c r="D879">
        <f t="shared" si="41"/>
        <v>2</v>
      </c>
    </row>
    <row r="880" spans="1:4" x14ac:dyDescent="0.25">
      <c r="A880" s="7">
        <f t="shared" si="42"/>
        <v>44598.333333331218</v>
      </c>
      <c r="B880" s="8">
        <v>-4.9800999999999998E-2</v>
      </c>
      <c r="C880">
        <f t="shared" si="40"/>
        <v>8</v>
      </c>
      <c r="D880">
        <f t="shared" si="41"/>
        <v>2</v>
      </c>
    </row>
    <row r="881" spans="1:4" x14ac:dyDescent="0.25">
      <c r="A881" s="7">
        <f t="shared" si="42"/>
        <v>44598.374999997883</v>
      </c>
      <c r="B881" s="8">
        <v>2.5507068276093912</v>
      </c>
      <c r="C881">
        <f t="shared" si="40"/>
        <v>9</v>
      </c>
      <c r="D881">
        <f t="shared" si="41"/>
        <v>2</v>
      </c>
    </row>
    <row r="882" spans="1:4" x14ac:dyDescent="0.25">
      <c r="A882" s="7">
        <f t="shared" si="42"/>
        <v>44598.416666664547</v>
      </c>
      <c r="B882" s="8">
        <v>3.6039847197729005</v>
      </c>
      <c r="C882">
        <f t="shared" si="40"/>
        <v>10</v>
      </c>
      <c r="D882">
        <f t="shared" si="41"/>
        <v>2</v>
      </c>
    </row>
    <row r="883" spans="1:4" x14ac:dyDescent="0.25">
      <c r="A883" s="7">
        <f t="shared" si="42"/>
        <v>44598.458333331211</v>
      </c>
      <c r="B883" s="8">
        <v>8.9564728454383378</v>
      </c>
      <c r="C883">
        <f t="shared" si="40"/>
        <v>11</v>
      </c>
      <c r="D883">
        <f t="shared" si="41"/>
        <v>2</v>
      </c>
    </row>
    <row r="884" spans="1:4" x14ac:dyDescent="0.25">
      <c r="A884" s="7">
        <f t="shared" si="42"/>
        <v>44598.499999997875</v>
      </c>
      <c r="B884" s="8">
        <v>5.0861502369403651</v>
      </c>
      <c r="C884">
        <f t="shared" si="40"/>
        <v>12</v>
      </c>
      <c r="D884">
        <f t="shared" si="41"/>
        <v>2</v>
      </c>
    </row>
    <row r="885" spans="1:4" x14ac:dyDescent="0.25">
      <c r="A885" s="7">
        <f t="shared" si="42"/>
        <v>44598.54166666454</v>
      </c>
      <c r="B885" s="8">
        <v>2.8423298415230307</v>
      </c>
      <c r="C885">
        <f t="shared" si="40"/>
        <v>13</v>
      </c>
      <c r="D885">
        <f t="shared" si="41"/>
        <v>2</v>
      </c>
    </row>
    <row r="886" spans="1:4" x14ac:dyDescent="0.25">
      <c r="A886" s="7">
        <f t="shared" si="42"/>
        <v>44598.583333331204</v>
      </c>
      <c r="B886" s="8">
        <v>2.2553158827554483</v>
      </c>
      <c r="C886">
        <f t="shared" si="40"/>
        <v>14</v>
      </c>
      <c r="D886">
        <f t="shared" si="41"/>
        <v>2</v>
      </c>
    </row>
    <row r="887" spans="1:4" x14ac:dyDescent="0.25">
      <c r="A887" s="7">
        <f t="shared" si="42"/>
        <v>44598.624999997868</v>
      </c>
      <c r="B887" s="8">
        <v>1.9291023146433941</v>
      </c>
      <c r="C887">
        <f t="shared" si="40"/>
        <v>15</v>
      </c>
      <c r="D887">
        <f t="shared" si="41"/>
        <v>2</v>
      </c>
    </row>
    <row r="888" spans="1:4" x14ac:dyDescent="0.25">
      <c r="A888" s="7">
        <f t="shared" si="42"/>
        <v>44598.666666664532</v>
      </c>
      <c r="B888" s="8">
        <v>2.601723334577652</v>
      </c>
      <c r="C888">
        <f t="shared" si="40"/>
        <v>16</v>
      </c>
      <c r="D888">
        <f t="shared" si="41"/>
        <v>2</v>
      </c>
    </row>
    <row r="889" spans="1:4" x14ac:dyDescent="0.25">
      <c r="A889" s="7">
        <f t="shared" si="42"/>
        <v>44598.708333331197</v>
      </c>
      <c r="B889" s="8">
        <v>4.8994706956545535</v>
      </c>
      <c r="C889">
        <f t="shared" si="40"/>
        <v>17</v>
      </c>
      <c r="D889">
        <f t="shared" si="41"/>
        <v>2</v>
      </c>
    </row>
    <row r="890" spans="1:4" x14ac:dyDescent="0.25">
      <c r="A890" s="7">
        <f t="shared" si="42"/>
        <v>44598.749999997861</v>
      </c>
      <c r="B890" s="8">
        <v>0.78185494565412217</v>
      </c>
      <c r="C890">
        <f t="shared" si="40"/>
        <v>18</v>
      </c>
      <c r="D890">
        <f t="shared" si="41"/>
        <v>2</v>
      </c>
    </row>
    <row r="891" spans="1:4" x14ac:dyDescent="0.25">
      <c r="A891" s="7">
        <f t="shared" si="42"/>
        <v>44598.791666664525</v>
      </c>
      <c r="B891" s="8">
        <v>-4.9800999999999998E-2</v>
      </c>
      <c r="C891">
        <f t="shared" si="40"/>
        <v>19</v>
      </c>
      <c r="D891">
        <f t="shared" si="41"/>
        <v>2</v>
      </c>
    </row>
    <row r="892" spans="1:4" x14ac:dyDescent="0.25">
      <c r="A892" s="7">
        <f t="shared" si="42"/>
        <v>44598.833333331189</v>
      </c>
      <c r="B892" s="8">
        <v>-4.9800999999999998E-2</v>
      </c>
      <c r="C892">
        <f t="shared" si="40"/>
        <v>20</v>
      </c>
      <c r="D892">
        <f t="shared" si="41"/>
        <v>2</v>
      </c>
    </row>
    <row r="893" spans="1:4" x14ac:dyDescent="0.25">
      <c r="A893" s="7">
        <f t="shared" si="42"/>
        <v>44598.874999997854</v>
      </c>
      <c r="B893" s="8">
        <v>-4.9800999999999998E-2</v>
      </c>
      <c r="C893">
        <f t="shared" si="40"/>
        <v>21</v>
      </c>
      <c r="D893">
        <f t="shared" si="41"/>
        <v>2</v>
      </c>
    </row>
    <row r="894" spans="1:4" x14ac:dyDescent="0.25">
      <c r="A894" s="7">
        <f t="shared" si="42"/>
        <v>44598.916666664518</v>
      </c>
      <c r="B894" s="8">
        <v>-4.9800999999999998E-2</v>
      </c>
      <c r="C894">
        <f t="shared" si="40"/>
        <v>22</v>
      </c>
      <c r="D894">
        <f t="shared" si="41"/>
        <v>2</v>
      </c>
    </row>
    <row r="895" spans="1:4" x14ac:dyDescent="0.25">
      <c r="A895" s="7">
        <f t="shared" si="42"/>
        <v>44598.958333331182</v>
      </c>
      <c r="B895" s="8">
        <v>-4.9800999999999998E-2</v>
      </c>
      <c r="C895">
        <f t="shared" si="40"/>
        <v>23</v>
      </c>
      <c r="D895">
        <f t="shared" si="41"/>
        <v>2</v>
      </c>
    </row>
    <row r="896" spans="1:4" x14ac:dyDescent="0.25">
      <c r="A896" s="7">
        <f t="shared" si="42"/>
        <v>44598.999999997846</v>
      </c>
      <c r="B896" s="8">
        <v>-4.9800999999999998E-2</v>
      </c>
      <c r="C896">
        <f t="shared" si="40"/>
        <v>0</v>
      </c>
      <c r="D896">
        <f t="shared" si="41"/>
        <v>2</v>
      </c>
    </row>
    <row r="897" spans="1:4" x14ac:dyDescent="0.25">
      <c r="A897" s="7">
        <f t="shared" si="42"/>
        <v>44599.041666664511</v>
      </c>
      <c r="B897" s="8">
        <v>-4.9800999999999998E-2</v>
      </c>
      <c r="C897">
        <f t="shared" si="40"/>
        <v>1</v>
      </c>
      <c r="D897">
        <f t="shared" si="41"/>
        <v>2</v>
      </c>
    </row>
    <row r="898" spans="1:4" x14ac:dyDescent="0.25">
      <c r="A898" s="7">
        <f t="shared" si="42"/>
        <v>44599.083333331175</v>
      </c>
      <c r="B898" s="8">
        <v>-4.9800999999999998E-2</v>
      </c>
      <c r="C898">
        <f t="shared" si="40"/>
        <v>2</v>
      </c>
      <c r="D898">
        <f t="shared" si="41"/>
        <v>2</v>
      </c>
    </row>
    <row r="899" spans="1:4" x14ac:dyDescent="0.25">
      <c r="A899" s="7">
        <f t="shared" si="42"/>
        <v>44599.124999997839</v>
      </c>
      <c r="B899" s="8">
        <v>-4.9800999999999998E-2</v>
      </c>
      <c r="C899">
        <f t="shared" si="40"/>
        <v>3</v>
      </c>
      <c r="D899">
        <f t="shared" si="41"/>
        <v>2</v>
      </c>
    </row>
    <row r="900" spans="1:4" x14ac:dyDescent="0.25">
      <c r="A900" s="7">
        <f t="shared" si="42"/>
        <v>44599.166666664503</v>
      </c>
      <c r="B900" s="8">
        <v>-4.9800999999999998E-2</v>
      </c>
      <c r="C900">
        <f t="shared" si="40"/>
        <v>4</v>
      </c>
      <c r="D900">
        <f t="shared" si="41"/>
        <v>2</v>
      </c>
    </row>
    <row r="901" spans="1:4" x14ac:dyDescent="0.25">
      <c r="A901" s="7">
        <f t="shared" si="42"/>
        <v>44599.208333331168</v>
      </c>
      <c r="B901" s="8">
        <v>-4.9800999999999998E-2</v>
      </c>
      <c r="C901">
        <f t="shared" si="40"/>
        <v>5</v>
      </c>
      <c r="D901">
        <f t="shared" si="41"/>
        <v>2</v>
      </c>
    </row>
    <row r="902" spans="1:4" x14ac:dyDescent="0.25">
      <c r="A902" s="7">
        <f t="shared" si="42"/>
        <v>44599.249999997832</v>
      </c>
      <c r="B902" s="8">
        <v>-4.9800999999999998E-2</v>
      </c>
      <c r="C902">
        <f t="shared" si="40"/>
        <v>6</v>
      </c>
      <c r="D902">
        <f t="shared" si="41"/>
        <v>2</v>
      </c>
    </row>
    <row r="903" spans="1:4" x14ac:dyDescent="0.25">
      <c r="A903" s="7">
        <f t="shared" si="42"/>
        <v>44599.291666664496</v>
      </c>
      <c r="B903" s="8">
        <v>-4.9800999999999998E-2</v>
      </c>
      <c r="C903">
        <f t="shared" si="40"/>
        <v>7</v>
      </c>
      <c r="D903">
        <f t="shared" si="41"/>
        <v>2</v>
      </c>
    </row>
    <row r="904" spans="1:4" x14ac:dyDescent="0.25">
      <c r="A904" s="7">
        <f t="shared" si="42"/>
        <v>44599.33333333116</v>
      </c>
      <c r="B904" s="8">
        <v>-4.9800999999999998E-2</v>
      </c>
      <c r="C904">
        <f t="shared" si="40"/>
        <v>8</v>
      </c>
      <c r="D904">
        <f t="shared" si="41"/>
        <v>2</v>
      </c>
    </row>
    <row r="905" spans="1:4" x14ac:dyDescent="0.25">
      <c r="A905" s="7">
        <f t="shared" si="42"/>
        <v>44599.374999997824</v>
      </c>
      <c r="B905" s="8">
        <v>4.5298445030899819</v>
      </c>
      <c r="C905">
        <f t="shared" si="40"/>
        <v>9</v>
      </c>
      <c r="D905">
        <f t="shared" si="41"/>
        <v>2</v>
      </c>
    </row>
    <row r="906" spans="1:4" x14ac:dyDescent="0.25">
      <c r="A906" s="7">
        <f t="shared" si="42"/>
        <v>44599.416666664489</v>
      </c>
      <c r="B906" s="8">
        <v>10.801722206809035</v>
      </c>
      <c r="C906">
        <f t="shared" ref="C906:C969" si="43">HOUR(A906)</f>
        <v>10</v>
      </c>
      <c r="D906">
        <f t="shared" ref="D906:D969" si="44">MONTH(A906)</f>
        <v>2</v>
      </c>
    </row>
    <row r="907" spans="1:4" x14ac:dyDescent="0.25">
      <c r="A907" s="7">
        <f t="shared" ref="A907:A970" si="45">+A906+1/24</f>
        <v>44599.458333331153</v>
      </c>
      <c r="B907" s="8">
        <v>17.741615108971043</v>
      </c>
      <c r="C907">
        <f t="shared" si="43"/>
        <v>11</v>
      </c>
      <c r="D907">
        <f t="shared" si="44"/>
        <v>2</v>
      </c>
    </row>
    <row r="908" spans="1:4" x14ac:dyDescent="0.25">
      <c r="A908" s="7">
        <f t="shared" si="45"/>
        <v>44599.499999997817</v>
      </c>
      <c r="B908" s="8">
        <v>20.451228446416764</v>
      </c>
      <c r="C908">
        <f t="shared" si="43"/>
        <v>12</v>
      </c>
      <c r="D908">
        <f t="shared" si="44"/>
        <v>2</v>
      </c>
    </row>
    <row r="909" spans="1:4" x14ac:dyDescent="0.25">
      <c r="A909" s="7">
        <f t="shared" si="45"/>
        <v>44599.541666664481</v>
      </c>
      <c r="B909" s="8">
        <v>20.451294405820537</v>
      </c>
      <c r="C909">
        <f t="shared" si="43"/>
        <v>13</v>
      </c>
      <c r="D909">
        <f t="shared" si="44"/>
        <v>2</v>
      </c>
    </row>
    <row r="910" spans="1:4" x14ac:dyDescent="0.25">
      <c r="A910" s="7">
        <f t="shared" si="45"/>
        <v>44599.583333331146</v>
      </c>
      <c r="B910" s="8">
        <v>20.451275854738224</v>
      </c>
      <c r="C910">
        <f t="shared" si="43"/>
        <v>14</v>
      </c>
      <c r="D910">
        <f t="shared" si="44"/>
        <v>2</v>
      </c>
    </row>
    <row r="911" spans="1:4" x14ac:dyDescent="0.25">
      <c r="A911" s="7">
        <f t="shared" si="45"/>
        <v>44599.62499999781</v>
      </c>
      <c r="B911" s="8">
        <v>20.451278946585276</v>
      </c>
      <c r="C911">
        <f t="shared" si="43"/>
        <v>15</v>
      </c>
      <c r="D911">
        <f t="shared" si="44"/>
        <v>2</v>
      </c>
    </row>
    <row r="912" spans="1:4" x14ac:dyDescent="0.25">
      <c r="A912" s="7">
        <f t="shared" si="45"/>
        <v>44599.666666664474</v>
      </c>
      <c r="B912" s="8">
        <v>16.439176599685865</v>
      </c>
      <c r="C912">
        <f t="shared" si="43"/>
        <v>16</v>
      </c>
      <c r="D912">
        <f t="shared" si="44"/>
        <v>2</v>
      </c>
    </row>
    <row r="913" spans="1:4" x14ac:dyDescent="0.25">
      <c r="A913" s="7">
        <f t="shared" si="45"/>
        <v>44599.708333331138</v>
      </c>
      <c r="B913" s="8">
        <v>10.168217174541157</v>
      </c>
      <c r="C913">
        <f t="shared" si="43"/>
        <v>17</v>
      </c>
      <c r="D913">
        <f t="shared" si="44"/>
        <v>2</v>
      </c>
    </row>
    <row r="914" spans="1:4" x14ac:dyDescent="0.25">
      <c r="A914" s="7">
        <f t="shared" si="45"/>
        <v>44599.749999997803</v>
      </c>
      <c r="B914" s="8">
        <v>1.8297221054772066</v>
      </c>
      <c r="C914">
        <f t="shared" si="43"/>
        <v>18</v>
      </c>
      <c r="D914">
        <f t="shared" si="44"/>
        <v>2</v>
      </c>
    </row>
    <row r="915" spans="1:4" x14ac:dyDescent="0.25">
      <c r="A915" s="7">
        <f t="shared" si="45"/>
        <v>44599.791666664467</v>
      </c>
      <c r="B915" s="8">
        <v>-4.9800999999999998E-2</v>
      </c>
      <c r="C915">
        <f t="shared" si="43"/>
        <v>19</v>
      </c>
      <c r="D915">
        <f t="shared" si="44"/>
        <v>2</v>
      </c>
    </row>
    <row r="916" spans="1:4" x14ac:dyDescent="0.25">
      <c r="A916" s="7">
        <f t="shared" si="45"/>
        <v>44599.833333331131</v>
      </c>
      <c r="B916" s="8">
        <v>-4.9800999999999998E-2</v>
      </c>
      <c r="C916">
        <f t="shared" si="43"/>
        <v>20</v>
      </c>
      <c r="D916">
        <f t="shared" si="44"/>
        <v>2</v>
      </c>
    </row>
    <row r="917" spans="1:4" x14ac:dyDescent="0.25">
      <c r="A917" s="7">
        <f t="shared" si="45"/>
        <v>44599.874999997795</v>
      </c>
      <c r="B917" s="8">
        <v>-4.9800999999999998E-2</v>
      </c>
      <c r="C917">
        <f t="shared" si="43"/>
        <v>21</v>
      </c>
      <c r="D917">
        <f t="shared" si="44"/>
        <v>2</v>
      </c>
    </row>
    <row r="918" spans="1:4" x14ac:dyDescent="0.25">
      <c r="A918" s="7">
        <f t="shared" si="45"/>
        <v>44599.91666666446</v>
      </c>
      <c r="B918" s="8">
        <v>-4.9800999999999998E-2</v>
      </c>
      <c r="C918">
        <f t="shared" si="43"/>
        <v>22</v>
      </c>
      <c r="D918">
        <f t="shared" si="44"/>
        <v>2</v>
      </c>
    </row>
    <row r="919" spans="1:4" x14ac:dyDescent="0.25">
      <c r="A919" s="7">
        <f t="shared" si="45"/>
        <v>44599.958333331124</v>
      </c>
      <c r="B919" s="8">
        <v>-4.9800999999999998E-2</v>
      </c>
      <c r="C919">
        <f t="shared" si="43"/>
        <v>23</v>
      </c>
      <c r="D919">
        <f t="shared" si="44"/>
        <v>2</v>
      </c>
    </row>
    <row r="920" spans="1:4" x14ac:dyDescent="0.25">
      <c r="A920" s="7">
        <f t="shared" si="45"/>
        <v>44599.999999997788</v>
      </c>
      <c r="B920" s="8">
        <v>-4.9800999999999998E-2</v>
      </c>
      <c r="C920">
        <f t="shared" si="43"/>
        <v>0</v>
      </c>
      <c r="D920">
        <f t="shared" si="44"/>
        <v>2</v>
      </c>
    </row>
    <row r="921" spans="1:4" x14ac:dyDescent="0.25">
      <c r="A921" s="7">
        <f t="shared" si="45"/>
        <v>44600.041666664452</v>
      </c>
      <c r="B921" s="8">
        <v>-4.9800999999999998E-2</v>
      </c>
      <c r="C921">
        <f t="shared" si="43"/>
        <v>1</v>
      </c>
      <c r="D921">
        <f t="shared" si="44"/>
        <v>2</v>
      </c>
    </row>
    <row r="922" spans="1:4" x14ac:dyDescent="0.25">
      <c r="A922" s="7">
        <f t="shared" si="45"/>
        <v>44600.083333331117</v>
      </c>
      <c r="B922" s="8">
        <v>-4.9800999999999998E-2</v>
      </c>
      <c r="C922">
        <f t="shared" si="43"/>
        <v>2</v>
      </c>
      <c r="D922">
        <f t="shared" si="44"/>
        <v>2</v>
      </c>
    </row>
    <row r="923" spans="1:4" x14ac:dyDescent="0.25">
      <c r="A923" s="7">
        <f t="shared" si="45"/>
        <v>44600.124999997781</v>
      </c>
      <c r="B923" s="8">
        <v>-4.9800999999999998E-2</v>
      </c>
      <c r="C923">
        <f t="shared" si="43"/>
        <v>3</v>
      </c>
      <c r="D923">
        <f t="shared" si="44"/>
        <v>2</v>
      </c>
    </row>
    <row r="924" spans="1:4" x14ac:dyDescent="0.25">
      <c r="A924" s="7">
        <f t="shared" si="45"/>
        <v>44600.166666664445</v>
      </c>
      <c r="B924" s="8">
        <v>-4.9800999999999998E-2</v>
      </c>
      <c r="C924">
        <f t="shared" si="43"/>
        <v>4</v>
      </c>
      <c r="D924">
        <f t="shared" si="44"/>
        <v>2</v>
      </c>
    </row>
    <row r="925" spans="1:4" x14ac:dyDescent="0.25">
      <c r="A925" s="7">
        <f t="shared" si="45"/>
        <v>44600.208333331109</v>
      </c>
      <c r="B925" s="8">
        <v>-4.9800999999999998E-2</v>
      </c>
      <c r="C925">
        <f t="shared" si="43"/>
        <v>5</v>
      </c>
      <c r="D925">
        <f t="shared" si="44"/>
        <v>2</v>
      </c>
    </row>
    <row r="926" spans="1:4" x14ac:dyDescent="0.25">
      <c r="A926" s="7">
        <f t="shared" si="45"/>
        <v>44600.249999997774</v>
      </c>
      <c r="B926" s="8">
        <v>-4.9800999999999998E-2</v>
      </c>
      <c r="C926">
        <f t="shared" si="43"/>
        <v>6</v>
      </c>
      <c r="D926">
        <f t="shared" si="44"/>
        <v>2</v>
      </c>
    </row>
    <row r="927" spans="1:4" x14ac:dyDescent="0.25">
      <c r="A927" s="7">
        <f t="shared" si="45"/>
        <v>44600.291666664438</v>
      </c>
      <c r="B927" s="8">
        <v>-4.9800999999999998E-2</v>
      </c>
      <c r="C927">
        <f t="shared" si="43"/>
        <v>7</v>
      </c>
      <c r="D927">
        <f t="shared" si="44"/>
        <v>2</v>
      </c>
    </row>
    <row r="928" spans="1:4" x14ac:dyDescent="0.25">
      <c r="A928" s="7">
        <f t="shared" si="45"/>
        <v>44600.333333331102</v>
      </c>
      <c r="B928" s="8">
        <v>-4.9800999999999998E-2</v>
      </c>
      <c r="C928">
        <f t="shared" si="43"/>
        <v>8</v>
      </c>
      <c r="D928">
        <f t="shared" si="44"/>
        <v>2</v>
      </c>
    </row>
    <row r="929" spans="1:4" x14ac:dyDescent="0.25">
      <c r="A929" s="7">
        <f t="shared" si="45"/>
        <v>44600.374999997766</v>
      </c>
      <c r="B929" s="8">
        <v>1.3963873737972634</v>
      </c>
      <c r="C929">
        <f t="shared" si="43"/>
        <v>9</v>
      </c>
      <c r="D929">
        <f t="shared" si="44"/>
        <v>2</v>
      </c>
    </row>
    <row r="930" spans="1:4" x14ac:dyDescent="0.25">
      <c r="A930" s="7">
        <f t="shared" si="45"/>
        <v>44600.416666664431</v>
      </c>
      <c r="B930" s="8">
        <v>2.91149755191597</v>
      </c>
      <c r="C930">
        <f t="shared" si="43"/>
        <v>10</v>
      </c>
      <c r="D930">
        <f t="shared" si="44"/>
        <v>2</v>
      </c>
    </row>
    <row r="931" spans="1:4" x14ac:dyDescent="0.25">
      <c r="A931" s="7">
        <f t="shared" si="45"/>
        <v>44600.458333331095</v>
      </c>
      <c r="B931" s="8">
        <v>4.4503623909326668</v>
      </c>
      <c r="C931">
        <f t="shared" si="43"/>
        <v>11</v>
      </c>
      <c r="D931">
        <f t="shared" si="44"/>
        <v>2</v>
      </c>
    </row>
    <row r="932" spans="1:4" x14ac:dyDescent="0.25">
      <c r="A932" s="7">
        <f t="shared" si="45"/>
        <v>44600.499999997759</v>
      </c>
      <c r="B932" s="8">
        <v>3.2266917771358679</v>
      </c>
      <c r="C932">
        <f t="shared" si="43"/>
        <v>12</v>
      </c>
      <c r="D932">
        <f t="shared" si="44"/>
        <v>2</v>
      </c>
    </row>
    <row r="933" spans="1:4" x14ac:dyDescent="0.25">
      <c r="A933" s="7">
        <f t="shared" si="45"/>
        <v>44600.541666664423</v>
      </c>
      <c r="B933" s="8">
        <v>2.4150448239075248</v>
      </c>
      <c r="C933">
        <f t="shared" si="43"/>
        <v>13</v>
      </c>
      <c r="D933">
        <f t="shared" si="44"/>
        <v>2</v>
      </c>
    </row>
    <row r="934" spans="1:4" x14ac:dyDescent="0.25">
      <c r="A934" s="7">
        <f t="shared" si="45"/>
        <v>44600.583333331087</v>
      </c>
      <c r="B934" s="8">
        <v>2.3310383088979307</v>
      </c>
      <c r="C934">
        <f t="shared" si="43"/>
        <v>14</v>
      </c>
      <c r="D934">
        <f t="shared" si="44"/>
        <v>2</v>
      </c>
    </row>
    <row r="935" spans="1:4" x14ac:dyDescent="0.25">
      <c r="A935" s="7">
        <f t="shared" si="45"/>
        <v>44600.624999997752</v>
      </c>
      <c r="B935" s="8">
        <v>1.9835992107761529</v>
      </c>
      <c r="C935">
        <f t="shared" si="43"/>
        <v>15</v>
      </c>
      <c r="D935">
        <f t="shared" si="44"/>
        <v>2</v>
      </c>
    </row>
    <row r="936" spans="1:4" x14ac:dyDescent="0.25">
      <c r="A936" s="7">
        <f t="shared" si="45"/>
        <v>44600.666666664416</v>
      </c>
      <c r="B936" s="8">
        <v>1.6482564489361968</v>
      </c>
      <c r="C936">
        <f t="shared" si="43"/>
        <v>16</v>
      </c>
      <c r="D936">
        <f t="shared" si="44"/>
        <v>2</v>
      </c>
    </row>
    <row r="937" spans="1:4" x14ac:dyDescent="0.25">
      <c r="A937" s="7">
        <f t="shared" si="45"/>
        <v>44600.70833333108</v>
      </c>
      <c r="B937" s="8">
        <v>1.5152225152282508</v>
      </c>
      <c r="C937">
        <f t="shared" si="43"/>
        <v>17</v>
      </c>
      <c r="D937">
        <f t="shared" si="44"/>
        <v>2</v>
      </c>
    </row>
    <row r="938" spans="1:4" x14ac:dyDescent="0.25">
      <c r="A938" s="7">
        <f t="shared" si="45"/>
        <v>44600.749999997744</v>
      </c>
      <c r="B938" s="8">
        <v>0.39518752275642227</v>
      </c>
      <c r="C938">
        <f t="shared" si="43"/>
        <v>18</v>
      </c>
      <c r="D938">
        <f t="shared" si="44"/>
        <v>2</v>
      </c>
    </row>
    <row r="939" spans="1:4" x14ac:dyDescent="0.25">
      <c r="A939" s="7">
        <f t="shared" si="45"/>
        <v>44600.791666664409</v>
      </c>
      <c r="B939" s="8">
        <v>-4.9800999999999998E-2</v>
      </c>
      <c r="C939">
        <f t="shared" si="43"/>
        <v>19</v>
      </c>
      <c r="D939">
        <f t="shared" si="44"/>
        <v>2</v>
      </c>
    </row>
    <row r="940" spans="1:4" x14ac:dyDescent="0.25">
      <c r="A940" s="7">
        <f t="shared" si="45"/>
        <v>44600.833333331073</v>
      </c>
      <c r="B940" s="8">
        <v>-4.9800999999999998E-2</v>
      </c>
      <c r="C940">
        <f t="shared" si="43"/>
        <v>20</v>
      </c>
      <c r="D940">
        <f t="shared" si="44"/>
        <v>2</v>
      </c>
    </row>
    <row r="941" spans="1:4" x14ac:dyDescent="0.25">
      <c r="A941" s="7">
        <f t="shared" si="45"/>
        <v>44600.874999997737</v>
      </c>
      <c r="B941" s="8">
        <v>-4.9800999999999998E-2</v>
      </c>
      <c r="C941">
        <f t="shared" si="43"/>
        <v>21</v>
      </c>
      <c r="D941">
        <f t="shared" si="44"/>
        <v>2</v>
      </c>
    </row>
    <row r="942" spans="1:4" x14ac:dyDescent="0.25">
      <c r="A942" s="7">
        <f t="shared" si="45"/>
        <v>44600.916666664401</v>
      </c>
      <c r="B942" s="8">
        <v>-4.9800999999999998E-2</v>
      </c>
      <c r="C942">
        <f t="shared" si="43"/>
        <v>22</v>
      </c>
      <c r="D942">
        <f t="shared" si="44"/>
        <v>2</v>
      </c>
    </row>
    <row r="943" spans="1:4" x14ac:dyDescent="0.25">
      <c r="A943" s="7">
        <f t="shared" si="45"/>
        <v>44600.958333331066</v>
      </c>
      <c r="B943" s="8">
        <v>-4.9800999999999998E-2</v>
      </c>
      <c r="C943">
        <f t="shared" si="43"/>
        <v>23</v>
      </c>
      <c r="D943">
        <f t="shared" si="44"/>
        <v>2</v>
      </c>
    </row>
    <row r="944" spans="1:4" x14ac:dyDescent="0.25">
      <c r="A944" s="7">
        <f t="shared" si="45"/>
        <v>44600.99999999773</v>
      </c>
      <c r="B944" s="8">
        <v>-4.9800999999999998E-2</v>
      </c>
      <c r="C944">
        <f t="shared" si="43"/>
        <v>0</v>
      </c>
      <c r="D944">
        <f t="shared" si="44"/>
        <v>2</v>
      </c>
    </row>
    <row r="945" spans="1:4" x14ac:dyDescent="0.25">
      <c r="A945" s="7">
        <f t="shared" si="45"/>
        <v>44601.041666664394</v>
      </c>
      <c r="B945" s="8">
        <v>-4.9800999999999998E-2</v>
      </c>
      <c r="C945">
        <f t="shared" si="43"/>
        <v>1</v>
      </c>
      <c r="D945">
        <f t="shared" si="44"/>
        <v>2</v>
      </c>
    </row>
    <row r="946" spans="1:4" x14ac:dyDescent="0.25">
      <c r="A946" s="7">
        <f t="shared" si="45"/>
        <v>44601.083333331058</v>
      </c>
      <c r="B946" s="8">
        <v>-4.9800999999999998E-2</v>
      </c>
      <c r="C946">
        <f t="shared" si="43"/>
        <v>2</v>
      </c>
      <c r="D946">
        <f t="shared" si="44"/>
        <v>2</v>
      </c>
    </row>
    <row r="947" spans="1:4" x14ac:dyDescent="0.25">
      <c r="A947" s="7">
        <f t="shared" si="45"/>
        <v>44601.124999997723</v>
      </c>
      <c r="B947" s="8">
        <v>-4.9800999999999998E-2</v>
      </c>
      <c r="C947">
        <f t="shared" si="43"/>
        <v>3</v>
      </c>
      <c r="D947">
        <f t="shared" si="44"/>
        <v>2</v>
      </c>
    </row>
    <row r="948" spans="1:4" x14ac:dyDescent="0.25">
      <c r="A948" s="7">
        <f t="shared" si="45"/>
        <v>44601.166666664387</v>
      </c>
      <c r="B948" s="8">
        <v>-4.9800999999999998E-2</v>
      </c>
      <c r="C948">
        <f t="shared" si="43"/>
        <v>4</v>
      </c>
      <c r="D948">
        <f t="shared" si="44"/>
        <v>2</v>
      </c>
    </row>
    <row r="949" spans="1:4" x14ac:dyDescent="0.25">
      <c r="A949" s="7">
        <f t="shared" si="45"/>
        <v>44601.208333331051</v>
      </c>
      <c r="B949" s="8">
        <v>-4.9800999999999998E-2</v>
      </c>
      <c r="C949">
        <f t="shared" si="43"/>
        <v>5</v>
      </c>
      <c r="D949">
        <f t="shared" si="44"/>
        <v>2</v>
      </c>
    </row>
    <row r="950" spans="1:4" x14ac:dyDescent="0.25">
      <c r="A950" s="7">
        <f t="shared" si="45"/>
        <v>44601.249999997715</v>
      </c>
      <c r="B950" s="8">
        <v>-4.9800999999999998E-2</v>
      </c>
      <c r="C950">
        <f t="shared" si="43"/>
        <v>6</v>
      </c>
      <c r="D950">
        <f t="shared" si="44"/>
        <v>2</v>
      </c>
    </row>
    <row r="951" spans="1:4" x14ac:dyDescent="0.25">
      <c r="A951" s="7">
        <f t="shared" si="45"/>
        <v>44601.29166666438</v>
      </c>
      <c r="B951" s="8">
        <v>-4.9800999999999998E-2</v>
      </c>
      <c r="C951">
        <f t="shared" si="43"/>
        <v>7</v>
      </c>
      <c r="D951">
        <f t="shared" si="44"/>
        <v>2</v>
      </c>
    </row>
    <row r="952" spans="1:4" x14ac:dyDescent="0.25">
      <c r="A952" s="7">
        <f t="shared" si="45"/>
        <v>44601.333333331044</v>
      </c>
      <c r="B952" s="8">
        <v>-4.9800999999999998E-2</v>
      </c>
      <c r="C952">
        <f t="shared" si="43"/>
        <v>8</v>
      </c>
      <c r="D952">
        <f t="shared" si="44"/>
        <v>2</v>
      </c>
    </row>
    <row r="953" spans="1:4" x14ac:dyDescent="0.25">
      <c r="A953" s="7">
        <f t="shared" si="45"/>
        <v>44601.374999997708</v>
      </c>
      <c r="B953" s="8">
        <v>1.2367264532803239</v>
      </c>
      <c r="C953">
        <f t="shared" si="43"/>
        <v>9</v>
      </c>
      <c r="D953">
        <f t="shared" si="44"/>
        <v>2</v>
      </c>
    </row>
    <row r="954" spans="1:4" x14ac:dyDescent="0.25">
      <c r="A954" s="7">
        <f t="shared" si="45"/>
        <v>44601.416666664372</v>
      </c>
      <c r="B954" s="8">
        <v>2.5292463172237407</v>
      </c>
      <c r="C954">
        <f t="shared" si="43"/>
        <v>10</v>
      </c>
      <c r="D954">
        <f t="shared" si="44"/>
        <v>2</v>
      </c>
    </row>
    <row r="955" spans="1:4" x14ac:dyDescent="0.25">
      <c r="A955" s="7">
        <f t="shared" si="45"/>
        <v>44601.458333331037</v>
      </c>
      <c r="B955" s="8">
        <v>4.4701656712986217</v>
      </c>
      <c r="C955">
        <f t="shared" si="43"/>
        <v>11</v>
      </c>
      <c r="D955">
        <f t="shared" si="44"/>
        <v>2</v>
      </c>
    </row>
    <row r="956" spans="1:4" x14ac:dyDescent="0.25">
      <c r="A956" s="7">
        <f t="shared" si="45"/>
        <v>44601.499999997701</v>
      </c>
      <c r="B956" s="8">
        <v>2.6658750384370968</v>
      </c>
      <c r="C956">
        <f t="shared" si="43"/>
        <v>12</v>
      </c>
      <c r="D956">
        <f t="shared" si="44"/>
        <v>2</v>
      </c>
    </row>
    <row r="957" spans="1:4" x14ac:dyDescent="0.25">
      <c r="A957" s="7">
        <f t="shared" si="45"/>
        <v>44601.541666664365</v>
      </c>
      <c r="B957" s="8">
        <v>2.7549552744584829</v>
      </c>
      <c r="C957">
        <f t="shared" si="43"/>
        <v>13</v>
      </c>
      <c r="D957">
        <f t="shared" si="44"/>
        <v>2</v>
      </c>
    </row>
    <row r="958" spans="1:4" x14ac:dyDescent="0.25">
      <c r="A958" s="7">
        <f t="shared" si="45"/>
        <v>44601.583333331029</v>
      </c>
      <c r="B958" s="8">
        <v>2.8738862631480724</v>
      </c>
      <c r="C958">
        <f t="shared" si="43"/>
        <v>14</v>
      </c>
      <c r="D958">
        <f t="shared" si="44"/>
        <v>2</v>
      </c>
    </row>
    <row r="959" spans="1:4" x14ac:dyDescent="0.25">
      <c r="A959" s="7">
        <f t="shared" si="45"/>
        <v>44601.624999997694</v>
      </c>
      <c r="B959" s="8">
        <v>2.6767562788276122</v>
      </c>
      <c r="C959">
        <f t="shared" si="43"/>
        <v>15</v>
      </c>
      <c r="D959">
        <f t="shared" si="44"/>
        <v>2</v>
      </c>
    </row>
    <row r="960" spans="1:4" x14ac:dyDescent="0.25">
      <c r="A960" s="7">
        <f t="shared" si="45"/>
        <v>44601.666666664358</v>
      </c>
      <c r="B960" s="8">
        <v>2.6277783296820862</v>
      </c>
      <c r="C960">
        <f t="shared" si="43"/>
        <v>16</v>
      </c>
      <c r="D960">
        <f t="shared" si="44"/>
        <v>2</v>
      </c>
    </row>
    <row r="961" spans="1:4" x14ac:dyDescent="0.25">
      <c r="A961" s="7">
        <f t="shared" si="45"/>
        <v>44601.708333331022</v>
      </c>
      <c r="B961" s="8">
        <v>1.8285070095858995</v>
      </c>
      <c r="C961">
        <f t="shared" si="43"/>
        <v>17</v>
      </c>
      <c r="D961">
        <f t="shared" si="44"/>
        <v>2</v>
      </c>
    </row>
    <row r="962" spans="1:4" x14ac:dyDescent="0.25">
      <c r="A962" s="7">
        <f t="shared" si="45"/>
        <v>44601.749999997686</v>
      </c>
      <c r="B962" s="8">
        <v>0.5822741572373703</v>
      </c>
      <c r="C962">
        <f t="shared" si="43"/>
        <v>18</v>
      </c>
      <c r="D962">
        <f t="shared" si="44"/>
        <v>2</v>
      </c>
    </row>
    <row r="963" spans="1:4" x14ac:dyDescent="0.25">
      <c r="A963" s="7">
        <f t="shared" si="45"/>
        <v>44601.79166666435</v>
      </c>
      <c r="B963" s="8">
        <v>-4.9800999999999998E-2</v>
      </c>
      <c r="C963">
        <f t="shared" si="43"/>
        <v>19</v>
      </c>
      <c r="D963">
        <f t="shared" si="44"/>
        <v>2</v>
      </c>
    </row>
    <row r="964" spans="1:4" x14ac:dyDescent="0.25">
      <c r="A964" s="7">
        <f t="shared" si="45"/>
        <v>44601.833333331015</v>
      </c>
      <c r="B964" s="8">
        <v>-4.9800999999999998E-2</v>
      </c>
      <c r="C964">
        <f t="shared" si="43"/>
        <v>20</v>
      </c>
      <c r="D964">
        <f t="shared" si="44"/>
        <v>2</v>
      </c>
    </row>
    <row r="965" spans="1:4" x14ac:dyDescent="0.25">
      <c r="A965" s="7">
        <f t="shared" si="45"/>
        <v>44601.874999997679</v>
      </c>
      <c r="B965" s="8">
        <v>-4.9800999999999998E-2</v>
      </c>
      <c r="C965">
        <f t="shared" si="43"/>
        <v>21</v>
      </c>
      <c r="D965">
        <f t="shared" si="44"/>
        <v>2</v>
      </c>
    </row>
    <row r="966" spans="1:4" x14ac:dyDescent="0.25">
      <c r="A966" s="7">
        <f t="shared" si="45"/>
        <v>44601.916666664343</v>
      </c>
      <c r="B966" s="8">
        <v>-4.9800999999999998E-2</v>
      </c>
      <c r="C966">
        <f t="shared" si="43"/>
        <v>22</v>
      </c>
      <c r="D966">
        <f t="shared" si="44"/>
        <v>2</v>
      </c>
    </row>
    <row r="967" spans="1:4" x14ac:dyDescent="0.25">
      <c r="A967" s="7">
        <f t="shared" si="45"/>
        <v>44601.958333331007</v>
      </c>
      <c r="B967" s="8">
        <v>-4.9800999999999998E-2</v>
      </c>
      <c r="C967">
        <f t="shared" si="43"/>
        <v>23</v>
      </c>
      <c r="D967">
        <f t="shared" si="44"/>
        <v>2</v>
      </c>
    </row>
    <row r="968" spans="1:4" x14ac:dyDescent="0.25">
      <c r="A968" s="7">
        <f t="shared" si="45"/>
        <v>44601.999999997672</v>
      </c>
      <c r="B968" s="8">
        <v>-4.9800999999999998E-2</v>
      </c>
      <c r="C968">
        <f t="shared" si="43"/>
        <v>0</v>
      </c>
      <c r="D968">
        <f t="shared" si="44"/>
        <v>2</v>
      </c>
    </row>
    <row r="969" spans="1:4" x14ac:dyDescent="0.25">
      <c r="A969" s="7">
        <f t="shared" si="45"/>
        <v>44602.041666664336</v>
      </c>
      <c r="B969" s="8">
        <v>-4.9800999999999998E-2</v>
      </c>
      <c r="C969">
        <f t="shared" si="43"/>
        <v>1</v>
      </c>
      <c r="D969">
        <f t="shared" si="44"/>
        <v>2</v>
      </c>
    </row>
    <row r="970" spans="1:4" x14ac:dyDescent="0.25">
      <c r="A970" s="7">
        <f t="shared" si="45"/>
        <v>44602.083333331</v>
      </c>
      <c r="B970" s="8">
        <v>-4.9800999999999998E-2</v>
      </c>
      <c r="C970">
        <f t="shared" ref="C970:C1033" si="46">HOUR(A970)</f>
        <v>2</v>
      </c>
      <c r="D970">
        <f t="shared" ref="D970:D1033" si="47">MONTH(A970)</f>
        <v>2</v>
      </c>
    </row>
    <row r="971" spans="1:4" x14ac:dyDescent="0.25">
      <c r="A971" s="7">
        <f t="shared" ref="A971:A1034" si="48">+A970+1/24</f>
        <v>44602.124999997664</v>
      </c>
      <c r="B971" s="8">
        <v>-4.9800999999999998E-2</v>
      </c>
      <c r="C971">
        <f t="shared" si="46"/>
        <v>3</v>
      </c>
      <c r="D971">
        <f t="shared" si="47"/>
        <v>2</v>
      </c>
    </row>
    <row r="972" spans="1:4" x14ac:dyDescent="0.25">
      <c r="A972" s="7">
        <f t="shared" si="48"/>
        <v>44602.166666664329</v>
      </c>
      <c r="B972" s="8">
        <v>-4.9800999999999998E-2</v>
      </c>
      <c r="C972">
        <f t="shared" si="46"/>
        <v>4</v>
      </c>
      <c r="D972">
        <f t="shared" si="47"/>
        <v>2</v>
      </c>
    </row>
    <row r="973" spans="1:4" x14ac:dyDescent="0.25">
      <c r="A973" s="7">
        <f t="shared" si="48"/>
        <v>44602.208333330993</v>
      </c>
      <c r="B973" s="8">
        <v>-4.9800999999999998E-2</v>
      </c>
      <c r="C973">
        <f t="shared" si="46"/>
        <v>5</v>
      </c>
      <c r="D973">
        <f t="shared" si="47"/>
        <v>2</v>
      </c>
    </row>
    <row r="974" spans="1:4" x14ac:dyDescent="0.25">
      <c r="A974" s="7">
        <f t="shared" si="48"/>
        <v>44602.249999997657</v>
      </c>
      <c r="B974" s="8">
        <v>-4.9800999999999998E-2</v>
      </c>
      <c r="C974">
        <f t="shared" si="46"/>
        <v>6</v>
      </c>
      <c r="D974">
        <f t="shared" si="47"/>
        <v>2</v>
      </c>
    </row>
    <row r="975" spans="1:4" x14ac:dyDescent="0.25">
      <c r="A975" s="7">
        <f t="shared" si="48"/>
        <v>44602.291666664321</v>
      </c>
      <c r="B975" s="8">
        <v>-4.9800999999999998E-2</v>
      </c>
      <c r="C975">
        <f t="shared" si="46"/>
        <v>7</v>
      </c>
      <c r="D975">
        <f t="shared" si="47"/>
        <v>2</v>
      </c>
    </row>
    <row r="976" spans="1:4" x14ac:dyDescent="0.25">
      <c r="A976" s="7">
        <f t="shared" si="48"/>
        <v>44602.333333330986</v>
      </c>
      <c r="B976" s="8">
        <v>-4.9800999999999998E-2</v>
      </c>
      <c r="C976">
        <f t="shared" si="46"/>
        <v>8</v>
      </c>
      <c r="D976">
        <f t="shared" si="47"/>
        <v>2</v>
      </c>
    </row>
    <row r="977" spans="1:4" x14ac:dyDescent="0.25">
      <c r="A977" s="7">
        <f t="shared" si="48"/>
        <v>44602.37499999765</v>
      </c>
      <c r="B977" s="8">
        <v>2.1535941147554616</v>
      </c>
      <c r="C977">
        <f t="shared" si="46"/>
        <v>9</v>
      </c>
      <c r="D977">
        <f t="shared" si="47"/>
        <v>2</v>
      </c>
    </row>
    <row r="978" spans="1:4" x14ac:dyDescent="0.25">
      <c r="A978" s="7">
        <f t="shared" si="48"/>
        <v>44602.416666664314</v>
      </c>
      <c r="B978" s="8">
        <v>2.9114223169710463</v>
      </c>
      <c r="C978">
        <f t="shared" si="46"/>
        <v>10</v>
      </c>
      <c r="D978">
        <f t="shared" si="47"/>
        <v>2</v>
      </c>
    </row>
    <row r="979" spans="1:4" x14ac:dyDescent="0.25">
      <c r="A979" s="7">
        <f t="shared" si="48"/>
        <v>44602.458333330978</v>
      </c>
      <c r="B979" s="8">
        <v>5.415325794527921</v>
      </c>
      <c r="C979">
        <f t="shared" si="46"/>
        <v>11</v>
      </c>
      <c r="D979">
        <f t="shared" si="47"/>
        <v>2</v>
      </c>
    </row>
    <row r="980" spans="1:4" x14ac:dyDescent="0.25">
      <c r="A980" s="7">
        <f t="shared" si="48"/>
        <v>44602.499999997643</v>
      </c>
      <c r="B980" s="8">
        <v>8.5933591133802683</v>
      </c>
      <c r="C980">
        <f t="shared" si="46"/>
        <v>12</v>
      </c>
      <c r="D980">
        <f t="shared" si="47"/>
        <v>2</v>
      </c>
    </row>
    <row r="981" spans="1:4" x14ac:dyDescent="0.25">
      <c r="A981" s="7">
        <f t="shared" si="48"/>
        <v>44602.541666664307</v>
      </c>
      <c r="B981" s="8">
        <v>4.1629535645504561</v>
      </c>
      <c r="C981">
        <f t="shared" si="46"/>
        <v>13</v>
      </c>
      <c r="D981">
        <f t="shared" si="47"/>
        <v>2</v>
      </c>
    </row>
    <row r="982" spans="1:4" x14ac:dyDescent="0.25">
      <c r="A982" s="7">
        <f t="shared" si="48"/>
        <v>44602.583333330971</v>
      </c>
      <c r="B982" s="8">
        <v>4.7053717520604152</v>
      </c>
      <c r="C982">
        <f t="shared" si="46"/>
        <v>14</v>
      </c>
      <c r="D982">
        <f t="shared" si="47"/>
        <v>2</v>
      </c>
    </row>
    <row r="983" spans="1:4" x14ac:dyDescent="0.25">
      <c r="A983" s="7">
        <f t="shared" si="48"/>
        <v>44602.624999997635</v>
      </c>
      <c r="B983" s="8">
        <v>4.2746960088449093</v>
      </c>
      <c r="C983">
        <f t="shared" si="46"/>
        <v>15</v>
      </c>
      <c r="D983">
        <f t="shared" si="47"/>
        <v>2</v>
      </c>
    </row>
    <row r="984" spans="1:4" x14ac:dyDescent="0.25">
      <c r="A984" s="7">
        <f t="shared" si="48"/>
        <v>44602.6666666643</v>
      </c>
      <c r="B984" s="8">
        <v>2.7580141418082698</v>
      </c>
      <c r="C984">
        <f t="shared" si="46"/>
        <v>16</v>
      </c>
      <c r="D984">
        <f t="shared" si="47"/>
        <v>2</v>
      </c>
    </row>
    <row r="985" spans="1:4" x14ac:dyDescent="0.25">
      <c r="A985" s="7">
        <f t="shared" si="48"/>
        <v>44602.708333330964</v>
      </c>
      <c r="B985" s="8">
        <v>1.3080605178408009</v>
      </c>
      <c r="C985">
        <f t="shared" si="46"/>
        <v>17</v>
      </c>
      <c r="D985">
        <f t="shared" si="47"/>
        <v>2</v>
      </c>
    </row>
    <row r="986" spans="1:4" x14ac:dyDescent="0.25">
      <c r="A986" s="7">
        <f t="shared" si="48"/>
        <v>44602.749999997628</v>
      </c>
      <c r="B986" s="8">
        <v>0.68805036733778191</v>
      </c>
      <c r="C986">
        <f t="shared" si="46"/>
        <v>18</v>
      </c>
      <c r="D986">
        <f t="shared" si="47"/>
        <v>2</v>
      </c>
    </row>
    <row r="987" spans="1:4" x14ac:dyDescent="0.25">
      <c r="A987" s="7">
        <f t="shared" si="48"/>
        <v>44602.791666664292</v>
      </c>
      <c r="B987" s="8">
        <v>-4.9800999999999998E-2</v>
      </c>
      <c r="C987">
        <f t="shared" si="46"/>
        <v>19</v>
      </c>
      <c r="D987">
        <f t="shared" si="47"/>
        <v>2</v>
      </c>
    </row>
    <row r="988" spans="1:4" x14ac:dyDescent="0.25">
      <c r="A988" s="7">
        <f t="shared" si="48"/>
        <v>44602.833333330957</v>
      </c>
      <c r="B988" s="8">
        <v>-4.9800999999999998E-2</v>
      </c>
      <c r="C988">
        <f t="shared" si="46"/>
        <v>20</v>
      </c>
      <c r="D988">
        <f t="shared" si="47"/>
        <v>2</v>
      </c>
    </row>
    <row r="989" spans="1:4" x14ac:dyDescent="0.25">
      <c r="A989" s="7">
        <f t="shared" si="48"/>
        <v>44602.874999997621</v>
      </c>
      <c r="B989" s="8">
        <v>-4.9800999999999998E-2</v>
      </c>
      <c r="C989">
        <f t="shared" si="46"/>
        <v>21</v>
      </c>
      <c r="D989">
        <f t="shared" si="47"/>
        <v>2</v>
      </c>
    </row>
    <row r="990" spans="1:4" x14ac:dyDescent="0.25">
      <c r="A990" s="7">
        <f t="shared" si="48"/>
        <v>44602.916666664285</v>
      </c>
      <c r="B990" s="8">
        <v>-4.9800999999999998E-2</v>
      </c>
      <c r="C990">
        <f t="shared" si="46"/>
        <v>22</v>
      </c>
      <c r="D990">
        <f t="shared" si="47"/>
        <v>2</v>
      </c>
    </row>
    <row r="991" spans="1:4" x14ac:dyDescent="0.25">
      <c r="A991" s="7">
        <f t="shared" si="48"/>
        <v>44602.958333330949</v>
      </c>
      <c r="B991" s="8">
        <v>-4.9800999999999998E-2</v>
      </c>
      <c r="C991">
        <f t="shared" si="46"/>
        <v>23</v>
      </c>
      <c r="D991">
        <f t="shared" si="47"/>
        <v>2</v>
      </c>
    </row>
    <row r="992" spans="1:4" x14ac:dyDescent="0.25">
      <c r="A992" s="7">
        <f t="shared" si="48"/>
        <v>44602.999999997613</v>
      </c>
      <c r="B992" s="8">
        <v>-4.9800999999999998E-2</v>
      </c>
      <c r="C992">
        <f t="shared" si="46"/>
        <v>0</v>
      </c>
      <c r="D992">
        <f t="shared" si="47"/>
        <v>2</v>
      </c>
    </row>
    <row r="993" spans="1:4" x14ac:dyDescent="0.25">
      <c r="A993" s="7">
        <f t="shared" si="48"/>
        <v>44603.041666664278</v>
      </c>
      <c r="B993" s="8">
        <v>-4.9800999999999998E-2</v>
      </c>
      <c r="C993">
        <f t="shared" si="46"/>
        <v>1</v>
      </c>
      <c r="D993">
        <f t="shared" si="47"/>
        <v>2</v>
      </c>
    </row>
    <row r="994" spans="1:4" x14ac:dyDescent="0.25">
      <c r="A994" s="7">
        <f t="shared" si="48"/>
        <v>44603.083333330942</v>
      </c>
      <c r="B994" s="8">
        <v>-4.9800999999999998E-2</v>
      </c>
      <c r="C994">
        <f t="shared" si="46"/>
        <v>2</v>
      </c>
      <c r="D994">
        <f t="shared" si="47"/>
        <v>2</v>
      </c>
    </row>
    <row r="995" spans="1:4" x14ac:dyDescent="0.25">
      <c r="A995" s="7">
        <f t="shared" si="48"/>
        <v>44603.124999997606</v>
      </c>
      <c r="B995" s="8">
        <v>-4.9800999999999998E-2</v>
      </c>
      <c r="C995">
        <f t="shared" si="46"/>
        <v>3</v>
      </c>
      <c r="D995">
        <f t="shared" si="47"/>
        <v>2</v>
      </c>
    </row>
    <row r="996" spans="1:4" x14ac:dyDescent="0.25">
      <c r="A996" s="7">
        <f t="shared" si="48"/>
        <v>44603.16666666427</v>
      </c>
      <c r="B996" s="8">
        <v>-4.9800999999999998E-2</v>
      </c>
      <c r="C996">
        <f t="shared" si="46"/>
        <v>4</v>
      </c>
      <c r="D996">
        <f t="shared" si="47"/>
        <v>2</v>
      </c>
    </row>
    <row r="997" spans="1:4" x14ac:dyDescent="0.25">
      <c r="A997" s="7">
        <f t="shared" si="48"/>
        <v>44603.208333330935</v>
      </c>
      <c r="B997" s="8">
        <v>-4.9800999999999998E-2</v>
      </c>
      <c r="C997">
        <f t="shared" si="46"/>
        <v>5</v>
      </c>
      <c r="D997">
        <f t="shared" si="47"/>
        <v>2</v>
      </c>
    </row>
    <row r="998" spans="1:4" x14ac:dyDescent="0.25">
      <c r="A998" s="7">
        <f t="shared" si="48"/>
        <v>44603.249999997599</v>
      </c>
      <c r="B998" s="8">
        <v>-4.9800999999999998E-2</v>
      </c>
      <c r="C998">
        <f t="shared" si="46"/>
        <v>6</v>
      </c>
      <c r="D998">
        <f t="shared" si="47"/>
        <v>2</v>
      </c>
    </row>
    <row r="999" spans="1:4" x14ac:dyDescent="0.25">
      <c r="A999" s="7">
        <f t="shared" si="48"/>
        <v>44603.291666664263</v>
      </c>
      <c r="B999" s="8">
        <v>-4.9800999999999998E-2</v>
      </c>
      <c r="C999">
        <f t="shared" si="46"/>
        <v>7</v>
      </c>
      <c r="D999">
        <f t="shared" si="47"/>
        <v>2</v>
      </c>
    </row>
    <row r="1000" spans="1:4" x14ac:dyDescent="0.25">
      <c r="A1000" s="7">
        <f t="shared" si="48"/>
        <v>44603.333333330927</v>
      </c>
      <c r="B1000" s="8">
        <v>-4.9800999999999998E-2</v>
      </c>
      <c r="C1000">
        <f t="shared" si="46"/>
        <v>8</v>
      </c>
      <c r="D1000">
        <f t="shared" si="47"/>
        <v>2</v>
      </c>
    </row>
    <row r="1001" spans="1:4" x14ac:dyDescent="0.25">
      <c r="A1001" s="7">
        <f t="shared" si="48"/>
        <v>44603.374999997592</v>
      </c>
      <c r="B1001" s="8">
        <v>1.1895263161895093</v>
      </c>
      <c r="C1001">
        <f t="shared" si="46"/>
        <v>9</v>
      </c>
      <c r="D1001">
        <f t="shared" si="47"/>
        <v>2</v>
      </c>
    </row>
    <row r="1002" spans="1:4" x14ac:dyDescent="0.25">
      <c r="A1002" s="7">
        <f t="shared" si="48"/>
        <v>44603.416666664256</v>
      </c>
      <c r="B1002" s="8">
        <v>3.4114739549476369</v>
      </c>
      <c r="C1002">
        <f t="shared" si="46"/>
        <v>10</v>
      </c>
      <c r="D1002">
        <f t="shared" si="47"/>
        <v>2</v>
      </c>
    </row>
    <row r="1003" spans="1:4" x14ac:dyDescent="0.25">
      <c r="A1003" s="7">
        <f t="shared" si="48"/>
        <v>44603.45833333092</v>
      </c>
      <c r="B1003" s="8">
        <v>5.3406566576143746</v>
      </c>
      <c r="C1003">
        <f t="shared" si="46"/>
        <v>11</v>
      </c>
      <c r="D1003">
        <f t="shared" si="47"/>
        <v>2</v>
      </c>
    </row>
    <row r="1004" spans="1:4" x14ac:dyDescent="0.25">
      <c r="A1004" s="7">
        <f t="shared" si="48"/>
        <v>44603.499999997584</v>
      </c>
      <c r="B1004" s="8">
        <v>10.940550261891815</v>
      </c>
      <c r="C1004">
        <f t="shared" si="46"/>
        <v>12</v>
      </c>
      <c r="D1004">
        <f t="shared" si="47"/>
        <v>2</v>
      </c>
    </row>
    <row r="1005" spans="1:4" x14ac:dyDescent="0.25">
      <c r="A1005" s="7">
        <f t="shared" si="48"/>
        <v>44603.541666664249</v>
      </c>
      <c r="B1005" s="8">
        <v>10.045409009648772</v>
      </c>
      <c r="C1005">
        <f t="shared" si="46"/>
        <v>13</v>
      </c>
      <c r="D1005">
        <f t="shared" si="47"/>
        <v>2</v>
      </c>
    </row>
    <row r="1006" spans="1:4" x14ac:dyDescent="0.25">
      <c r="A1006" s="7">
        <f t="shared" si="48"/>
        <v>44603.583333330913</v>
      </c>
      <c r="B1006" s="8">
        <v>10.330681369718279</v>
      </c>
      <c r="C1006">
        <f t="shared" si="46"/>
        <v>14</v>
      </c>
      <c r="D1006">
        <f t="shared" si="47"/>
        <v>2</v>
      </c>
    </row>
    <row r="1007" spans="1:4" x14ac:dyDescent="0.25">
      <c r="A1007" s="7">
        <f t="shared" si="48"/>
        <v>44603.624999997577</v>
      </c>
      <c r="B1007" s="8">
        <v>8.5406833151609458</v>
      </c>
      <c r="C1007">
        <f t="shared" si="46"/>
        <v>15</v>
      </c>
      <c r="D1007">
        <f t="shared" si="47"/>
        <v>2</v>
      </c>
    </row>
    <row r="1008" spans="1:4" x14ac:dyDescent="0.25">
      <c r="A1008" s="7">
        <f t="shared" si="48"/>
        <v>44603.666666664241</v>
      </c>
      <c r="B1008" s="8">
        <v>5.4348209208043929</v>
      </c>
      <c r="C1008">
        <f t="shared" si="46"/>
        <v>16</v>
      </c>
      <c r="D1008">
        <f t="shared" si="47"/>
        <v>2</v>
      </c>
    </row>
    <row r="1009" spans="1:4" x14ac:dyDescent="0.25">
      <c r="A1009" s="7">
        <f t="shared" si="48"/>
        <v>44603.708333330906</v>
      </c>
      <c r="B1009" s="8">
        <v>2.8250072531082</v>
      </c>
      <c r="C1009">
        <f t="shared" si="46"/>
        <v>17</v>
      </c>
      <c r="D1009">
        <f t="shared" si="47"/>
        <v>2</v>
      </c>
    </row>
    <row r="1010" spans="1:4" x14ac:dyDescent="0.25">
      <c r="A1010" s="7">
        <f t="shared" si="48"/>
        <v>44603.74999999757</v>
      </c>
      <c r="B1010" s="8">
        <v>0.91410355021094369</v>
      </c>
      <c r="C1010">
        <f t="shared" si="46"/>
        <v>18</v>
      </c>
      <c r="D1010">
        <f t="shared" si="47"/>
        <v>2</v>
      </c>
    </row>
    <row r="1011" spans="1:4" x14ac:dyDescent="0.25">
      <c r="A1011" s="7">
        <f t="shared" si="48"/>
        <v>44603.791666664234</v>
      </c>
      <c r="B1011" s="8">
        <v>-4.9800999999999998E-2</v>
      </c>
      <c r="C1011">
        <f t="shared" si="46"/>
        <v>19</v>
      </c>
      <c r="D1011">
        <f t="shared" si="47"/>
        <v>2</v>
      </c>
    </row>
    <row r="1012" spans="1:4" x14ac:dyDescent="0.25">
      <c r="A1012" s="7">
        <f t="shared" si="48"/>
        <v>44603.833333330898</v>
      </c>
      <c r="B1012" s="8">
        <v>-4.9800999999999998E-2</v>
      </c>
      <c r="C1012">
        <f t="shared" si="46"/>
        <v>20</v>
      </c>
      <c r="D1012">
        <f t="shared" si="47"/>
        <v>2</v>
      </c>
    </row>
    <row r="1013" spans="1:4" x14ac:dyDescent="0.25">
      <c r="A1013" s="7">
        <f t="shared" si="48"/>
        <v>44603.874999997563</v>
      </c>
      <c r="B1013" s="8">
        <v>-4.9800999999999998E-2</v>
      </c>
      <c r="C1013">
        <f t="shared" si="46"/>
        <v>21</v>
      </c>
      <c r="D1013">
        <f t="shared" si="47"/>
        <v>2</v>
      </c>
    </row>
    <row r="1014" spans="1:4" x14ac:dyDescent="0.25">
      <c r="A1014" s="7">
        <f t="shared" si="48"/>
        <v>44603.916666664227</v>
      </c>
      <c r="B1014" s="8">
        <v>-4.9800999999999998E-2</v>
      </c>
      <c r="C1014">
        <f t="shared" si="46"/>
        <v>22</v>
      </c>
      <c r="D1014">
        <f t="shared" si="47"/>
        <v>2</v>
      </c>
    </row>
    <row r="1015" spans="1:4" x14ac:dyDescent="0.25">
      <c r="A1015" s="7">
        <f t="shared" si="48"/>
        <v>44603.958333330891</v>
      </c>
      <c r="B1015" s="8">
        <v>-4.9800999999999998E-2</v>
      </c>
      <c r="C1015">
        <f t="shared" si="46"/>
        <v>23</v>
      </c>
      <c r="D1015">
        <f t="shared" si="47"/>
        <v>2</v>
      </c>
    </row>
    <row r="1016" spans="1:4" x14ac:dyDescent="0.25">
      <c r="A1016" s="7">
        <f t="shared" si="48"/>
        <v>44603.999999997555</v>
      </c>
      <c r="B1016" s="8">
        <v>-4.9800999999999998E-2</v>
      </c>
      <c r="C1016">
        <f t="shared" si="46"/>
        <v>0</v>
      </c>
      <c r="D1016">
        <f t="shared" si="47"/>
        <v>2</v>
      </c>
    </row>
    <row r="1017" spans="1:4" x14ac:dyDescent="0.25">
      <c r="A1017" s="7">
        <f t="shared" si="48"/>
        <v>44604.04166666422</v>
      </c>
      <c r="B1017" s="8">
        <v>-4.9800999999999998E-2</v>
      </c>
      <c r="C1017">
        <f t="shared" si="46"/>
        <v>1</v>
      </c>
      <c r="D1017">
        <f t="shared" si="47"/>
        <v>2</v>
      </c>
    </row>
    <row r="1018" spans="1:4" x14ac:dyDescent="0.25">
      <c r="A1018" s="7">
        <f t="shared" si="48"/>
        <v>44604.083333330884</v>
      </c>
      <c r="B1018" s="8">
        <v>-4.9800999999999998E-2</v>
      </c>
      <c r="C1018">
        <f t="shared" si="46"/>
        <v>2</v>
      </c>
      <c r="D1018">
        <f t="shared" si="47"/>
        <v>2</v>
      </c>
    </row>
    <row r="1019" spans="1:4" x14ac:dyDescent="0.25">
      <c r="A1019" s="7">
        <f t="shared" si="48"/>
        <v>44604.124999997548</v>
      </c>
      <c r="B1019" s="8">
        <v>-4.9800999999999998E-2</v>
      </c>
      <c r="C1019">
        <f t="shared" si="46"/>
        <v>3</v>
      </c>
      <c r="D1019">
        <f t="shared" si="47"/>
        <v>2</v>
      </c>
    </row>
    <row r="1020" spans="1:4" x14ac:dyDescent="0.25">
      <c r="A1020" s="7">
        <f t="shared" si="48"/>
        <v>44604.166666664212</v>
      </c>
      <c r="B1020" s="8">
        <v>-4.9800999999999998E-2</v>
      </c>
      <c r="C1020">
        <f t="shared" si="46"/>
        <v>4</v>
      </c>
      <c r="D1020">
        <f t="shared" si="47"/>
        <v>2</v>
      </c>
    </row>
    <row r="1021" spans="1:4" x14ac:dyDescent="0.25">
      <c r="A1021" s="7">
        <f t="shared" si="48"/>
        <v>44604.208333330876</v>
      </c>
      <c r="B1021" s="8">
        <v>-4.9800999999999998E-2</v>
      </c>
      <c r="C1021">
        <f t="shared" si="46"/>
        <v>5</v>
      </c>
      <c r="D1021">
        <f t="shared" si="47"/>
        <v>2</v>
      </c>
    </row>
    <row r="1022" spans="1:4" x14ac:dyDescent="0.25">
      <c r="A1022" s="7">
        <f t="shared" si="48"/>
        <v>44604.249999997541</v>
      </c>
      <c r="B1022" s="8">
        <v>-4.9800999999999998E-2</v>
      </c>
      <c r="C1022">
        <f t="shared" si="46"/>
        <v>6</v>
      </c>
      <c r="D1022">
        <f t="shared" si="47"/>
        <v>2</v>
      </c>
    </row>
    <row r="1023" spans="1:4" x14ac:dyDescent="0.25">
      <c r="A1023" s="7">
        <f t="shared" si="48"/>
        <v>44604.291666664205</v>
      </c>
      <c r="B1023" s="8">
        <v>-4.9800999999999998E-2</v>
      </c>
      <c r="C1023">
        <f t="shared" si="46"/>
        <v>7</v>
      </c>
      <c r="D1023">
        <f t="shared" si="47"/>
        <v>2</v>
      </c>
    </row>
    <row r="1024" spans="1:4" x14ac:dyDescent="0.25">
      <c r="A1024" s="7">
        <f t="shared" si="48"/>
        <v>44604.333333330869</v>
      </c>
      <c r="B1024" s="8">
        <v>0.39369416063046497</v>
      </c>
      <c r="C1024">
        <f t="shared" si="46"/>
        <v>8</v>
      </c>
      <c r="D1024">
        <f t="shared" si="47"/>
        <v>2</v>
      </c>
    </row>
    <row r="1025" spans="1:4" x14ac:dyDescent="0.25">
      <c r="A1025" s="7">
        <f t="shared" si="48"/>
        <v>44604.374999997533</v>
      </c>
      <c r="B1025" s="8">
        <v>7.1365199460287281</v>
      </c>
      <c r="C1025">
        <f t="shared" si="46"/>
        <v>9</v>
      </c>
      <c r="D1025">
        <f t="shared" si="47"/>
        <v>2</v>
      </c>
    </row>
    <row r="1026" spans="1:4" x14ac:dyDescent="0.25">
      <c r="A1026" s="7">
        <f t="shared" si="48"/>
        <v>44604.416666664198</v>
      </c>
      <c r="B1026" s="8">
        <v>14.136290588809086</v>
      </c>
      <c r="C1026">
        <f t="shared" si="46"/>
        <v>10</v>
      </c>
      <c r="D1026">
        <f t="shared" si="47"/>
        <v>2</v>
      </c>
    </row>
    <row r="1027" spans="1:4" x14ac:dyDescent="0.25">
      <c r="A1027" s="7">
        <f t="shared" si="48"/>
        <v>44604.458333330862</v>
      </c>
      <c r="B1027" s="8">
        <v>19.172884701205263</v>
      </c>
      <c r="C1027">
        <f t="shared" si="46"/>
        <v>11</v>
      </c>
      <c r="D1027">
        <f t="shared" si="47"/>
        <v>2</v>
      </c>
    </row>
    <row r="1028" spans="1:4" x14ac:dyDescent="0.25">
      <c r="A1028" s="7">
        <f t="shared" si="48"/>
        <v>44604.499999997526</v>
      </c>
      <c r="B1028" s="8">
        <v>20.451174854401206</v>
      </c>
      <c r="C1028">
        <f t="shared" si="46"/>
        <v>12</v>
      </c>
      <c r="D1028">
        <f t="shared" si="47"/>
        <v>2</v>
      </c>
    </row>
    <row r="1029" spans="1:4" x14ac:dyDescent="0.25">
      <c r="A1029" s="7">
        <f t="shared" si="48"/>
        <v>44604.54166666419</v>
      </c>
      <c r="B1029" s="8">
        <v>20.451243905652024</v>
      </c>
      <c r="C1029">
        <f t="shared" si="46"/>
        <v>13</v>
      </c>
      <c r="D1029">
        <f t="shared" si="47"/>
        <v>2</v>
      </c>
    </row>
    <row r="1030" spans="1:4" x14ac:dyDescent="0.25">
      <c r="A1030" s="7">
        <f t="shared" si="48"/>
        <v>44604.583333330855</v>
      </c>
      <c r="B1030" s="8">
        <v>20.451248028114762</v>
      </c>
      <c r="C1030">
        <f t="shared" si="46"/>
        <v>14</v>
      </c>
      <c r="D1030">
        <f t="shared" si="47"/>
        <v>2</v>
      </c>
    </row>
    <row r="1031" spans="1:4" x14ac:dyDescent="0.25">
      <c r="A1031" s="7">
        <f t="shared" si="48"/>
        <v>44604.624999997519</v>
      </c>
      <c r="B1031" s="8">
        <v>20.451137752236583</v>
      </c>
      <c r="C1031">
        <f t="shared" si="46"/>
        <v>15</v>
      </c>
      <c r="D1031">
        <f t="shared" si="47"/>
        <v>2</v>
      </c>
    </row>
    <row r="1032" spans="1:4" x14ac:dyDescent="0.25">
      <c r="A1032" s="7">
        <f t="shared" si="48"/>
        <v>44604.666666664183</v>
      </c>
      <c r="B1032" s="8">
        <v>16.794653469526303</v>
      </c>
      <c r="C1032">
        <f t="shared" si="46"/>
        <v>16</v>
      </c>
      <c r="D1032">
        <f t="shared" si="47"/>
        <v>2</v>
      </c>
    </row>
    <row r="1033" spans="1:4" x14ac:dyDescent="0.25">
      <c r="A1033" s="7">
        <f t="shared" si="48"/>
        <v>44604.708333330847</v>
      </c>
      <c r="B1033" s="8">
        <v>10.665598487280786</v>
      </c>
      <c r="C1033">
        <f t="shared" si="46"/>
        <v>17</v>
      </c>
      <c r="D1033">
        <f t="shared" si="47"/>
        <v>2</v>
      </c>
    </row>
    <row r="1034" spans="1:4" x14ac:dyDescent="0.25">
      <c r="A1034" s="7">
        <f t="shared" si="48"/>
        <v>44604.749999997512</v>
      </c>
      <c r="B1034" s="8">
        <v>2.7974846612699062</v>
      </c>
      <c r="C1034">
        <f t="shared" ref="C1034:C1097" si="49">HOUR(A1034)</f>
        <v>18</v>
      </c>
      <c r="D1034">
        <f t="shared" ref="D1034:D1097" si="50">MONTH(A1034)</f>
        <v>2</v>
      </c>
    </row>
    <row r="1035" spans="1:4" x14ac:dyDescent="0.25">
      <c r="A1035" s="7">
        <f t="shared" ref="A1035:A1098" si="51">+A1034+1/24</f>
        <v>44604.791666664176</v>
      </c>
      <c r="B1035" s="8">
        <v>-4.9800999999999998E-2</v>
      </c>
      <c r="C1035">
        <f t="shared" si="49"/>
        <v>19</v>
      </c>
      <c r="D1035">
        <f t="shared" si="50"/>
        <v>2</v>
      </c>
    </row>
    <row r="1036" spans="1:4" x14ac:dyDescent="0.25">
      <c r="A1036" s="7">
        <f t="shared" si="51"/>
        <v>44604.83333333084</v>
      </c>
      <c r="B1036" s="8">
        <v>-4.9800999999999998E-2</v>
      </c>
      <c r="C1036">
        <f t="shared" si="49"/>
        <v>20</v>
      </c>
      <c r="D1036">
        <f t="shared" si="50"/>
        <v>2</v>
      </c>
    </row>
    <row r="1037" spans="1:4" x14ac:dyDescent="0.25">
      <c r="A1037" s="7">
        <f t="shared" si="51"/>
        <v>44604.874999997504</v>
      </c>
      <c r="B1037" s="8">
        <v>-4.9800999999999998E-2</v>
      </c>
      <c r="C1037">
        <f t="shared" si="49"/>
        <v>21</v>
      </c>
      <c r="D1037">
        <f t="shared" si="50"/>
        <v>2</v>
      </c>
    </row>
    <row r="1038" spans="1:4" x14ac:dyDescent="0.25">
      <c r="A1038" s="7">
        <f t="shared" si="51"/>
        <v>44604.916666664169</v>
      </c>
      <c r="B1038" s="8">
        <v>-4.9800999999999998E-2</v>
      </c>
      <c r="C1038">
        <f t="shared" si="49"/>
        <v>22</v>
      </c>
      <c r="D1038">
        <f t="shared" si="50"/>
        <v>2</v>
      </c>
    </row>
    <row r="1039" spans="1:4" x14ac:dyDescent="0.25">
      <c r="A1039" s="7">
        <f t="shared" si="51"/>
        <v>44604.958333330833</v>
      </c>
      <c r="B1039" s="8">
        <v>-4.9800999999999998E-2</v>
      </c>
      <c r="C1039">
        <f t="shared" si="49"/>
        <v>23</v>
      </c>
      <c r="D1039">
        <f t="shared" si="50"/>
        <v>2</v>
      </c>
    </row>
    <row r="1040" spans="1:4" x14ac:dyDescent="0.25">
      <c r="A1040" s="7">
        <f t="shared" si="51"/>
        <v>44604.999999997497</v>
      </c>
      <c r="B1040" s="8">
        <v>-4.9800999999999998E-2</v>
      </c>
      <c r="C1040">
        <f t="shared" si="49"/>
        <v>0</v>
      </c>
      <c r="D1040">
        <f t="shared" si="50"/>
        <v>2</v>
      </c>
    </row>
    <row r="1041" spans="1:4" x14ac:dyDescent="0.25">
      <c r="A1041" s="7">
        <f t="shared" si="51"/>
        <v>44605.041666664161</v>
      </c>
      <c r="B1041" s="8">
        <v>-4.9800999999999998E-2</v>
      </c>
      <c r="C1041">
        <f t="shared" si="49"/>
        <v>1</v>
      </c>
      <c r="D1041">
        <f t="shared" si="50"/>
        <v>2</v>
      </c>
    </row>
    <row r="1042" spans="1:4" x14ac:dyDescent="0.25">
      <c r="A1042" s="7">
        <f t="shared" si="51"/>
        <v>44605.083333330826</v>
      </c>
      <c r="B1042" s="8">
        <v>-4.9800999999999998E-2</v>
      </c>
      <c r="C1042">
        <f t="shared" si="49"/>
        <v>2</v>
      </c>
      <c r="D1042">
        <f t="shared" si="50"/>
        <v>2</v>
      </c>
    </row>
    <row r="1043" spans="1:4" x14ac:dyDescent="0.25">
      <c r="A1043" s="7">
        <f t="shared" si="51"/>
        <v>44605.12499999749</v>
      </c>
      <c r="B1043" s="8">
        <v>-4.9800999999999998E-2</v>
      </c>
      <c r="C1043">
        <f t="shared" si="49"/>
        <v>3</v>
      </c>
      <c r="D1043">
        <f t="shared" si="50"/>
        <v>2</v>
      </c>
    </row>
    <row r="1044" spans="1:4" x14ac:dyDescent="0.25">
      <c r="A1044" s="7">
        <f t="shared" si="51"/>
        <v>44605.166666664154</v>
      </c>
      <c r="B1044" s="8">
        <v>-4.9800999999999998E-2</v>
      </c>
      <c r="C1044">
        <f t="shared" si="49"/>
        <v>4</v>
      </c>
      <c r="D1044">
        <f t="shared" si="50"/>
        <v>2</v>
      </c>
    </row>
    <row r="1045" spans="1:4" x14ac:dyDescent="0.25">
      <c r="A1045" s="7">
        <f t="shared" si="51"/>
        <v>44605.208333330818</v>
      </c>
      <c r="B1045" s="8">
        <v>-4.9800999999999998E-2</v>
      </c>
      <c r="C1045">
        <f t="shared" si="49"/>
        <v>5</v>
      </c>
      <c r="D1045">
        <f t="shared" si="50"/>
        <v>2</v>
      </c>
    </row>
    <row r="1046" spans="1:4" x14ac:dyDescent="0.25">
      <c r="A1046" s="7">
        <f t="shared" si="51"/>
        <v>44605.249999997483</v>
      </c>
      <c r="B1046" s="8">
        <v>-4.9800999999999998E-2</v>
      </c>
      <c r="C1046">
        <f t="shared" si="49"/>
        <v>6</v>
      </c>
      <c r="D1046">
        <f t="shared" si="50"/>
        <v>2</v>
      </c>
    </row>
    <row r="1047" spans="1:4" x14ac:dyDescent="0.25">
      <c r="A1047" s="7">
        <f t="shared" si="51"/>
        <v>44605.291666664147</v>
      </c>
      <c r="B1047" s="8">
        <v>-4.9800999999999998E-2</v>
      </c>
      <c r="C1047">
        <f t="shared" si="49"/>
        <v>7</v>
      </c>
      <c r="D1047">
        <f t="shared" si="50"/>
        <v>2</v>
      </c>
    </row>
    <row r="1048" spans="1:4" x14ac:dyDescent="0.25">
      <c r="A1048" s="7">
        <f t="shared" si="51"/>
        <v>44605.333333330811</v>
      </c>
      <c r="B1048" s="8">
        <v>0.39011586297599737</v>
      </c>
      <c r="C1048">
        <f t="shared" si="49"/>
        <v>8</v>
      </c>
      <c r="D1048">
        <f t="shared" si="50"/>
        <v>2</v>
      </c>
    </row>
    <row r="1049" spans="1:4" x14ac:dyDescent="0.25">
      <c r="A1049" s="7">
        <f t="shared" si="51"/>
        <v>44605.374999997475</v>
      </c>
      <c r="B1049" s="8">
        <v>7.0232810477612659</v>
      </c>
      <c r="C1049">
        <f t="shared" si="49"/>
        <v>9</v>
      </c>
      <c r="D1049">
        <f t="shared" si="50"/>
        <v>2</v>
      </c>
    </row>
    <row r="1050" spans="1:4" x14ac:dyDescent="0.25">
      <c r="A1050" s="7">
        <f t="shared" si="51"/>
        <v>44605.416666664139</v>
      </c>
      <c r="B1050" s="8">
        <v>14.352973413884316</v>
      </c>
      <c r="C1050">
        <f t="shared" si="49"/>
        <v>10</v>
      </c>
      <c r="D1050">
        <f t="shared" si="50"/>
        <v>2</v>
      </c>
    </row>
    <row r="1051" spans="1:4" x14ac:dyDescent="0.25">
      <c r="A1051" s="7">
        <f t="shared" si="51"/>
        <v>44605.458333330804</v>
      </c>
      <c r="B1051" s="8">
        <v>17.213845062176219</v>
      </c>
      <c r="C1051">
        <f t="shared" si="49"/>
        <v>11</v>
      </c>
      <c r="D1051">
        <f t="shared" si="50"/>
        <v>2</v>
      </c>
    </row>
    <row r="1052" spans="1:4" x14ac:dyDescent="0.25">
      <c r="A1052" s="7">
        <f t="shared" si="51"/>
        <v>44605.499999997468</v>
      </c>
      <c r="B1052" s="8">
        <v>20.451198558561934</v>
      </c>
      <c r="C1052">
        <f t="shared" si="49"/>
        <v>12</v>
      </c>
      <c r="D1052">
        <f t="shared" si="50"/>
        <v>2</v>
      </c>
    </row>
    <row r="1053" spans="1:4" x14ac:dyDescent="0.25">
      <c r="A1053" s="7">
        <f t="shared" si="51"/>
        <v>44605.541666664132</v>
      </c>
      <c r="B1053" s="8">
        <v>20.451255242424548</v>
      </c>
      <c r="C1053">
        <f t="shared" si="49"/>
        <v>13</v>
      </c>
      <c r="D1053">
        <f t="shared" si="50"/>
        <v>2</v>
      </c>
    </row>
    <row r="1054" spans="1:4" x14ac:dyDescent="0.25">
      <c r="A1054" s="7">
        <f t="shared" si="51"/>
        <v>44605.583333330796</v>
      </c>
      <c r="B1054" s="8">
        <v>14.9947821167173</v>
      </c>
      <c r="C1054">
        <f t="shared" si="49"/>
        <v>14</v>
      </c>
      <c r="D1054">
        <f t="shared" si="50"/>
        <v>2</v>
      </c>
    </row>
    <row r="1055" spans="1:4" x14ac:dyDescent="0.25">
      <c r="A1055" s="7">
        <f t="shared" si="51"/>
        <v>44605.624999997461</v>
      </c>
      <c r="B1055" s="8">
        <v>13.337107901661714</v>
      </c>
      <c r="C1055">
        <f t="shared" si="49"/>
        <v>15</v>
      </c>
      <c r="D1055">
        <f t="shared" si="50"/>
        <v>2</v>
      </c>
    </row>
    <row r="1056" spans="1:4" x14ac:dyDescent="0.25">
      <c r="A1056" s="7">
        <f t="shared" si="51"/>
        <v>44605.666666664125</v>
      </c>
      <c r="B1056" s="8">
        <v>6.8132797041646977</v>
      </c>
      <c r="C1056">
        <f t="shared" si="49"/>
        <v>16</v>
      </c>
      <c r="D1056">
        <f t="shared" si="50"/>
        <v>2</v>
      </c>
    </row>
    <row r="1057" spans="1:4" x14ac:dyDescent="0.25">
      <c r="A1057" s="7">
        <f t="shared" si="51"/>
        <v>44605.708333330789</v>
      </c>
      <c r="B1057" s="8">
        <v>5.0487481631562972</v>
      </c>
      <c r="C1057">
        <f t="shared" si="49"/>
        <v>17</v>
      </c>
      <c r="D1057">
        <f t="shared" si="50"/>
        <v>2</v>
      </c>
    </row>
    <row r="1058" spans="1:4" x14ac:dyDescent="0.25">
      <c r="A1058" s="7">
        <f t="shared" si="51"/>
        <v>44605.749999997453</v>
      </c>
      <c r="B1058" s="8">
        <v>1.936429992155855</v>
      </c>
      <c r="C1058">
        <f t="shared" si="49"/>
        <v>18</v>
      </c>
      <c r="D1058">
        <f t="shared" si="50"/>
        <v>2</v>
      </c>
    </row>
    <row r="1059" spans="1:4" x14ac:dyDescent="0.25">
      <c r="A1059" s="7">
        <f t="shared" si="51"/>
        <v>44605.791666664118</v>
      </c>
      <c r="B1059" s="8">
        <v>-4.9800999999999998E-2</v>
      </c>
      <c r="C1059">
        <f t="shared" si="49"/>
        <v>19</v>
      </c>
      <c r="D1059">
        <f t="shared" si="50"/>
        <v>2</v>
      </c>
    </row>
    <row r="1060" spans="1:4" x14ac:dyDescent="0.25">
      <c r="A1060" s="7">
        <f t="shared" si="51"/>
        <v>44605.833333330782</v>
      </c>
      <c r="B1060" s="8">
        <v>-4.9800999999999998E-2</v>
      </c>
      <c r="C1060">
        <f t="shared" si="49"/>
        <v>20</v>
      </c>
      <c r="D1060">
        <f t="shared" si="50"/>
        <v>2</v>
      </c>
    </row>
    <row r="1061" spans="1:4" x14ac:dyDescent="0.25">
      <c r="A1061" s="7">
        <f t="shared" si="51"/>
        <v>44605.874999997446</v>
      </c>
      <c r="B1061" s="8">
        <v>-4.9800999999999998E-2</v>
      </c>
      <c r="C1061">
        <f t="shared" si="49"/>
        <v>21</v>
      </c>
      <c r="D1061">
        <f t="shared" si="50"/>
        <v>2</v>
      </c>
    </row>
    <row r="1062" spans="1:4" x14ac:dyDescent="0.25">
      <c r="A1062" s="7">
        <f t="shared" si="51"/>
        <v>44605.91666666411</v>
      </c>
      <c r="B1062" s="8">
        <v>-4.9800999999999998E-2</v>
      </c>
      <c r="C1062">
        <f t="shared" si="49"/>
        <v>22</v>
      </c>
      <c r="D1062">
        <f t="shared" si="50"/>
        <v>2</v>
      </c>
    </row>
    <row r="1063" spans="1:4" x14ac:dyDescent="0.25">
      <c r="A1063" s="7">
        <f t="shared" si="51"/>
        <v>44605.958333330775</v>
      </c>
      <c r="B1063" s="8">
        <v>-4.9800999999999998E-2</v>
      </c>
      <c r="C1063">
        <f t="shared" si="49"/>
        <v>23</v>
      </c>
      <c r="D1063">
        <f t="shared" si="50"/>
        <v>2</v>
      </c>
    </row>
    <row r="1064" spans="1:4" x14ac:dyDescent="0.25">
      <c r="A1064" s="7">
        <f t="shared" si="51"/>
        <v>44605.999999997439</v>
      </c>
      <c r="B1064" s="8">
        <v>-4.9800999999999998E-2</v>
      </c>
      <c r="C1064">
        <f t="shared" si="49"/>
        <v>0</v>
      </c>
      <c r="D1064">
        <f t="shared" si="50"/>
        <v>2</v>
      </c>
    </row>
    <row r="1065" spans="1:4" x14ac:dyDescent="0.25">
      <c r="A1065" s="7">
        <f t="shared" si="51"/>
        <v>44606.041666664103</v>
      </c>
      <c r="B1065" s="8">
        <v>-4.9800999999999998E-2</v>
      </c>
      <c r="C1065">
        <f t="shared" si="49"/>
        <v>1</v>
      </c>
      <c r="D1065">
        <f t="shared" si="50"/>
        <v>2</v>
      </c>
    </row>
    <row r="1066" spans="1:4" x14ac:dyDescent="0.25">
      <c r="A1066" s="7">
        <f t="shared" si="51"/>
        <v>44606.083333330767</v>
      </c>
      <c r="B1066" s="8">
        <v>-4.9800999999999998E-2</v>
      </c>
      <c r="C1066">
        <f t="shared" si="49"/>
        <v>2</v>
      </c>
      <c r="D1066">
        <f t="shared" si="50"/>
        <v>2</v>
      </c>
    </row>
    <row r="1067" spans="1:4" x14ac:dyDescent="0.25">
      <c r="A1067" s="7">
        <f t="shared" si="51"/>
        <v>44606.124999997432</v>
      </c>
      <c r="B1067" s="8">
        <v>-4.9800999999999998E-2</v>
      </c>
      <c r="C1067">
        <f t="shared" si="49"/>
        <v>3</v>
      </c>
      <c r="D1067">
        <f t="shared" si="50"/>
        <v>2</v>
      </c>
    </row>
    <row r="1068" spans="1:4" x14ac:dyDescent="0.25">
      <c r="A1068" s="7">
        <f t="shared" si="51"/>
        <v>44606.166666664096</v>
      </c>
      <c r="B1068" s="8">
        <v>-4.9800999999999998E-2</v>
      </c>
      <c r="C1068">
        <f t="shared" si="49"/>
        <v>4</v>
      </c>
      <c r="D1068">
        <f t="shared" si="50"/>
        <v>2</v>
      </c>
    </row>
    <row r="1069" spans="1:4" x14ac:dyDescent="0.25">
      <c r="A1069" s="7">
        <f t="shared" si="51"/>
        <v>44606.20833333076</v>
      </c>
      <c r="B1069" s="8">
        <v>-4.9800999999999998E-2</v>
      </c>
      <c r="C1069">
        <f t="shared" si="49"/>
        <v>5</v>
      </c>
      <c r="D1069">
        <f t="shared" si="50"/>
        <v>2</v>
      </c>
    </row>
    <row r="1070" spans="1:4" x14ac:dyDescent="0.25">
      <c r="A1070" s="7">
        <f t="shared" si="51"/>
        <v>44606.249999997424</v>
      </c>
      <c r="B1070" s="8">
        <v>-4.9800999999999998E-2</v>
      </c>
      <c r="C1070">
        <f t="shared" si="49"/>
        <v>6</v>
      </c>
      <c r="D1070">
        <f t="shared" si="50"/>
        <v>2</v>
      </c>
    </row>
    <row r="1071" spans="1:4" x14ac:dyDescent="0.25">
      <c r="A1071" s="7">
        <f t="shared" si="51"/>
        <v>44606.291666664089</v>
      </c>
      <c r="B1071" s="8">
        <v>-4.9800999999999998E-2</v>
      </c>
      <c r="C1071">
        <f t="shared" si="49"/>
        <v>7</v>
      </c>
      <c r="D1071">
        <f t="shared" si="50"/>
        <v>2</v>
      </c>
    </row>
    <row r="1072" spans="1:4" x14ac:dyDescent="0.25">
      <c r="A1072" s="7">
        <f t="shared" si="51"/>
        <v>44606.333333330753</v>
      </c>
      <c r="B1072" s="8">
        <v>-4.9800999999999998E-2</v>
      </c>
      <c r="C1072">
        <f t="shared" si="49"/>
        <v>8</v>
      </c>
      <c r="D1072">
        <f t="shared" si="50"/>
        <v>2</v>
      </c>
    </row>
    <row r="1073" spans="1:4" x14ac:dyDescent="0.25">
      <c r="A1073" s="7">
        <f t="shared" si="51"/>
        <v>44606.374999997417</v>
      </c>
      <c r="B1073" s="8">
        <v>1.329901325413807</v>
      </c>
      <c r="C1073">
        <f t="shared" si="49"/>
        <v>9</v>
      </c>
      <c r="D1073">
        <f t="shared" si="50"/>
        <v>2</v>
      </c>
    </row>
    <row r="1074" spans="1:4" x14ac:dyDescent="0.25">
      <c r="A1074" s="7">
        <f t="shared" si="51"/>
        <v>44606.416666664081</v>
      </c>
      <c r="B1074" s="8">
        <v>1.3464622888382427</v>
      </c>
      <c r="C1074">
        <f t="shared" si="49"/>
        <v>10</v>
      </c>
      <c r="D1074">
        <f t="shared" si="50"/>
        <v>2</v>
      </c>
    </row>
    <row r="1075" spans="1:4" x14ac:dyDescent="0.25">
      <c r="A1075" s="7">
        <f t="shared" si="51"/>
        <v>44606.458333330746</v>
      </c>
      <c r="B1075" s="8">
        <v>2.5772039568422147</v>
      </c>
      <c r="C1075">
        <f t="shared" si="49"/>
        <v>11</v>
      </c>
      <c r="D1075">
        <f t="shared" si="50"/>
        <v>2</v>
      </c>
    </row>
    <row r="1076" spans="1:4" x14ac:dyDescent="0.25">
      <c r="A1076" s="7">
        <f t="shared" si="51"/>
        <v>44606.49999999741</v>
      </c>
      <c r="B1076" s="8">
        <v>2.3308950533178701</v>
      </c>
      <c r="C1076">
        <f t="shared" si="49"/>
        <v>12</v>
      </c>
      <c r="D1076">
        <f t="shared" si="50"/>
        <v>2</v>
      </c>
    </row>
    <row r="1077" spans="1:4" x14ac:dyDescent="0.25">
      <c r="A1077" s="7">
        <f t="shared" si="51"/>
        <v>44606.541666664074</v>
      </c>
      <c r="B1077" s="8">
        <v>2.7979979078804833</v>
      </c>
      <c r="C1077">
        <f t="shared" si="49"/>
        <v>13</v>
      </c>
      <c r="D1077">
        <f t="shared" si="50"/>
        <v>2</v>
      </c>
    </row>
    <row r="1078" spans="1:4" x14ac:dyDescent="0.25">
      <c r="A1078" s="7">
        <f t="shared" si="51"/>
        <v>44606.583333330738</v>
      </c>
      <c r="B1078" s="8">
        <v>2.6571745808336935</v>
      </c>
      <c r="C1078">
        <f t="shared" si="49"/>
        <v>14</v>
      </c>
      <c r="D1078">
        <f t="shared" si="50"/>
        <v>2</v>
      </c>
    </row>
    <row r="1079" spans="1:4" x14ac:dyDescent="0.25">
      <c r="A1079" s="7">
        <f t="shared" si="51"/>
        <v>44606.624999997402</v>
      </c>
      <c r="B1079" s="8">
        <v>2.1574434643347926</v>
      </c>
      <c r="C1079">
        <f t="shared" si="49"/>
        <v>15</v>
      </c>
      <c r="D1079">
        <f t="shared" si="50"/>
        <v>2</v>
      </c>
    </row>
    <row r="1080" spans="1:4" x14ac:dyDescent="0.25">
      <c r="A1080" s="7">
        <f t="shared" si="51"/>
        <v>44606.666666664067</v>
      </c>
      <c r="B1080" s="8">
        <v>1.9167534775190187</v>
      </c>
      <c r="C1080">
        <f t="shared" si="49"/>
        <v>16</v>
      </c>
      <c r="D1080">
        <f t="shared" si="50"/>
        <v>2</v>
      </c>
    </row>
    <row r="1081" spans="1:4" x14ac:dyDescent="0.25">
      <c r="A1081" s="7">
        <f t="shared" si="51"/>
        <v>44606.708333330731</v>
      </c>
      <c r="B1081" s="8">
        <v>1.373588093638239</v>
      </c>
      <c r="C1081">
        <f t="shared" si="49"/>
        <v>17</v>
      </c>
      <c r="D1081">
        <f t="shared" si="50"/>
        <v>2</v>
      </c>
    </row>
    <row r="1082" spans="1:4" x14ac:dyDescent="0.25">
      <c r="A1082" s="7">
        <f t="shared" si="51"/>
        <v>44606.749999997395</v>
      </c>
      <c r="B1082" s="8">
        <v>0.43961015057915198</v>
      </c>
      <c r="C1082">
        <f t="shared" si="49"/>
        <v>18</v>
      </c>
      <c r="D1082">
        <f t="shared" si="50"/>
        <v>2</v>
      </c>
    </row>
    <row r="1083" spans="1:4" x14ac:dyDescent="0.25">
      <c r="A1083" s="7">
        <f t="shared" si="51"/>
        <v>44606.791666664059</v>
      </c>
      <c r="B1083" s="8">
        <v>-4.9800999999999998E-2</v>
      </c>
      <c r="C1083">
        <f t="shared" si="49"/>
        <v>19</v>
      </c>
      <c r="D1083">
        <f t="shared" si="50"/>
        <v>2</v>
      </c>
    </row>
    <row r="1084" spans="1:4" x14ac:dyDescent="0.25">
      <c r="A1084" s="7">
        <f t="shared" si="51"/>
        <v>44606.833333330724</v>
      </c>
      <c r="B1084" s="8">
        <v>-4.9800999999999998E-2</v>
      </c>
      <c r="C1084">
        <f t="shared" si="49"/>
        <v>20</v>
      </c>
      <c r="D1084">
        <f t="shared" si="50"/>
        <v>2</v>
      </c>
    </row>
    <row r="1085" spans="1:4" x14ac:dyDescent="0.25">
      <c r="A1085" s="7">
        <f t="shared" si="51"/>
        <v>44606.874999997388</v>
      </c>
      <c r="B1085" s="8">
        <v>-4.9800999999999998E-2</v>
      </c>
      <c r="C1085">
        <f t="shared" si="49"/>
        <v>21</v>
      </c>
      <c r="D1085">
        <f t="shared" si="50"/>
        <v>2</v>
      </c>
    </row>
    <row r="1086" spans="1:4" x14ac:dyDescent="0.25">
      <c r="A1086" s="7">
        <f t="shared" si="51"/>
        <v>44606.916666664052</v>
      </c>
      <c r="B1086" s="8">
        <v>-4.9800999999999998E-2</v>
      </c>
      <c r="C1086">
        <f t="shared" si="49"/>
        <v>22</v>
      </c>
      <c r="D1086">
        <f t="shared" si="50"/>
        <v>2</v>
      </c>
    </row>
    <row r="1087" spans="1:4" x14ac:dyDescent="0.25">
      <c r="A1087" s="7">
        <f t="shared" si="51"/>
        <v>44606.958333330716</v>
      </c>
      <c r="B1087" s="8">
        <v>-4.9800999999999998E-2</v>
      </c>
      <c r="C1087">
        <f t="shared" si="49"/>
        <v>23</v>
      </c>
      <c r="D1087">
        <f t="shared" si="50"/>
        <v>2</v>
      </c>
    </row>
    <row r="1088" spans="1:4" x14ac:dyDescent="0.25">
      <c r="A1088" s="7">
        <f t="shared" si="51"/>
        <v>44606.999999997381</v>
      </c>
      <c r="B1088" s="8">
        <v>-4.9800999999999998E-2</v>
      </c>
      <c r="C1088">
        <f t="shared" si="49"/>
        <v>0</v>
      </c>
      <c r="D1088">
        <f t="shared" si="50"/>
        <v>2</v>
      </c>
    </row>
    <row r="1089" spans="1:4" x14ac:dyDescent="0.25">
      <c r="A1089" s="7">
        <f t="shared" si="51"/>
        <v>44607.041666664045</v>
      </c>
      <c r="B1089" s="8">
        <v>-4.9800999999999998E-2</v>
      </c>
      <c r="C1089">
        <f t="shared" si="49"/>
        <v>1</v>
      </c>
      <c r="D1089">
        <f t="shared" si="50"/>
        <v>2</v>
      </c>
    </row>
    <row r="1090" spans="1:4" x14ac:dyDescent="0.25">
      <c r="A1090" s="7">
        <f t="shared" si="51"/>
        <v>44607.083333330709</v>
      </c>
      <c r="B1090" s="8">
        <v>-4.9800999999999998E-2</v>
      </c>
      <c r="C1090">
        <f t="shared" si="49"/>
        <v>2</v>
      </c>
      <c r="D1090">
        <f t="shared" si="50"/>
        <v>2</v>
      </c>
    </row>
    <row r="1091" spans="1:4" x14ac:dyDescent="0.25">
      <c r="A1091" s="7">
        <f t="shared" si="51"/>
        <v>44607.124999997373</v>
      </c>
      <c r="B1091" s="8">
        <v>-4.9800999999999998E-2</v>
      </c>
      <c r="C1091">
        <f t="shared" si="49"/>
        <v>3</v>
      </c>
      <c r="D1091">
        <f t="shared" si="50"/>
        <v>2</v>
      </c>
    </row>
    <row r="1092" spans="1:4" x14ac:dyDescent="0.25">
      <c r="A1092" s="7">
        <f t="shared" si="51"/>
        <v>44607.166666664038</v>
      </c>
      <c r="B1092" s="8">
        <v>-4.9800999999999998E-2</v>
      </c>
      <c r="C1092">
        <f t="shared" si="49"/>
        <v>4</v>
      </c>
      <c r="D1092">
        <f t="shared" si="50"/>
        <v>2</v>
      </c>
    </row>
    <row r="1093" spans="1:4" x14ac:dyDescent="0.25">
      <c r="A1093" s="7">
        <f t="shared" si="51"/>
        <v>44607.208333330702</v>
      </c>
      <c r="B1093" s="8">
        <v>-4.9800999999999998E-2</v>
      </c>
      <c r="C1093">
        <f t="shared" si="49"/>
        <v>5</v>
      </c>
      <c r="D1093">
        <f t="shared" si="50"/>
        <v>2</v>
      </c>
    </row>
    <row r="1094" spans="1:4" x14ac:dyDescent="0.25">
      <c r="A1094" s="7">
        <f t="shared" si="51"/>
        <v>44607.249999997366</v>
      </c>
      <c r="B1094" s="8">
        <v>-4.9800999999999998E-2</v>
      </c>
      <c r="C1094">
        <f t="shared" si="49"/>
        <v>6</v>
      </c>
      <c r="D1094">
        <f t="shared" si="50"/>
        <v>2</v>
      </c>
    </row>
    <row r="1095" spans="1:4" x14ac:dyDescent="0.25">
      <c r="A1095" s="7">
        <f t="shared" si="51"/>
        <v>44607.29166666403</v>
      </c>
      <c r="B1095" s="8">
        <v>-4.9800999999999998E-2</v>
      </c>
      <c r="C1095">
        <f t="shared" si="49"/>
        <v>7</v>
      </c>
      <c r="D1095">
        <f t="shared" si="50"/>
        <v>2</v>
      </c>
    </row>
    <row r="1096" spans="1:4" x14ac:dyDescent="0.25">
      <c r="A1096" s="7">
        <f t="shared" si="51"/>
        <v>44607.333333330695</v>
      </c>
      <c r="B1096" s="8">
        <v>-4.9800999999999998E-2</v>
      </c>
      <c r="C1096">
        <f t="shared" si="49"/>
        <v>8</v>
      </c>
      <c r="D1096">
        <f t="shared" si="50"/>
        <v>2</v>
      </c>
    </row>
    <row r="1097" spans="1:4" x14ac:dyDescent="0.25">
      <c r="A1097" s="7">
        <f t="shared" si="51"/>
        <v>44607.374999997359</v>
      </c>
      <c r="B1097" s="8">
        <v>6.1266773518627824</v>
      </c>
      <c r="C1097">
        <f t="shared" si="49"/>
        <v>9</v>
      </c>
      <c r="D1097">
        <f t="shared" si="50"/>
        <v>2</v>
      </c>
    </row>
    <row r="1098" spans="1:4" x14ac:dyDescent="0.25">
      <c r="A1098" s="7">
        <f t="shared" si="51"/>
        <v>44607.416666664023</v>
      </c>
      <c r="B1098" s="8">
        <v>14.696191110164877</v>
      </c>
      <c r="C1098">
        <f t="shared" ref="C1098:C1161" si="52">HOUR(A1098)</f>
        <v>10</v>
      </c>
      <c r="D1098">
        <f t="shared" ref="D1098:D1161" si="53">MONTH(A1098)</f>
        <v>2</v>
      </c>
    </row>
    <row r="1099" spans="1:4" x14ac:dyDescent="0.25">
      <c r="A1099" s="7">
        <f t="shared" ref="A1099:A1162" si="54">+A1098+1/24</f>
        <v>44607.458333330687</v>
      </c>
      <c r="B1099" s="8">
        <v>19.99564066089026</v>
      </c>
      <c r="C1099">
        <f t="shared" si="52"/>
        <v>11</v>
      </c>
      <c r="D1099">
        <f t="shared" si="53"/>
        <v>2</v>
      </c>
    </row>
    <row r="1100" spans="1:4" x14ac:dyDescent="0.25">
      <c r="A1100" s="7">
        <f t="shared" si="54"/>
        <v>44607.499999997352</v>
      </c>
      <c r="B1100" s="8">
        <v>20.451272762891172</v>
      </c>
      <c r="C1100">
        <f t="shared" si="52"/>
        <v>12</v>
      </c>
      <c r="D1100">
        <f t="shared" si="53"/>
        <v>2</v>
      </c>
    </row>
    <row r="1101" spans="1:4" x14ac:dyDescent="0.25">
      <c r="A1101" s="7">
        <f t="shared" si="54"/>
        <v>44607.541666664016</v>
      </c>
      <c r="B1101" s="8">
        <v>20.451318109981262</v>
      </c>
      <c r="C1101">
        <f t="shared" si="52"/>
        <v>13</v>
      </c>
      <c r="D1101">
        <f t="shared" si="53"/>
        <v>2</v>
      </c>
    </row>
    <row r="1102" spans="1:4" x14ac:dyDescent="0.25">
      <c r="A1102" s="7">
        <f t="shared" si="54"/>
        <v>44607.58333333068</v>
      </c>
      <c r="B1102" s="8">
        <v>20.451304711977375</v>
      </c>
      <c r="C1102">
        <f t="shared" si="52"/>
        <v>14</v>
      </c>
      <c r="D1102">
        <f t="shared" si="53"/>
        <v>2</v>
      </c>
    </row>
    <row r="1103" spans="1:4" x14ac:dyDescent="0.25">
      <c r="A1103" s="7">
        <f t="shared" si="54"/>
        <v>44607.624999997344</v>
      </c>
      <c r="B1103" s="8">
        <v>20.451267609812753</v>
      </c>
      <c r="C1103">
        <f t="shared" si="52"/>
        <v>15</v>
      </c>
      <c r="D1103">
        <f t="shared" si="53"/>
        <v>2</v>
      </c>
    </row>
    <row r="1104" spans="1:4" x14ac:dyDescent="0.25">
      <c r="A1104" s="7">
        <f t="shared" si="54"/>
        <v>44607.666666664009</v>
      </c>
      <c r="B1104" s="8">
        <v>16.623035345844869</v>
      </c>
      <c r="C1104">
        <f t="shared" si="52"/>
        <v>16</v>
      </c>
      <c r="D1104">
        <f t="shared" si="53"/>
        <v>2</v>
      </c>
    </row>
    <row r="1105" spans="1:4" x14ac:dyDescent="0.25">
      <c r="A1105" s="7">
        <f t="shared" si="54"/>
        <v>44607.708333330673</v>
      </c>
      <c r="B1105" s="8">
        <v>5.949865955750222</v>
      </c>
      <c r="C1105">
        <f t="shared" si="52"/>
        <v>17</v>
      </c>
      <c r="D1105">
        <f t="shared" si="53"/>
        <v>2</v>
      </c>
    </row>
    <row r="1106" spans="1:4" x14ac:dyDescent="0.25">
      <c r="A1106" s="7">
        <f t="shared" si="54"/>
        <v>44607.749999997337</v>
      </c>
      <c r="B1106" s="8">
        <v>1.1964221657304204</v>
      </c>
      <c r="C1106">
        <f t="shared" si="52"/>
        <v>18</v>
      </c>
      <c r="D1106">
        <f t="shared" si="53"/>
        <v>2</v>
      </c>
    </row>
    <row r="1107" spans="1:4" x14ac:dyDescent="0.25">
      <c r="A1107" s="7">
        <f t="shared" si="54"/>
        <v>44607.791666664001</v>
      </c>
      <c r="B1107" s="8">
        <v>-4.9800999999999998E-2</v>
      </c>
      <c r="C1107">
        <f t="shared" si="52"/>
        <v>19</v>
      </c>
      <c r="D1107">
        <f t="shared" si="53"/>
        <v>2</v>
      </c>
    </row>
    <row r="1108" spans="1:4" x14ac:dyDescent="0.25">
      <c r="A1108" s="7">
        <f t="shared" si="54"/>
        <v>44607.833333330665</v>
      </c>
      <c r="B1108" s="8">
        <v>-4.9800999999999998E-2</v>
      </c>
      <c r="C1108">
        <f t="shared" si="52"/>
        <v>20</v>
      </c>
      <c r="D1108">
        <f t="shared" si="53"/>
        <v>2</v>
      </c>
    </row>
    <row r="1109" spans="1:4" x14ac:dyDescent="0.25">
      <c r="A1109" s="7">
        <f t="shared" si="54"/>
        <v>44607.87499999733</v>
      </c>
      <c r="B1109" s="8">
        <v>-4.9800999999999998E-2</v>
      </c>
      <c r="C1109">
        <f t="shared" si="52"/>
        <v>21</v>
      </c>
      <c r="D1109">
        <f t="shared" si="53"/>
        <v>2</v>
      </c>
    </row>
    <row r="1110" spans="1:4" x14ac:dyDescent="0.25">
      <c r="A1110" s="7">
        <f t="shared" si="54"/>
        <v>44607.916666663994</v>
      </c>
      <c r="B1110" s="8">
        <v>-4.9800999999999998E-2</v>
      </c>
      <c r="C1110">
        <f t="shared" si="52"/>
        <v>22</v>
      </c>
      <c r="D1110">
        <f t="shared" si="53"/>
        <v>2</v>
      </c>
    </row>
    <row r="1111" spans="1:4" x14ac:dyDescent="0.25">
      <c r="A1111" s="7">
        <f t="shared" si="54"/>
        <v>44607.958333330658</v>
      </c>
      <c r="B1111" s="8">
        <v>-4.9800999999999998E-2</v>
      </c>
      <c r="C1111">
        <f t="shared" si="52"/>
        <v>23</v>
      </c>
      <c r="D1111">
        <f t="shared" si="53"/>
        <v>2</v>
      </c>
    </row>
    <row r="1112" spans="1:4" x14ac:dyDescent="0.25">
      <c r="A1112" s="7">
        <f t="shared" si="54"/>
        <v>44607.999999997322</v>
      </c>
      <c r="B1112" s="8">
        <v>-4.9800999999999998E-2</v>
      </c>
      <c r="C1112">
        <f t="shared" si="52"/>
        <v>0</v>
      </c>
      <c r="D1112">
        <f t="shared" si="53"/>
        <v>2</v>
      </c>
    </row>
    <row r="1113" spans="1:4" x14ac:dyDescent="0.25">
      <c r="A1113" s="7">
        <f t="shared" si="54"/>
        <v>44608.041666663987</v>
      </c>
      <c r="B1113" s="8">
        <v>-4.9800999999999998E-2</v>
      </c>
      <c r="C1113">
        <f t="shared" si="52"/>
        <v>1</v>
      </c>
      <c r="D1113">
        <f t="shared" si="53"/>
        <v>2</v>
      </c>
    </row>
    <row r="1114" spans="1:4" x14ac:dyDescent="0.25">
      <c r="A1114" s="7">
        <f t="shared" si="54"/>
        <v>44608.083333330651</v>
      </c>
      <c r="B1114" s="8">
        <v>-4.9800999999999998E-2</v>
      </c>
      <c r="C1114">
        <f t="shared" si="52"/>
        <v>2</v>
      </c>
      <c r="D1114">
        <f t="shared" si="53"/>
        <v>2</v>
      </c>
    </row>
    <row r="1115" spans="1:4" x14ac:dyDescent="0.25">
      <c r="A1115" s="7">
        <f t="shared" si="54"/>
        <v>44608.124999997315</v>
      </c>
      <c r="B1115" s="8">
        <v>-4.9800999999999998E-2</v>
      </c>
      <c r="C1115">
        <f t="shared" si="52"/>
        <v>3</v>
      </c>
      <c r="D1115">
        <f t="shared" si="53"/>
        <v>2</v>
      </c>
    </row>
    <row r="1116" spans="1:4" x14ac:dyDescent="0.25">
      <c r="A1116" s="7">
        <f t="shared" si="54"/>
        <v>44608.166666663979</v>
      </c>
      <c r="B1116" s="8">
        <v>-4.9800999999999998E-2</v>
      </c>
      <c r="C1116">
        <f t="shared" si="52"/>
        <v>4</v>
      </c>
      <c r="D1116">
        <f t="shared" si="53"/>
        <v>2</v>
      </c>
    </row>
    <row r="1117" spans="1:4" x14ac:dyDescent="0.25">
      <c r="A1117" s="7">
        <f t="shared" si="54"/>
        <v>44608.208333330644</v>
      </c>
      <c r="B1117" s="8">
        <v>-4.9800999999999998E-2</v>
      </c>
      <c r="C1117">
        <f t="shared" si="52"/>
        <v>5</v>
      </c>
      <c r="D1117">
        <f t="shared" si="53"/>
        <v>2</v>
      </c>
    </row>
    <row r="1118" spans="1:4" x14ac:dyDescent="0.25">
      <c r="A1118" s="7">
        <f t="shared" si="54"/>
        <v>44608.249999997308</v>
      </c>
      <c r="B1118" s="8">
        <v>-4.9800999999999998E-2</v>
      </c>
      <c r="C1118">
        <f t="shared" si="52"/>
        <v>6</v>
      </c>
      <c r="D1118">
        <f t="shared" si="53"/>
        <v>2</v>
      </c>
    </row>
    <row r="1119" spans="1:4" x14ac:dyDescent="0.25">
      <c r="A1119" s="7">
        <f t="shared" si="54"/>
        <v>44608.291666663972</v>
      </c>
      <c r="B1119" s="8">
        <v>-4.9800999999999998E-2</v>
      </c>
      <c r="C1119">
        <f t="shared" si="52"/>
        <v>7</v>
      </c>
      <c r="D1119">
        <f t="shared" si="53"/>
        <v>2</v>
      </c>
    </row>
    <row r="1120" spans="1:4" x14ac:dyDescent="0.25">
      <c r="A1120" s="7">
        <f t="shared" si="54"/>
        <v>44608.333333330636</v>
      </c>
      <c r="B1120" s="8">
        <v>0.21630252788787432</v>
      </c>
      <c r="C1120">
        <f t="shared" si="52"/>
        <v>8</v>
      </c>
      <c r="D1120">
        <f t="shared" si="53"/>
        <v>2</v>
      </c>
    </row>
    <row r="1121" spans="1:4" x14ac:dyDescent="0.25">
      <c r="A1121" s="7">
        <f t="shared" si="54"/>
        <v>44608.374999997301</v>
      </c>
      <c r="B1121" s="8">
        <v>0.57677685317949867</v>
      </c>
      <c r="C1121">
        <f t="shared" si="52"/>
        <v>9</v>
      </c>
      <c r="D1121">
        <f t="shared" si="53"/>
        <v>2</v>
      </c>
    </row>
    <row r="1122" spans="1:4" x14ac:dyDescent="0.25">
      <c r="A1122" s="7">
        <f t="shared" si="54"/>
        <v>44608.416666663965</v>
      </c>
      <c r="B1122" s="8">
        <v>1.3105597608742352</v>
      </c>
      <c r="C1122">
        <f t="shared" si="52"/>
        <v>10</v>
      </c>
      <c r="D1122">
        <f t="shared" si="53"/>
        <v>2</v>
      </c>
    </row>
    <row r="1123" spans="1:4" x14ac:dyDescent="0.25">
      <c r="A1123" s="7">
        <f t="shared" si="54"/>
        <v>44608.458333330629</v>
      </c>
      <c r="B1123" s="8">
        <v>1.9152858807851587</v>
      </c>
      <c r="C1123">
        <f t="shared" si="52"/>
        <v>11</v>
      </c>
      <c r="D1123">
        <f t="shared" si="53"/>
        <v>2</v>
      </c>
    </row>
    <row r="1124" spans="1:4" x14ac:dyDescent="0.25">
      <c r="A1124" s="7">
        <f t="shared" si="54"/>
        <v>44608.499999997293</v>
      </c>
      <c r="B1124" s="8">
        <v>2.2932322337657776</v>
      </c>
      <c r="C1124">
        <f t="shared" si="52"/>
        <v>12</v>
      </c>
      <c r="D1124">
        <f t="shared" si="53"/>
        <v>2</v>
      </c>
    </row>
    <row r="1125" spans="1:4" x14ac:dyDescent="0.25">
      <c r="A1125" s="7">
        <f t="shared" si="54"/>
        <v>44608.541666663958</v>
      </c>
      <c r="B1125" s="8">
        <v>2.808173176527534</v>
      </c>
      <c r="C1125">
        <f t="shared" si="52"/>
        <v>13</v>
      </c>
      <c r="D1125">
        <f t="shared" si="53"/>
        <v>2</v>
      </c>
    </row>
    <row r="1126" spans="1:4" x14ac:dyDescent="0.25">
      <c r="A1126" s="7">
        <f t="shared" si="54"/>
        <v>44608.583333330622</v>
      </c>
      <c r="B1126" s="8">
        <v>2.971261924809093</v>
      </c>
      <c r="C1126">
        <f t="shared" si="52"/>
        <v>14</v>
      </c>
      <c r="D1126">
        <f t="shared" si="53"/>
        <v>2</v>
      </c>
    </row>
    <row r="1127" spans="1:4" x14ac:dyDescent="0.25">
      <c r="A1127" s="7">
        <f t="shared" si="54"/>
        <v>44608.624999997286</v>
      </c>
      <c r="B1127" s="8">
        <v>11.084236639308452</v>
      </c>
      <c r="C1127">
        <f t="shared" si="52"/>
        <v>15</v>
      </c>
      <c r="D1127">
        <f t="shared" si="53"/>
        <v>2</v>
      </c>
    </row>
    <row r="1128" spans="1:4" x14ac:dyDescent="0.25">
      <c r="A1128" s="7">
        <f t="shared" si="54"/>
        <v>44608.66666666395</v>
      </c>
      <c r="B1128" s="8">
        <v>3.0812368632056741</v>
      </c>
      <c r="C1128">
        <f t="shared" si="52"/>
        <v>16</v>
      </c>
      <c r="D1128">
        <f t="shared" si="53"/>
        <v>2</v>
      </c>
    </row>
    <row r="1129" spans="1:4" x14ac:dyDescent="0.25">
      <c r="A1129" s="7">
        <f t="shared" si="54"/>
        <v>44608.708333330615</v>
      </c>
      <c r="B1129" s="8">
        <v>1.2530421301719934</v>
      </c>
      <c r="C1129">
        <f t="shared" si="52"/>
        <v>17</v>
      </c>
      <c r="D1129">
        <f t="shared" si="53"/>
        <v>2</v>
      </c>
    </row>
    <row r="1130" spans="1:4" x14ac:dyDescent="0.25">
      <c r="A1130" s="7">
        <f t="shared" si="54"/>
        <v>44608.749999997279</v>
      </c>
      <c r="B1130" s="8">
        <v>0.44615456017185628</v>
      </c>
      <c r="C1130">
        <f t="shared" si="52"/>
        <v>18</v>
      </c>
      <c r="D1130">
        <f t="shared" si="53"/>
        <v>2</v>
      </c>
    </row>
    <row r="1131" spans="1:4" x14ac:dyDescent="0.25">
      <c r="A1131" s="7">
        <f t="shared" si="54"/>
        <v>44608.791666663943</v>
      </c>
      <c r="B1131" s="8">
        <v>-4.9800999999999998E-2</v>
      </c>
      <c r="C1131">
        <f t="shared" si="52"/>
        <v>19</v>
      </c>
      <c r="D1131">
        <f t="shared" si="53"/>
        <v>2</v>
      </c>
    </row>
    <row r="1132" spans="1:4" x14ac:dyDescent="0.25">
      <c r="A1132" s="7">
        <f t="shared" si="54"/>
        <v>44608.833333330607</v>
      </c>
      <c r="B1132" s="8">
        <v>-4.9800999999999998E-2</v>
      </c>
      <c r="C1132">
        <f t="shared" si="52"/>
        <v>20</v>
      </c>
      <c r="D1132">
        <f t="shared" si="53"/>
        <v>2</v>
      </c>
    </row>
    <row r="1133" spans="1:4" x14ac:dyDescent="0.25">
      <c r="A1133" s="7">
        <f t="shared" si="54"/>
        <v>44608.874999997272</v>
      </c>
      <c r="B1133" s="8">
        <v>-4.9800999999999998E-2</v>
      </c>
      <c r="C1133">
        <f t="shared" si="52"/>
        <v>21</v>
      </c>
      <c r="D1133">
        <f t="shared" si="53"/>
        <v>2</v>
      </c>
    </row>
    <row r="1134" spans="1:4" x14ac:dyDescent="0.25">
      <c r="A1134" s="7">
        <f t="shared" si="54"/>
        <v>44608.916666663936</v>
      </c>
      <c r="B1134" s="8">
        <v>-4.9800999999999998E-2</v>
      </c>
      <c r="C1134">
        <f t="shared" si="52"/>
        <v>22</v>
      </c>
      <c r="D1134">
        <f t="shared" si="53"/>
        <v>2</v>
      </c>
    </row>
    <row r="1135" spans="1:4" x14ac:dyDescent="0.25">
      <c r="A1135" s="7">
        <f t="shared" si="54"/>
        <v>44608.9583333306</v>
      </c>
      <c r="B1135" s="8">
        <v>-4.9800999999999998E-2</v>
      </c>
      <c r="C1135">
        <f t="shared" si="52"/>
        <v>23</v>
      </c>
      <c r="D1135">
        <f t="shared" si="53"/>
        <v>2</v>
      </c>
    </row>
    <row r="1136" spans="1:4" x14ac:dyDescent="0.25">
      <c r="A1136" s="7">
        <f t="shared" si="54"/>
        <v>44608.999999997264</v>
      </c>
      <c r="B1136" s="8">
        <v>-4.9800999999999998E-2</v>
      </c>
      <c r="C1136">
        <f t="shared" si="52"/>
        <v>0</v>
      </c>
      <c r="D1136">
        <f t="shared" si="53"/>
        <v>2</v>
      </c>
    </row>
    <row r="1137" spans="1:4" x14ac:dyDescent="0.25">
      <c r="A1137" s="7">
        <f t="shared" si="54"/>
        <v>44609.041666663928</v>
      </c>
      <c r="B1137" s="8">
        <v>-4.9800999999999998E-2</v>
      </c>
      <c r="C1137">
        <f t="shared" si="52"/>
        <v>1</v>
      </c>
      <c r="D1137">
        <f t="shared" si="53"/>
        <v>2</v>
      </c>
    </row>
    <row r="1138" spans="1:4" x14ac:dyDescent="0.25">
      <c r="A1138" s="7">
        <f t="shared" si="54"/>
        <v>44609.083333330593</v>
      </c>
      <c r="B1138" s="8">
        <v>-4.9800999999999998E-2</v>
      </c>
      <c r="C1138">
        <f t="shared" si="52"/>
        <v>2</v>
      </c>
      <c r="D1138">
        <f t="shared" si="53"/>
        <v>2</v>
      </c>
    </row>
    <row r="1139" spans="1:4" x14ac:dyDescent="0.25">
      <c r="A1139" s="7">
        <f t="shared" si="54"/>
        <v>44609.124999997257</v>
      </c>
      <c r="B1139" s="8">
        <v>-4.9800999999999998E-2</v>
      </c>
      <c r="C1139">
        <f t="shared" si="52"/>
        <v>3</v>
      </c>
      <c r="D1139">
        <f t="shared" si="53"/>
        <v>2</v>
      </c>
    </row>
    <row r="1140" spans="1:4" x14ac:dyDescent="0.25">
      <c r="A1140" s="7">
        <f t="shared" si="54"/>
        <v>44609.166666663921</v>
      </c>
      <c r="B1140" s="8">
        <v>-4.9800999999999998E-2</v>
      </c>
      <c r="C1140">
        <f t="shared" si="52"/>
        <v>4</v>
      </c>
      <c r="D1140">
        <f t="shared" si="53"/>
        <v>2</v>
      </c>
    </row>
    <row r="1141" spans="1:4" x14ac:dyDescent="0.25">
      <c r="A1141" s="7">
        <f t="shared" si="54"/>
        <v>44609.208333330585</v>
      </c>
      <c r="B1141" s="8">
        <v>-4.9800999999999998E-2</v>
      </c>
      <c r="C1141">
        <f t="shared" si="52"/>
        <v>5</v>
      </c>
      <c r="D1141">
        <f t="shared" si="53"/>
        <v>2</v>
      </c>
    </row>
    <row r="1142" spans="1:4" x14ac:dyDescent="0.25">
      <c r="A1142" s="7">
        <f t="shared" si="54"/>
        <v>44609.24999999725</v>
      </c>
      <c r="B1142" s="8">
        <v>-4.9800999999999998E-2</v>
      </c>
      <c r="C1142">
        <f t="shared" si="52"/>
        <v>6</v>
      </c>
      <c r="D1142">
        <f t="shared" si="53"/>
        <v>2</v>
      </c>
    </row>
    <row r="1143" spans="1:4" x14ac:dyDescent="0.25">
      <c r="A1143" s="7">
        <f t="shared" si="54"/>
        <v>44609.291666663914</v>
      </c>
      <c r="B1143" s="8">
        <v>-4.9800999999999998E-2</v>
      </c>
      <c r="C1143">
        <f t="shared" si="52"/>
        <v>7</v>
      </c>
      <c r="D1143">
        <f t="shared" si="53"/>
        <v>2</v>
      </c>
    </row>
    <row r="1144" spans="1:4" x14ac:dyDescent="0.25">
      <c r="A1144" s="7">
        <f t="shared" si="54"/>
        <v>44609.333333330578</v>
      </c>
      <c r="B1144" s="8">
        <v>0.52196355803178551</v>
      </c>
      <c r="C1144">
        <f t="shared" si="52"/>
        <v>8</v>
      </c>
      <c r="D1144">
        <f t="shared" si="53"/>
        <v>2</v>
      </c>
    </row>
    <row r="1145" spans="1:4" x14ac:dyDescent="0.25">
      <c r="A1145" s="7">
        <f t="shared" si="54"/>
        <v>44609.374999997242</v>
      </c>
      <c r="B1145" s="8">
        <v>5.6451221735649719</v>
      </c>
      <c r="C1145">
        <f t="shared" si="52"/>
        <v>9</v>
      </c>
      <c r="D1145">
        <f t="shared" si="53"/>
        <v>2</v>
      </c>
    </row>
    <row r="1146" spans="1:4" x14ac:dyDescent="0.25">
      <c r="A1146" s="7">
        <f t="shared" si="54"/>
        <v>44609.416666663907</v>
      </c>
      <c r="B1146" s="8">
        <v>9.1808657064447505</v>
      </c>
      <c r="C1146">
        <f t="shared" si="52"/>
        <v>10</v>
      </c>
      <c r="D1146">
        <f t="shared" si="53"/>
        <v>2</v>
      </c>
    </row>
    <row r="1147" spans="1:4" x14ac:dyDescent="0.25">
      <c r="A1147" s="7">
        <f t="shared" si="54"/>
        <v>44609.458333330571</v>
      </c>
      <c r="B1147" s="8">
        <v>11.453858709410287</v>
      </c>
      <c r="C1147">
        <f t="shared" si="52"/>
        <v>11</v>
      </c>
      <c r="D1147">
        <f t="shared" si="53"/>
        <v>2</v>
      </c>
    </row>
    <row r="1148" spans="1:4" x14ac:dyDescent="0.25">
      <c r="A1148" s="7">
        <f t="shared" si="54"/>
        <v>44609.499999997235</v>
      </c>
      <c r="B1148" s="8">
        <v>14.356584691240666</v>
      </c>
      <c r="C1148">
        <f t="shared" si="52"/>
        <v>12</v>
      </c>
      <c r="D1148">
        <f t="shared" si="53"/>
        <v>2</v>
      </c>
    </row>
    <row r="1149" spans="1:4" x14ac:dyDescent="0.25">
      <c r="A1149" s="7">
        <f t="shared" si="54"/>
        <v>44609.541666663899</v>
      </c>
      <c r="B1149" s="8">
        <v>20.4512964670519</v>
      </c>
      <c r="C1149">
        <f t="shared" si="52"/>
        <v>13</v>
      </c>
      <c r="D1149">
        <f t="shared" si="53"/>
        <v>2</v>
      </c>
    </row>
    <row r="1150" spans="1:4" x14ac:dyDescent="0.25">
      <c r="A1150" s="7">
        <f t="shared" si="54"/>
        <v>44609.583333330564</v>
      </c>
      <c r="B1150" s="8">
        <v>20.451310895671476</v>
      </c>
      <c r="C1150">
        <f t="shared" si="52"/>
        <v>14</v>
      </c>
      <c r="D1150">
        <f t="shared" si="53"/>
        <v>2</v>
      </c>
    </row>
    <row r="1151" spans="1:4" x14ac:dyDescent="0.25">
      <c r="A1151" s="7">
        <f t="shared" si="54"/>
        <v>44609.624999997228</v>
      </c>
      <c r="B1151" s="8">
        <v>20.451250089346125</v>
      </c>
      <c r="C1151">
        <f t="shared" si="52"/>
        <v>15</v>
      </c>
      <c r="D1151">
        <f t="shared" si="53"/>
        <v>2</v>
      </c>
    </row>
    <row r="1152" spans="1:4" x14ac:dyDescent="0.25">
      <c r="A1152" s="7">
        <f t="shared" si="54"/>
        <v>44609.666666663892</v>
      </c>
      <c r="B1152" s="8">
        <v>17.148932763942064</v>
      </c>
      <c r="C1152">
        <f t="shared" si="52"/>
        <v>16</v>
      </c>
      <c r="D1152">
        <f t="shared" si="53"/>
        <v>2</v>
      </c>
    </row>
    <row r="1153" spans="1:4" x14ac:dyDescent="0.25">
      <c r="A1153" s="7">
        <f t="shared" si="54"/>
        <v>44609.708333330556</v>
      </c>
      <c r="B1153" s="8">
        <v>11.105436403926079</v>
      </c>
      <c r="C1153">
        <f t="shared" si="52"/>
        <v>17</v>
      </c>
      <c r="D1153">
        <f t="shared" si="53"/>
        <v>2</v>
      </c>
    </row>
    <row r="1154" spans="1:4" x14ac:dyDescent="0.25">
      <c r="A1154" s="7">
        <f t="shared" si="54"/>
        <v>44609.749999997221</v>
      </c>
      <c r="B1154" s="8">
        <v>3.0244891024192988</v>
      </c>
      <c r="C1154">
        <f t="shared" si="52"/>
        <v>18</v>
      </c>
      <c r="D1154">
        <f t="shared" si="53"/>
        <v>2</v>
      </c>
    </row>
    <row r="1155" spans="1:4" x14ac:dyDescent="0.25">
      <c r="A1155" s="7">
        <f t="shared" si="54"/>
        <v>44609.791666663885</v>
      </c>
      <c r="B1155" s="8">
        <v>-4.9800999999999998E-2</v>
      </c>
      <c r="C1155">
        <f t="shared" si="52"/>
        <v>19</v>
      </c>
      <c r="D1155">
        <f t="shared" si="53"/>
        <v>2</v>
      </c>
    </row>
    <row r="1156" spans="1:4" x14ac:dyDescent="0.25">
      <c r="A1156" s="7">
        <f t="shared" si="54"/>
        <v>44609.833333330549</v>
      </c>
      <c r="B1156" s="8">
        <v>-4.9800999999999998E-2</v>
      </c>
      <c r="C1156">
        <f t="shared" si="52"/>
        <v>20</v>
      </c>
      <c r="D1156">
        <f t="shared" si="53"/>
        <v>2</v>
      </c>
    </row>
    <row r="1157" spans="1:4" x14ac:dyDescent="0.25">
      <c r="A1157" s="7">
        <f t="shared" si="54"/>
        <v>44609.874999997213</v>
      </c>
      <c r="B1157" s="8">
        <v>-4.9800999999999998E-2</v>
      </c>
      <c r="C1157">
        <f t="shared" si="52"/>
        <v>21</v>
      </c>
      <c r="D1157">
        <f t="shared" si="53"/>
        <v>2</v>
      </c>
    </row>
    <row r="1158" spans="1:4" x14ac:dyDescent="0.25">
      <c r="A1158" s="7">
        <f t="shared" si="54"/>
        <v>44609.916666663878</v>
      </c>
      <c r="B1158" s="8">
        <v>-4.9800999999999998E-2</v>
      </c>
      <c r="C1158">
        <f t="shared" si="52"/>
        <v>22</v>
      </c>
      <c r="D1158">
        <f t="shared" si="53"/>
        <v>2</v>
      </c>
    </row>
    <row r="1159" spans="1:4" x14ac:dyDescent="0.25">
      <c r="A1159" s="7">
        <f t="shared" si="54"/>
        <v>44609.958333330542</v>
      </c>
      <c r="B1159" s="8">
        <v>-4.9800999999999998E-2</v>
      </c>
      <c r="C1159">
        <f t="shared" si="52"/>
        <v>23</v>
      </c>
      <c r="D1159">
        <f t="shared" si="53"/>
        <v>2</v>
      </c>
    </row>
    <row r="1160" spans="1:4" x14ac:dyDescent="0.25">
      <c r="A1160" s="7">
        <f t="shared" si="54"/>
        <v>44609.999999997206</v>
      </c>
      <c r="B1160" s="8">
        <v>-4.9800999999999998E-2</v>
      </c>
      <c r="C1160">
        <f t="shared" si="52"/>
        <v>0</v>
      </c>
      <c r="D1160">
        <f t="shared" si="53"/>
        <v>2</v>
      </c>
    </row>
    <row r="1161" spans="1:4" x14ac:dyDescent="0.25">
      <c r="A1161" s="7">
        <f t="shared" si="54"/>
        <v>44610.04166666387</v>
      </c>
      <c r="B1161" s="8">
        <v>-4.9800999999999998E-2</v>
      </c>
      <c r="C1161">
        <f t="shared" si="52"/>
        <v>1</v>
      </c>
      <c r="D1161">
        <f t="shared" si="53"/>
        <v>2</v>
      </c>
    </row>
    <row r="1162" spans="1:4" x14ac:dyDescent="0.25">
      <c r="A1162" s="7">
        <f t="shared" si="54"/>
        <v>44610.083333330535</v>
      </c>
      <c r="B1162" s="8">
        <v>-4.9800999999999998E-2</v>
      </c>
      <c r="C1162">
        <f t="shared" ref="C1162:C1225" si="55">HOUR(A1162)</f>
        <v>2</v>
      </c>
      <c r="D1162">
        <f t="shared" ref="D1162:D1225" si="56">MONTH(A1162)</f>
        <v>2</v>
      </c>
    </row>
    <row r="1163" spans="1:4" x14ac:dyDescent="0.25">
      <c r="A1163" s="7">
        <f t="shared" ref="A1163:A1226" si="57">+A1162+1/24</f>
        <v>44610.124999997199</v>
      </c>
      <c r="B1163" s="8">
        <v>-4.9800999999999998E-2</v>
      </c>
      <c r="C1163">
        <f t="shared" si="55"/>
        <v>3</v>
      </c>
      <c r="D1163">
        <f t="shared" si="56"/>
        <v>2</v>
      </c>
    </row>
    <row r="1164" spans="1:4" x14ac:dyDescent="0.25">
      <c r="A1164" s="7">
        <f t="shared" si="57"/>
        <v>44610.166666663863</v>
      </c>
      <c r="B1164" s="8">
        <v>-4.9800999999999998E-2</v>
      </c>
      <c r="C1164">
        <f t="shared" si="55"/>
        <v>4</v>
      </c>
      <c r="D1164">
        <f t="shared" si="56"/>
        <v>2</v>
      </c>
    </row>
    <row r="1165" spans="1:4" x14ac:dyDescent="0.25">
      <c r="A1165" s="7">
        <f t="shared" si="57"/>
        <v>44610.208333330527</v>
      </c>
      <c r="B1165" s="8">
        <v>-4.9800999999999998E-2</v>
      </c>
      <c r="C1165">
        <f t="shared" si="55"/>
        <v>5</v>
      </c>
      <c r="D1165">
        <f t="shared" si="56"/>
        <v>2</v>
      </c>
    </row>
    <row r="1166" spans="1:4" x14ac:dyDescent="0.25">
      <c r="A1166" s="7">
        <f t="shared" si="57"/>
        <v>44610.249999997191</v>
      </c>
      <c r="B1166" s="8">
        <v>-4.9800999999999998E-2</v>
      </c>
      <c r="C1166">
        <f t="shared" si="55"/>
        <v>6</v>
      </c>
      <c r="D1166">
        <f t="shared" si="56"/>
        <v>2</v>
      </c>
    </row>
    <row r="1167" spans="1:4" x14ac:dyDescent="0.25">
      <c r="A1167" s="7">
        <f t="shared" si="57"/>
        <v>44610.291666663856</v>
      </c>
      <c r="B1167" s="8">
        <v>-4.9800999999999998E-2</v>
      </c>
      <c r="C1167">
        <f t="shared" si="55"/>
        <v>7</v>
      </c>
      <c r="D1167">
        <f t="shared" si="56"/>
        <v>2</v>
      </c>
    </row>
    <row r="1168" spans="1:4" x14ac:dyDescent="0.25">
      <c r="A1168" s="7">
        <f t="shared" si="57"/>
        <v>44610.33333333052</v>
      </c>
      <c r="B1168" s="8">
        <v>0.61025743428636359</v>
      </c>
      <c r="C1168">
        <f t="shared" si="55"/>
        <v>8</v>
      </c>
      <c r="D1168">
        <f t="shared" si="56"/>
        <v>2</v>
      </c>
    </row>
    <row r="1169" spans="1:4" x14ac:dyDescent="0.25">
      <c r="A1169" s="7">
        <f t="shared" si="57"/>
        <v>44610.374999997184</v>
      </c>
      <c r="B1169" s="8">
        <v>2.6390872755814163</v>
      </c>
      <c r="C1169">
        <f t="shared" si="55"/>
        <v>9</v>
      </c>
      <c r="D1169">
        <f t="shared" si="56"/>
        <v>2</v>
      </c>
    </row>
    <row r="1170" spans="1:4" x14ac:dyDescent="0.25">
      <c r="A1170" s="7">
        <f t="shared" si="57"/>
        <v>44610.416666663848</v>
      </c>
      <c r="B1170" s="8">
        <v>6.4689778001846818</v>
      </c>
      <c r="C1170">
        <f t="shared" si="55"/>
        <v>10</v>
      </c>
      <c r="D1170">
        <f t="shared" si="56"/>
        <v>2</v>
      </c>
    </row>
    <row r="1171" spans="1:4" x14ac:dyDescent="0.25">
      <c r="A1171" s="7">
        <f t="shared" si="57"/>
        <v>44610.458333330513</v>
      </c>
      <c r="B1171" s="8">
        <v>15.507594838091823</v>
      </c>
      <c r="C1171">
        <f t="shared" si="55"/>
        <v>11</v>
      </c>
      <c r="D1171">
        <f t="shared" si="56"/>
        <v>2</v>
      </c>
    </row>
    <row r="1172" spans="1:4" x14ac:dyDescent="0.25">
      <c r="A1172" s="7">
        <f t="shared" si="57"/>
        <v>44610.499999997177</v>
      </c>
      <c r="B1172" s="8">
        <v>20.451242875036339</v>
      </c>
      <c r="C1172">
        <f t="shared" si="55"/>
        <v>12</v>
      </c>
      <c r="D1172">
        <f t="shared" si="56"/>
        <v>2</v>
      </c>
    </row>
    <row r="1173" spans="1:4" x14ac:dyDescent="0.25">
      <c r="A1173" s="7">
        <f t="shared" si="57"/>
        <v>44610.541666663841</v>
      </c>
      <c r="B1173" s="8">
        <v>19.195468582686352</v>
      </c>
      <c r="C1173">
        <f t="shared" si="55"/>
        <v>13</v>
      </c>
      <c r="D1173">
        <f t="shared" si="56"/>
        <v>2</v>
      </c>
    </row>
    <row r="1174" spans="1:4" x14ac:dyDescent="0.25">
      <c r="A1174" s="7">
        <f t="shared" si="57"/>
        <v>44610.583333330505</v>
      </c>
      <c r="B1174" s="8">
        <v>14.963320511735178</v>
      </c>
      <c r="C1174">
        <f t="shared" si="55"/>
        <v>14</v>
      </c>
      <c r="D1174">
        <f t="shared" si="56"/>
        <v>2</v>
      </c>
    </row>
    <row r="1175" spans="1:4" x14ac:dyDescent="0.25">
      <c r="A1175" s="7">
        <f t="shared" si="57"/>
        <v>44610.62499999717</v>
      </c>
      <c r="B1175" s="8">
        <v>8.0873958638408823</v>
      </c>
      <c r="C1175">
        <f t="shared" si="55"/>
        <v>15</v>
      </c>
      <c r="D1175">
        <f t="shared" si="56"/>
        <v>2</v>
      </c>
    </row>
    <row r="1176" spans="1:4" x14ac:dyDescent="0.25">
      <c r="A1176" s="7">
        <f t="shared" si="57"/>
        <v>44610.666666663834</v>
      </c>
      <c r="B1176" s="8">
        <v>4.3119166942686125</v>
      </c>
      <c r="C1176">
        <f t="shared" si="55"/>
        <v>16</v>
      </c>
      <c r="D1176">
        <f t="shared" si="56"/>
        <v>2</v>
      </c>
    </row>
    <row r="1177" spans="1:4" x14ac:dyDescent="0.25">
      <c r="A1177" s="7">
        <f t="shared" si="57"/>
        <v>44610.708333330498</v>
      </c>
      <c r="B1177" s="8">
        <v>2.5945420044923035</v>
      </c>
      <c r="C1177">
        <f t="shared" si="55"/>
        <v>17</v>
      </c>
      <c r="D1177">
        <f t="shared" si="56"/>
        <v>2</v>
      </c>
    </row>
    <row r="1178" spans="1:4" x14ac:dyDescent="0.25">
      <c r="A1178" s="7">
        <f t="shared" si="57"/>
        <v>44610.749999997162</v>
      </c>
      <c r="B1178" s="8">
        <v>0.94011732068802234</v>
      </c>
      <c r="C1178">
        <f t="shared" si="55"/>
        <v>18</v>
      </c>
      <c r="D1178">
        <f t="shared" si="56"/>
        <v>2</v>
      </c>
    </row>
    <row r="1179" spans="1:4" x14ac:dyDescent="0.25">
      <c r="A1179" s="7">
        <f t="shared" si="57"/>
        <v>44610.791666663827</v>
      </c>
      <c r="B1179" s="8">
        <v>-4.9800999999999998E-2</v>
      </c>
      <c r="C1179">
        <f t="shared" si="55"/>
        <v>19</v>
      </c>
      <c r="D1179">
        <f t="shared" si="56"/>
        <v>2</v>
      </c>
    </row>
    <row r="1180" spans="1:4" x14ac:dyDescent="0.25">
      <c r="A1180" s="7">
        <f t="shared" si="57"/>
        <v>44610.833333330491</v>
      </c>
      <c r="B1180" s="8">
        <v>-4.9800999999999998E-2</v>
      </c>
      <c r="C1180">
        <f t="shared" si="55"/>
        <v>20</v>
      </c>
      <c r="D1180">
        <f t="shared" si="56"/>
        <v>2</v>
      </c>
    </row>
    <row r="1181" spans="1:4" x14ac:dyDescent="0.25">
      <c r="A1181" s="7">
        <f t="shared" si="57"/>
        <v>44610.874999997155</v>
      </c>
      <c r="B1181" s="8">
        <v>-4.9800999999999998E-2</v>
      </c>
      <c r="C1181">
        <f t="shared" si="55"/>
        <v>21</v>
      </c>
      <c r="D1181">
        <f t="shared" si="56"/>
        <v>2</v>
      </c>
    </row>
    <row r="1182" spans="1:4" x14ac:dyDescent="0.25">
      <c r="A1182" s="7">
        <f t="shared" si="57"/>
        <v>44610.916666663819</v>
      </c>
      <c r="B1182" s="8">
        <v>-4.9800999999999998E-2</v>
      </c>
      <c r="C1182">
        <f t="shared" si="55"/>
        <v>22</v>
      </c>
      <c r="D1182">
        <f t="shared" si="56"/>
        <v>2</v>
      </c>
    </row>
    <row r="1183" spans="1:4" x14ac:dyDescent="0.25">
      <c r="A1183" s="7">
        <f t="shared" si="57"/>
        <v>44610.958333330484</v>
      </c>
      <c r="B1183" s="8">
        <v>-4.9800999999999998E-2</v>
      </c>
      <c r="C1183">
        <f t="shared" si="55"/>
        <v>23</v>
      </c>
      <c r="D1183">
        <f t="shared" si="56"/>
        <v>2</v>
      </c>
    </row>
    <row r="1184" spans="1:4" x14ac:dyDescent="0.25">
      <c r="A1184" s="7">
        <f t="shared" si="57"/>
        <v>44610.999999997148</v>
      </c>
      <c r="B1184" s="8">
        <v>-4.9800999999999998E-2</v>
      </c>
      <c r="C1184">
        <f t="shared" si="55"/>
        <v>0</v>
      </c>
      <c r="D1184">
        <f t="shared" si="56"/>
        <v>2</v>
      </c>
    </row>
    <row r="1185" spans="1:4" x14ac:dyDescent="0.25">
      <c r="A1185" s="7">
        <f t="shared" si="57"/>
        <v>44611.041666663812</v>
      </c>
      <c r="B1185" s="8">
        <v>-4.9800999999999998E-2</v>
      </c>
      <c r="C1185">
        <f t="shared" si="55"/>
        <v>1</v>
      </c>
      <c r="D1185">
        <f t="shared" si="56"/>
        <v>2</v>
      </c>
    </row>
    <row r="1186" spans="1:4" x14ac:dyDescent="0.25">
      <c r="A1186" s="7">
        <f t="shared" si="57"/>
        <v>44611.083333330476</v>
      </c>
      <c r="B1186" s="8">
        <v>-4.9800999999999998E-2</v>
      </c>
      <c r="C1186">
        <f t="shared" si="55"/>
        <v>2</v>
      </c>
      <c r="D1186">
        <f t="shared" si="56"/>
        <v>2</v>
      </c>
    </row>
    <row r="1187" spans="1:4" x14ac:dyDescent="0.25">
      <c r="A1187" s="7">
        <f t="shared" si="57"/>
        <v>44611.124999997141</v>
      </c>
      <c r="B1187" s="8">
        <v>-4.9800999999999998E-2</v>
      </c>
      <c r="C1187">
        <f t="shared" si="55"/>
        <v>3</v>
      </c>
      <c r="D1187">
        <f t="shared" si="56"/>
        <v>2</v>
      </c>
    </row>
    <row r="1188" spans="1:4" x14ac:dyDescent="0.25">
      <c r="A1188" s="7">
        <f t="shared" si="57"/>
        <v>44611.166666663805</v>
      </c>
      <c r="B1188" s="8">
        <v>-4.9800999999999998E-2</v>
      </c>
      <c r="C1188">
        <f t="shared" si="55"/>
        <v>4</v>
      </c>
      <c r="D1188">
        <f t="shared" si="56"/>
        <v>2</v>
      </c>
    </row>
    <row r="1189" spans="1:4" x14ac:dyDescent="0.25">
      <c r="A1189" s="7">
        <f t="shared" si="57"/>
        <v>44611.208333330469</v>
      </c>
      <c r="B1189" s="8">
        <v>-4.9800999999999998E-2</v>
      </c>
      <c r="C1189">
        <f t="shared" si="55"/>
        <v>5</v>
      </c>
      <c r="D1189">
        <f t="shared" si="56"/>
        <v>2</v>
      </c>
    </row>
    <row r="1190" spans="1:4" x14ac:dyDescent="0.25">
      <c r="A1190" s="7">
        <f t="shared" si="57"/>
        <v>44611.249999997133</v>
      </c>
      <c r="B1190" s="8">
        <v>-4.9800999999999998E-2</v>
      </c>
      <c r="C1190">
        <f t="shared" si="55"/>
        <v>6</v>
      </c>
      <c r="D1190">
        <f t="shared" si="56"/>
        <v>2</v>
      </c>
    </row>
    <row r="1191" spans="1:4" x14ac:dyDescent="0.25">
      <c r="A1191" s="7">
        <f t="shared" si="57"/>
        <v>44611.291666663798</v>
      </c>
      <c r="B1191" s="8">
        <v>-4.9800999999999998E-2</v>
      </c>
      <c r="C1191">
        <f t="shared" si="55"/>
        <v>7</v>
      </c>
      <c r="D1191">
        <f t="shared" si="56"/>
        <v>2</v>
      </c>
    </row>
    <row r="1192" spans="1:4" x14ac:dyDescent="0.25">
      <c r="A1192" s="7">
        <f t="shared" si="57"/>
        <v>44611.333333330462</v>
      </c>
      <c r="B1192" s="8">
        <v>-4.9800999999999998E-2</v>
      </c>
      <c r="C1192">
        <f t="shared" si="55"/>
        <v>8</v>
      </c>
      <c r="D1192">
        <f t="shared" si="56"/>
        <v>2</v>
      </c>
    </row>
    <row r="1193" spans="1:4" x14ac:dyDescent="0.25">
      <c r="A1193" s="7">
        <f t="shared" si="57"/>
        <v>44611.374999997126</v>
      </c>
      <c r="B1193" s="8">
        <v>2.0660721696481179</v>
      </c>
      <c r="C1193">
        <f t="shared" si="55"/>
        <v>9</v>
      </c>
      <c r="D1193">
        <f t="shared" si="56"/>
        <v>2</v>
      </c>
    </row>
    <row r="1194" spans="1:4" x14ac:dyDescent="0.25">
      <c r="A1194" s="7">
        <f t="shared" si="57"/>
        <v>44611.41666666379</v>
      </c>
      <c r="B1194" s="8">
        <v>5.0802819112362929</v>
      </c>
      <c r="C1194">
        <f t="shared" si="55"/>
        <v>10</v>
      </c>
      <c r="D1194">
        <f t="shared" si="56"/>
        <v>2</v>
      </c>
    </row>
    <row r="1195" spans="1:4" x14ac:dyDescent="0.25">
      <c r="A1195" s="7">
        <f t="shared" si="57"/>
        <v>44611.458333330454</v>
      </c>
      <c r="B1195" s="8">
        <v>4.025810566110839</v>
      </c>
      <c r="C1195">
        <f t="shared" si="55"/>
        <v>11</v>
      </c>
      <c r="D1195">
        <f t="shared" si="56"/>
        <v>2</v>
      </c>
    </row>
    <row r="1196" spans="1:4" x14ac:dyDescent="0.25">
      <c r="A1196" s="7">
        <f t="shared" si="57"/>
        <v>44611.499999997119</v>
      </c>
      <c r="B1196" s="8">
        <v>5.3181809907800917</v>
      </c>
      <c r="C1196">
        <f t="shared" si="55"/>
        <v>12</v>
      </c>
      <c r="D1196">
        <f t="shared" si="56"/>
        <v>2</v>
      </c>
    </row>
    <row r="1197" spans="1:4" x14ac:dyDescent="0.25">
      <c r="A1197" s="7">
        <f t="shared" si="57"/>
        <v>44611.541666663783</v>
      </c>
      <c r="B1197" s="8">
        <v>6.0011864943452293</v>
      </c>
      <c r="C1197">
        <f t="shared" si="55"/>
        <v>13</v>
      </c>
      <c r="D1197">
        <f t="shared" si="56"/>
        <v>2</v>
      </c>
    </row>
    <row r="1198" spans="1:4" x14ac:dyDescent="0.25">
      <c r="A1198" s="7">
        <f t="shared" si="57"/>
        <v>44611.583333330447</v>
      </c>
      <c r="B1198" s="8">
        <v>5.8063063440627021</v>
      </c>
      <c r="C1198">
        <f t="shared" si="55"/>
        <v>14</v>
      </c>
      <c r="D1198">
        <f t="shared" si="56"/>
        <v>2</v>
      </c>
    </row>
    <row r="1199" spans="1:4" x14ac:dyDescent="0.25">
      <c r="A1199" s="7">
        <f t="shared" si="57"/>
        <v>44611.624999997111</v>
      </c>
      <c r="B1199" s="8">
        <v>4.7346659722593172</v>
      </c>
      <c r="C1199">
        <f t="shared" si="55"/>
        <v>15</v>
      </c>
      <c r="D1199">
        <f t="shared" si="56"/>
        <v>2</v>
      </c>
    </row>
    <row r="1200" spans="1:4" x14ac:dyDescent="0.25">
      <c r="A1200" s="7">
        <f t="shared" si="57"/>
        <v>44611.666666663776</v>
      </c>
      <c r="B1200" s="8">
        <v>3.5717037753220842</v>
      </c>
      <c r="C1200">
        <f t="shared" si="55"/>
        <v>16</v>
      </c>
      <c r="D1200">
        <f t="shared" si="56"/>
        <v>2</v>
      </c>
    </row>
    <row r="1201" spans="1:4" x14ac:dyDescent="0.25">
      <c r="A1201" s="7">
        <f t="shared" si="57"/>
        <v>44611.70833333044</v>
      </c>
      <c r="B1201" s="8">
        <v>2.3035085027498492</v>
      </c>
      <c r="C1201">
        <f t="shared" si="55"/>
        <v>17</v>
      </c>
      <c r="D1201">
        <f t="shared" si="56"/>
        <v>2</v>
      </c>
    </row>
    <row r="1202" spans="1:4" x14ac:dyDescent="0.25">
      <c r="A1202" s="7">
        <f t="shared" si="57"/>
        <v>44611.749999997104</v>
      </c>
      <c r="B1202" s="8">
        <v>0.85262320220414334</v>
      </c>
      <c r="C1202">
        <f t="shared" si="55"/>
        <v>18</v>
      </c>
      <c r="D1202">
        <f t="shared" si="56"/>
        <v>2</v>
      </c>
    </row>
    <row r="1203" spans="1:4" x14ac:dyDescent="0.25">
      <c r="A1203" s="7">
        <f t="shared" si="57"/>
        <v>44611.791666663768</v>
      </c>
      <c r="B1203" s="8">
        <v>-4.9800999999999998E-2</v>
      </c>
      <c r="C1203">
        <f t="shared" si="55"/>
        <v>19</v>
      </c>
      <c r="D1203">
        <f t="shared" si="56"/>
        <v>2</v>
      </c>
    </row>
    <row r="1204" spans="1:4" x14ac:dyDescent="0.25">
      <c r="A1204" s="7">
        <f t="shared" si="57"/>
        <v>44611.833333330433</v>
      </c>
      <c r="B1204" s="8">
        <v>-4.9800999999999998E-2</v>
      </c>
      <c r="C1204">
        <f t="shared" si="55"/>
        <v>20</v>
      </c>
      <c r="D1204">
        <f t="shared" si="56"/>
        <v>2</v>
      </c>
    </row>
    <row r="1205" spans="1:4" x14ac:dyDescent="0.25">
      <c r="A1205" s="7">
        <f t="shared" si="57"/>
        <v>44611.874999997097</v>
      </c>
      <c r="B1205" s="8">
        <v>-4.9800999999999998E-2</v>
      </c>
      <c r="C1205">
        <f t="shared" si="55"/>
        <v>21</v>
      </c>
      <c r="D1205">
        <f t="shared" si="56"/>
        <v>2</v>
      </c>
    </row>
    <row r="1206" spans="1:4" x14ac:dyDescent="0.25">
      <c r="A1206" s="7">
        <f t="shared" si="57"/>
        <v>44611.916666663761</v>
      </c>
      <c r="B1206" s="8">
        <v>-4.9800999999999998E-2</v>
      </c>
      <c r="C1206">
        <f t="shared" si="55"/>
        <v>22</v>
      </c>
      <c r="D1206">
        <f t="shared" si="56"/>
        <v>2</v>
      </c>
    </row>
    <row r="1207" spans="1:4" x14ac:dyDescent="0.25">
      <c r="A1207" s="7">
        <f t="shared" si="57"/>
        <v>44611.958333330425</v>
      </c>
      <c r="B1207" s="8">
        <v>-4.9800999999999998E-2</v>
      </c>
      <c r="C1207">
        <f t="shared" si="55"/>
        <v>23</v>
      </c>
      <c r="D1207">
        <f t="shared" si="56"/>
        <v>2</v>
      </c>
    </row>
    <row r="1208" spans="1:4" x14ac:dyDescent="0.25">
      <c r="A1208" s="7">
        <f t="shared" si="57"/>
        <v>44611.99999999709</v>
      </c>
      <c r="B1208" s="8">
        <v>-4.9800999999999998E-2</v>
      </c>
      <c r="C1208">
        <f t="shared" si="55"/>
        <v>0</v>
      </c>
      <c r="D1208">
        <f t="shared" si="56"/>
        <v>2</v>
      </c>
    </row>
    <row r="1209" spans="1:4" x14ac:dyDescent="0.25">
      <c r="A1209" s="7">
        <f t="shared" si="57"/>
        <v>44612.041666663754</v>
      </c>
      <c r="B1209" s="8">
        <v>-4.9800999999999998E-2</v>
      </c>
      <c r="C1209">
        <f t="shared" si="55"/>
        <v>1</v>
      </c>
      <c r="D1209">
        <f t="shared" si="56"/>
        <v>2</v>
      </c>
    </row>
    <row r="1210" spans="1:4" x14ac:dyDescent="0.25">
      <c r="A1210" s="7">
        <f t="shared" si="57"/>
        <v>44612.083333330418</v>
      </c>
      <c r="B1210" s="8">
        <v>-4.9800999999999998E-2</v>
      </c>
      <c r="C1210">
        <f t="shared" si="55"/>
        <v>2</v>
      </c>
      <c r="D1210">
        <f t="shared" si="56"/>
        <v>2</v>
      </c>
    </row>
    <row r="1211" spans="1:4" x14ac:dyDescent="0.25">
      <c r="A1211" s="7">
        <f t="shared" si="57"/>
        <v>44612.124999997082</v>
      </c>
      <c r="B1211" s="8">
        <v>-4.9800999999999998E-2</v>
      </c>
      <c r="C1211">
        <f t="shared" si="55"/>
        <v>3</v>
      </c>
      <c r="D1211">
        <f t="shared" si="56"/>
        <v>2</v>
      </c>
    </row>
    <row r="1212" spans="1:4" x14ac:dyDescent="0.25">
      <c r="A1212" s="7">
        <f t="shared" si="57"/>
        <v>44612.166666663747</v>
      </c>
      <c r="B1212" s="8">
        <v>-4.9800999999999998E-2</v>
      </c>
      <c r="C1212">
        <f t="shared" si="55"/>
        <v>4</v>
      </c>
      <c r="D1212">
        <f t="shared" si="56"/>
        <v>2</v>
      </c>
    </row>
    <row r="1213" spans="1:4" x14ac:dyDescent="0.25">
      <c r="A1213" s="7">
        <f t="shared" si="57"/>
        <v>44612.208333330411</v>
      </c>
      <c r="B1213" s="8">
        <v>-4.9800999999999998E-2</v>
      </c>
      <c r="C1213">
        <f t="shared" si="55"/>
        <v>5</v>
      </c>
      <c r="D1213">
        <f t="shared" si="56"/>
        <v>2</v>
      </c>
    </row>
    <row r="1214" spans="1:4" x14ac:dyDescent="0.25">
      <c r="A1214" s="7">
        <f t="shared" si="57"/>
        <v>44612.249999997075</v>
      </c>
      <c r="B1214" s="8">
        <v>-4.9800999999999998E-2</v>
      </c>
      <c r="C1214">
        <f t="shared" si="55"/>
        <v>6</v>
      </c>
      <c r="D1214">
        <f t="shared" si="56"/>
        <v>2</v>
      </c>
    </row>
    <row r="1215" spans="1:4" x14ac:dyDescent="0.25">
      <c r="A1215" s="7">
        <f t="shared" si="57"/>
        <v>44612.291666663739</v>
      </c>
      <c r="B1215" s="8">
        <v>-4.9800999999999998E-2</v>
      </c>
      <c r="C1215">
        <f t="shared" si="55"/>
        <v>7</v>
      </c>
      <c r="D1215">
        <f t="shared" si="56"/>
        <v>2</v>
      </c>
    </row>
    <row r="1216" spans="1:4" x14ac:dyDescent="0.25">
      <c r="A1216" s="7">
        <f t="shared" si="57"/>
        <v>44612.333333330404</v>
      </c>
      <c r="B1216" s="8">
        <v>0.70186164811759766</v>
      </c>
      <c r="C1216">
        <f t="shared" si="55"/>
        <v>8</v>
      </c>
      <c r="D1216">
        <f t="shared" si="56"/>
        <v>2</v>
      </c>
    </row>
    <row r="1217" spans="1:4" x14ac:dyDescent="0.25">
      <c r="A1217" s="7">
        <f t="shared" si="57"/>
        <v>44612.374999997068</v>
      </c>
      <c r="B1217" s="8">
        <v>5.6666136024211404</v>
      </c>
      <c r="C1217">
        <f t="shared" si="55"/>
        <v>9</v>
      </c>
      <c r="D1217">
        <f t="shared" si="56"/>
        <v>2</v>
      </c>
    </row>
    <row r="1218" spans="1:4" x14ac:dyDescent="0.25">
      <c r="A1218" s="7">
        <f t="shared" si="57"/>
        <v>44612.416666663732</v>
      </c>
      <c r="B1218" s="8">
        <v>9.7512166708351931</v>
      </c>
      <c r="C1218">
        <f t="shared" si="55"/>
        <v>10</v>
      </c>
      <c r="D1218">
        <f t="shared" si="56"/>
        <v>2</v>
      </c>
    </row>
    <row r="1219" spans="1:4" x14ac:dyDescent="0.25">
      <c r="A1219" s="7">
        <f t="shared" si="57"/>
        <v>44612.458333330396</v>
      </c>
      <c r="B1219" s="8">
        <v>9.3161659640415717</v>
      </c>
      <c r="C1219">
        <f t="shared" si="55"/>
        <v>11</v>
      </c>
      <c r="D1219">
        <f t="shared" si="56"/>
        <v>2</v>
      </c>
    </row>
    <row r="1220" spans="1:4" x14ac:dyDescent="0.25">
      <c r="A1220" s="7">
        <f t="shared" si="57"/>
        <v>44612.499999997061</v>
      </c>
      <c r="B1220" s="8">
        <v>9.3359486320938494</v>
      </c>
      <c r="C1220">
        <f t="shared" si="55"/>
        <v>12</v>
      </c>
      <c r="D1220">
        <f t="shared" si="56"/>
        <v>2</v>
      </c>
    </row>
    <row r="1221" spans="1:4" x14ac:dyDescent="0.25">
      <c r="A1221" s="7">
        <f t="shared" si="57"/>
        <v>44612.541666663725</v>
      </c>
      <c r="B1221" s="8">
        <v>9.5220077427379586</v>
      </c>
      <c r="C1221">
        <f t="shared" si="55"/>
        <v>13</v>
      </c>
      <c r="D1221">
        <f t="shared" si="56"/>
        <v>2</v>
      </c>
    </row>
    <row r="1222" spans="1:4" x14ac:dyDescent="0.25">
      <c r="A1222" s="7">
        <f t="shared" si="57"/>
        <v>44612.583333330389</v>
      </c>
      <c r="B1222" s="8">
        <v>7.6957866387389284</v>
      </c>
      <c r="C1222">
        <f t="shared" si="55"/>
        <v>14</v>
      </c>
      <c r="D1222">
        <f t="shared" si="56"/>
        <v>2</v>
      </c>
    </row>
    <row r="1223" spans="1:4" x14ac:dyDescent="0.25">
      <c r="A1223" s="7">
        <f t="shared" si="57"/>
        <v>44612.624999997053</v>
      </c>
      <c r="B1223" s="8">
        <v>7.1205855969400984</v>
      </c>
      <c r="C1223">
        <f t="shared" si="55"/>
        <v>15</v>
      </c>
      <c r="D1223">
        <f t="shared" si="56"/>
        <v>2</v>
      </c>
    </row>
    <row r="1224" spans="1:4" x14ac:dyDescent="0.25">
      <c r="A1224" s="7">
        <f t="shared" si="57"/>
        <v>44612.666666663717</v>
      </c>
      <c r="B1224" s="8">
        <v>10.78045339094059</v>
      </c>
      <c r="C1224">
        <f t="shared" si="55"/>
        <v>16</v>
      </c>
      <c r="D1224">
        <f t="shared" si="56"/>
        <v>2</v>
      </c>
    </row>
    <row r="1225" spans="1:4" x14ac:dyDescent="0.25">
      <c r="A1225" s="7">
        <f t="shared" si="57"/>
        <v>44612.708333330382</v>
      </c>
      <c r="B1225" s="8">
        <v>10.108018912445116</v>
      </c>
      <c r="C1225">
        <f t="shared" si="55"/>
        <v>17</v>
      </c>
      <c r="D1225">
        <f t="shared" si="56"/>
        <v>2</v>
      </c>
    </row>
    <row r="1226" spans="1:4" x14ac:dyDescent="0.25">
      <c r="A1226" s="7">
        <f t="shared" si="57"/>
        <v>44612.749999997046</v>
      </c>
      <c r="B1226" s="8">
        <v>3.1077278087443942</v>
      </c>
      <c r="C1226">
        <f t="shared" ref="C1226:C1289" si="58">HOUR(A1226)</f>
        <v>18</v>
      </c>
      <c r="D1226">
        <f t="shared" ref="D1226:D1289" si="59">MONTH(A1226)</f>
        <v>2</v>
      </c>
    </row>
    <row r="1227" spans="1:4" x14ac:dyDescent="0.25">
      <c r="A1227" s="7">
        <f t="shared" ref="A1227:A1290" si="60">+A1226+1/24</f>
        <v>44612.79166666371</v>
      </c>
      <c r="B1227" s="8">
        <v>-4.9800999999999998E-2</v>
      </c>
      <c r="C1227">
        <f t="shared" si="58"/>
        <v>19</v>
      </c>
      <c r="D1227">
        <f t="shared" si="59"/>
        <v>2</v>
      </c>
    </row>
    <row r="1228" spans="1:4" x14ac:dyDescent="0.25">
      <c r="A1228" s="7">
        <f t="shared" si="60"/>
        <v>44612.833333330374</v>
      </c>
      <c r="B1228" s="8">
        <v>-4.9800999999999998E-2</v>
      </c>
      <c r="C1228">
        <f t="shared" si="58"/>
        <v>20</v>
      </c>
      <c r="D1228">
        <f t="shared" si="59"/>
        <v>2</v>
      </c>
    </row>
    <row r="1229" spans="1:4" x14ac:dyDescent="0.25">
      <c r="A1229" s="7">
        <f t="shared" si="60"/>
        <v>44612.874999997039</v>
      </c>
      <c r="B1229" s="8">
        <v>-4.9800999999999998E-2</v>
      </c>
      <c r="C1229">
        <f t="shared" si="58"/>
        <v>21</v>
      </c>
      <c r="D1229">
        <f t="shared" si="59"/>
        <v>2</v>
      </c>
    </row>
    <row r="1230" spans="1:4" x14ac:dyDescent="0.25">
      <c r="A1230" s="7">
        <f t="shared" si="60"/>
        <v>44612.916666663703</v>
      </c>
      <c r="B1230" s="8">
        <v>-4.9800999999999998E-2</v>
      </c>
      <c r="C1230">
        <f t="shared" si="58"/>
        <v>22</v>
      </c>
      <c r="D1230">
        <f t="shared" si="59"/>
        <v>2</v>
      </c>
    </row>
    <row r="1231" spans="1:4" x14ac:dyDescent="0.25">
      <c r="A1231" s="7">
        <f t="shared" si="60"/>
        <v>44612.958333330367</v>
      </c>
      <c r="B1231" s="8">
        <v>-4.9800999999999998E-2</v>
      </c>
      <c r="C1231">
        <f t="shared" si="58"/>
        <v>23</v>
      </c>
      <c r="D1231">
        <f t="shared" si="59"/>
        <v>2</v>
      </c>
    </row>
    <row r="1232" spans="1:4" x14ac:dyDescent="0.25">
      <c r="A1232" s="7">
        <f t="shared" si="60"/>
        <v>44612.999999997031</v>
      </c>
      <c r="B1232" s="8">
        <v>-4.9800999999999998E-2</v>
      </c>
      <c r="C1232">
        <f t="shared" si="58"/>
        <v>0</v>
      </c>
      <c r="D1232">
        <f t="shared" si="59"/>
        <v>2</v>
      </c>
    </row>
    <row r="1233" spans="1:4" x14ac:dyDescent="0.25">
      <c r="A1233" s="7">
        <f t="shared" si="60"/>
        <v>44613.041666663696</v>
      </c>
      <c r="B1233" s="8">
        <v>-4.9800999999999998E-2</v>
      </c>
      <c r="C1233">
        <f t="shared" si="58"/>
        <v>1</v>
      </c>
      <c r="D1233">
        <f t="shared" si="59"/>
        <v>2</v>
      </c>
    </row>
    <row r="1234" spans="1:4" x14ac:dyDescent="0.25">
      <c r="A1234" s="7">
        <f t="shared" si="60"/>
        <v>44613.08333333036</v>
      </c>
      <c r="B1234" s="8">
        <v>-4.9800999999999998E-2</v>
      </c>
      <c r="C1234">
        <f t="shared" si="58"/>
        <v>2</v>
      </c>
      <c r="D1234">
        <f t="shared" si="59"/>
        <v>2</v>
      </c>
    </row>
    <row r="1235" spans="1:4" x14ac:dyDescent="0.25">
      <c r="A1235" s="7">
        <f t="shared" si="60"/>
        <v>44613.124999997024</v>
      </c>
      <c r="B1235" s="8">
        <v>-4.9800999999999998E-2</v>
      </c>
      <c r="C1235">
        <f t="shared" si="58"/>
        <v>3</v>
      </c>
      <c r="D1235">
        <f t="shared" si="59"/>
        <v>2</v>
      </c>
    </row>
    <row r="1236" spans="1:4" x14ac:dyDescent="0.25">
      <c r="A1236" s="7">
        <f t="shared" si="60"/>
        <v>44613.166666663688</v>
      </c>
      <c r="B1236" s="8">
        <v>-4.9800999999999998E-2</v>
      </c>
      <c r="C1236">
        <f t="shared" si="58"/>
        <v>4</v>
      </c>
      <c r="D1236">
        <f t="shared" si="59"/>
        <v>2</v>
      </c>
    </row>
    <row r="1237" spans="1:4" x14ac:dyDescent="0.25">
      <c r="A1237" s="7">
        <f t="shared" si="60"/>
        <v>44613.208333330353</v>
      </c>
      <c r="B1237" s="8">
        <v>-4.9800999999999998E-2</v>
      </c>
      <c r="C1237">
        <f t="shared" si="58"/>
        <v>5</v>
      </c>
      <c r="D1237">
        <f t="shared" si="59"/>
        <v>2</v>
      </c>
    </row>
    <row r="1238" spans="1:4" x14ac:dyDescent="0.25">
      <c r="A1238" s="7">
        <f t="shared" si="60"/>
        <v>44613.249999997017</v>
      </c>
      <c r="B1238" s="8">
        <v>-4.9800999999999998E-2</v>
      </c>
      <c r="C1238">
        <f t="shared" si="58"/>
        <v>6</v>
      </c>
      <c r="D1238">
        <f t="shared" si="59"/>
        <v>2</v>
      </c>
    </row>
    <row r="1239" spans="1:4" x14ac:dyDescent="0.25">
      <c r="A1239" s="7">
        <f t="shared" si="60"/>
        <v>44613.291666663681</v>
      </c>
      <c r="B1239" s="8">
        <v>-4.9800999999999998E-2</v>
      </c>
      <c r="C1239">
        <f t="shared" si="58"/>
        <v>7</v>
      </c>
      <c r="D1239">
        <f t="shared" si="59"/>
        <v>2</v>
      </c>
    </row>
    <row r="1240" spans="1:4" x14ac:dyDescent="0.25">
      <c r="A1240" s="7">
        <f t="shared" si="60"/>
        <v>44613.333333330345</v>
      </c>
      <c r="B1240" s="8">
        <v>0.3961274442601303</v>
      </c>
      <c r="C1240">
        <f t="shared" si="58"/>
        <v>8</v>
      </c>
      <c r="D1240">
        <f t="shared" si="59"/>
        <v>2</v>
      </c>
    </row>
    <row r="1241" spans="1:4" x14ac:dyDescent="0.25">
      <c r="A1241" s="7">
        <f t="shared" si="60"/>
        <v>44613.37499999701</v>
      </c>
      <c r="B1241" s="8">
        <v>4.0009912792113891</v>
      </c>
      <c r="C1241">
        <f t="shared" si="58"/>
        <v>9</v>
      </c>
      <c r="D1241">
        <f t="shared" si="59"/>
        <v>2</v>
      </c>
    </row>
    <row r="1242" spans="1:4" x14ac:dyDescent="0.25">
      <c r="A1242" s="7">
        <f t="shared" si="60"/>
        <v>44613.416666663674</v>
      </c>
      <c r="B1242" s="8">
        <v>12.693954245361251</v>
      </c>
      <c r="C1242">
        <f t="shared" si="58"/>
        <v>10</v>
      </c>
      <c r="D1242">
        <f t="shared" si="59"/>
        <v>2</v>
      </c>
    </row>
    <row r="1243" spans="1:4" x14ac:dyDescent="0.25">
      <c r="A1243" s="7">
        <f t="shared" si="60"/>
        <v>44613.458333330338</v>
      </c>
      <c r="B1243" s="8">
        <v>18.375223202807312</v>
      </c>
      <c r="C1243">
        <f t="shared" si="58"/>
        <v>11</v>
      </c>
      <c r="D1243">
        <f t="shared" si="59"/>
        <v>2</v>
      </c>
    </row>
    <row r="1244" spans="1:4" x14ac:dyDescent="0.25">
      <c r="A1244" s="7">
        <f t="shared" si="60"/>
        <v>44613.499999997002</v>
      </c>
      <c r="B1244" s="8">
        <v>8.8977040472958535</v>
      </c>
      <c r="C1244">
        <f t="shared" si="58"/>
        <v>12</v>
      </c>
      <c r="D1244">
        <f t="shared" si="59"/>
        <v>2</v>
      </c>
    </row>
    <row r="1245" spans="1:4" x14ac:dyDescent="0.25">
      <c r="A1245" s="7">
        <f t="shared" si="60"/>
        <v>44613.541666663667</v>
      </c>
      <c r="B1245" s="8">
        <v>13.549772356185454</v>
      </c>
      <c r="C1245">
        <f t="shared" si="58"/>
        <v>13</v>
      </c>
      <c r="D1245">
        <f t="shared" si="59"/>
        <v>2</v>
      </c>
    </row>
    <row r="1246" spans="1:4" x14ac:dyDescent="0.25">
      <c r="A1246" s="7">
        <f t="shared" si="60"/>
        <v>44613.583333330331</v>
      </c>
      <c r="B1246" s="8">
        <v>18.991941566815985</v>
      </c>
      <c r="C1246">
        <f t="shared" si="58"/>
        <v>14</v>
      </c>
      <c r="D1246">
        <f t="shared" si="59"/>
        <v>2</v>
      </c>
    </row>
    <row r="1247" spans="1:4" x14ac:dyDescent="0.25">
      <c r="A1247" s="7">
        <f t="shared" si="60"/>
        <v>44613.624999996995</v>
      </c>
      <c r="B1247" s="8">
        <v>20.451242875036339</v>
      </c>
      <c r="C1247">
        <f t="shared" si="58"/>
        <v>15</v>
      </c>
      <c r="D1247">
        <f t="shared" si="59"/>
        <v>2</v>
      </c>
    </row>
    <row r="1248" spans="1:4" x14ac:dyDescent="0.25">
      <c r="A1248" s="7">
        <f t="shared" si="60"/>
        <v>44613.666666663659</v>
      </c>
      <c r="B1248" s="8">
        <v>14.274514703101103</v>
      </c>
      <c r="C1248">
        <f t="shared" si="58"/>
        <v>16</v>
      </c>
      <c r="D1248">
        <f t="shared" si="59"/>
        <v>2</v>
      </c>
    </row>
    <row r="1249" spans="1:4" x14ac:dyDescent="0.25">
      <c r="A1249" s="7">
        <f t="shared" si="60"/>
        <v>44613.708333330324</v>
      </c>
      <c r="B1249" s="8">
        <v>6.9669888191071694</v>
      </c>
      <c r="C1249">
        <f t="shared" si="58"/>
        <v>17</v>
      </c>
      <c r="D1249">
        <f t="shared" si="59"/>
        <v>2</v>
      </c>
    </row>
    <row r="1250" spans="1:4" x14ac:dyDescent="0.25">
      <c r="A1250" s="7">
        <f t="shared" si="60"/>
        <v>44613.749999996988</v>
      </c>
      <c r="B1250" s="8">
        <v>2.2098152309273691</v>
      </c>
      <c r="C1250">
        <f t="shared" si="58"/>
        <v>18</v>
      </c>
      <c r="D1250">
        <f t="shared" si="59"/>
        <v>2</v>
      </c>
    </row>
    <row r="1251" spans="1:4" x14ac:dyDescent="0.25">
      <c r="A1251" s="7">
        <f t="shared" si="60"/>
        <v>44613.791666663652</v>
      </c>
      <c r="B1251" s="8">
        <v>-4.9800999999999998E-2</v>
      </c>
      <c r="C1251">
        <f t="shared" si="58"/>
        <v>19</v>
      </c>
      <c r="D1251">
        <f t="shared" si="59"/>
        <v>2</v>
      </c>
    </row>
    <row r="1252" spans="1:4" x14ac:dyDescent="0.25">
      <c r="A1252" s="7">
        <f t="shared" si="60"/>
        <v>44613.833333330316</v>
      </c>
      <c r="B1252" s="8">
        <v>-4.9800999999999998E-2</v>
      </c>
      <c r="C1252">
        <f t="shared" si="58"/>
        <v>20</v>
      </c>
      <c r="D1252">
        <f t="shared" si="59"/>
        <v>2</v>
      </c>
    </row>
    <row r="1253" spans="1:4" x14ac:dyDescent="0.25">
      <c r="A1253" s="7">
        <f t="shared" si="60"/>
        <v>44613.87499999698</v>
      </c>
      <c r="B1253" s="8">
        <v>-4.9800999999999998E-2</v>
      </c>
      <c r="C1253">
        <f t="shared" si="58"/>
        <v>21</v>
      </c>
      <c r="D1253">
        <f t="shared" si="59"/>
        <v>2</v>
      </c>
    </row>
    <row r="1254" spans="1:4" x14ac:dyDescent="0.25">
      <c r="A1254" s="7">
        <f t="shared" si="60"/>
        <v>44613.916666663645</v>
      </c>
      <c r="B1254" s="8">
        <v>-4.9800999999999998E-2</v>
      </c>
      <c r="C1254">
        <f t="shared" si="58"/>
        <v>22</v>
      </c>
      <c r="D1254">
        <f t="shared" si="59"/>
        <v>2</v>
      </c>
    </row>
    <row r="1255" spans="1:4" x14ac:dyDescent="0.25">
      <c r="A1255" s="7">
        <f t="shared" si="60"/>
        <v>44613.958333330309</v>
      </c>
      <c r="B1255" s="8">
        <v>-4.9800999999999998E-2</v>
      </c>
      <c r="C1255">
        <f t="shared" si="58"/>
        <v>23</v>
      </c>
      <c r="D1255">
        <f t="shared" si="59"/>
        <v>2</v>
      </c>
    </row>
    <row r="1256" spans="1:4" x14ac:dyDescent="0.25">
      <c r="A1256" s="7">
        <f t="shared" si="60"/>
        <v>44613.999999996973</v>
      </c>
      <c r="B1256" s="8">
        <v>-4.9800999999999998E-2</v>
      </c>
      <c r="C1256">
        <f t="shared" si="58"/>
        <v>0</v>
      </c>
      <c r="D1256">
        <f t="shared" si="59"/>
        <v>2</v>
      </c>
    </row>
    <row r="1257" spans="1:4" x14ac:dyDescent="0.25">
      <c r="A1257" s="7">
        <f t="shared" si="60"/>
        <v>44614.041666663637</v>
      </c>
      <c r="B1257" s="8">
        <v>-4.9800999999999998E-2</v>
      </c>
      <c r="C1257">
        <f t="shared" si="58"/>
        <v>1</v>
      </c>
      <c r="D1257">
        <f t="shared" si="59"/>
        <v>2</v>
      </c>
    </row>
    <row r="1258" spans="1:4" x14ac:dyDescent="0.25">
      <c r="A1258" s="7">
        <f t="shared" si="60"/>
        <v>44614.083333330302</v>
      </c>
      <c r="B1258" s="8">
        <v>-4.9800999999999998E-2</v>
      </c>
      <c r="C1258">
        <f t="shared" si="58"/>
        <v>2</v>
      </c>
      <c r="D1258">
        <f t="shared" si="59"/>
        <v>2</v>
      </c>
    </row>
    <row r="1259" spans="1:4" x14ac:dyDescent="0.25">
      <c r="A1259" s="7">
        <f t="shared" si="60"/>
        <v>44614.124999996966</v>
      </c>
      <c r="B1259" s="8">
        <v>-4.9800999999999998E-2</v>
      </c>
      <c r="C1259">
        <f t="shared" si="58"/>
        <v>3</v>
      </c>
      <c r="D1259">
        <f t="shared" si="59"/>
        <v>2</v>
      </c>
    </row>
    <row r="1260" spans="1:4" x14ac:dyDescent="0.25">
      <c r="A1260" s="7">
        <f t="shared" si="60"/>
        <v>44614.16666666363</v>
      </c>
      <c r="B1260" s="8">
        <v>-4.9800999999999998E-2</v>
      </c>
      <c r="C1260">
        <f t="shared" si="58"/>
        <v>4</v>
      </c>
      <c r="D1260">
        <f t="shared" si="59"/>
        <v>2</v>
      </c>
    </row>
    <row r="1261" spans="1:4" x14ac:dyDescent="0.25">
      <c r="A1261" s="7">
        <f t="shared" si="60"/>
        <v>44614.208333330294</v>
      </c>
      <c r="B1261" s="8">
        <v>-4.9800999999999998E-2</v>
      </c>
      <c r="C1261">
        <f t="shared" si="58"/>
        <v>5</v>
      </c>
      <c r="D1261">
        <f t="shared" si="59"/>
        <v>2</v>
      </c>
    </row>
    <row r="1262" spans="1:4" x14ac:dyDescent="0.25">
      <c r="A1262" s="7">
        <f t="shared" si="60"/>
        <v>44614.249999996959</v>
      </c>
      <c r="B1262" s="8">
        <v>-4.9800999999999998E-2</v>
      </c>
      <c r="C1262">
        <f t="shared" si="58"/>
        <v>6</v>
      </c>
      <c r="D1262">
        <f t="shared" si="59"/>
        <v>2</v>
      </c>
    </row>
    <row r="1263" spans="1:4" x14ac:dyDescent="0.25">
      <c r="A1263" s="7">
        <f t="shared" si="60"/>
        <v>44614.291666663623</v>
      </c>
      <c r="B1263" s="8">
        <v>-4.9800999999999998E-2</v>
      </c>
      <c r="C1263">
        <f t="shared" si="58"/>
        <v>7</v>
      </c>
      <c r="D1263">
        <f t="shared" si="59"/>
        <v>2</v>
      </c>
    </row>
    <row r="1264" spans="1:4" x14ac:dyDescent="0.25">
      <c r="A1264" s="7">
        <f t="shared" si="60"/>
        <v>44614.333333330287</v>
      </c>
      <c r="B1264" s="8">
        <v>0.94180340794686723</v>
      </c>
      <c r="C1264">
        <f t="shared" si="58"/>
        <v>8</v>
      </c>
      <c r="D1264">
        <f t="shared" si="59"/>
        <v>2</v>
      </c>
    </row>
    <row r="1265" spans="1:4" x14ac:dyDescent="0.25">
      <c r="A1265" s="7">
        <f t="shared" si="60"/>
        <v>44614.374999996951</v>
      </c>
      <c r="B1265" s="8">
        <v>8.4544331498075209</v>
      </c>
      <c r="C1265">
        <f t="shared" si="58"/>
        <v>9</v>
      </c>
      <c r="D1265">
        <f t="shared" si="59"/>
        <v>2</v>
      </c>
    </row>
    <row r="1266" spans="1:4" x14ac:dyDescent="0.25">
      <c r="A1266" s="7">
        <f t="shared" si="60"/>
        <v>44614.416666663616</v>
      </c>
      <c r="B1266" s="8">
        <v>11.288654107129702</v>
      </c>
      <c r="C1266">
        <f t="shared" si="58"/>
        <v>10</v>
      </c>
      <c r="D1266">
        <f t="shared" si="59"/>
        <v>2</v>
      </c>
    </row>
    <row r="1267" spans="1:4" x14ac:dyDescent="0.25">
      <c r="A1267" s="7">
        <f t="shared" si="60"/>
        <v>44614.45833333028</v>
      </c>
      <c r="B1267" s="8">
        <v>7.1807364507146803</v>
      </c>
      <c r="C1267">
        <f t="shared" si="58"/>
        <v>11</v>
      </c>
      <c r="D1267">
        <f t="shared" si="59"/>
        <v>2</v>
      </c>
    </row>
    <row r="1268" spans="1:4" x14ac:dyDescent="0.25">
      <c r="A1268" s="7">
        <f t="shared" si="60"/>
        <v>44614.499999996944</v>
      </c>
      <c r="B1268" s="8">
        <v>4.1762454150255905</v>
      </c>
      <c r="C1268">
        <f t="shared" si="58"/>
        <v>12</v>
      </c>
      <c r="D1268">
        <f t="shared" si="59"/>
        <v>2</v>
      </c>
    </row>
    <row r="1269" spans="1:4" x14ac:dyDescent="0.25">
      <c r="A1269" s="7">
        <f t="shared" si="60"/>
        <v>44614.541666663608</v>
      </c>
      <c r="B1269" s="8">
        <v>3.6005063918397697</v>
      </c>
      <c r="C1269">
        <f t="shared" si="58"/>
        <v>13</v>
      </c>
      <c r="D1269">
        <f t="shared" si="59"/>
        <v>2</v>
      </c>
    </row>
    <row r="1270" spans="1:4" x14ac:dyDescent="0.25">
      <c r="A1270" s="7">
        <f t="shared" si="60"/>
        <v>44614.583333330273</v>
      </c>
      <c r="B1270" s="8">
        <v>6.4304451409953867</v>
      </c>
      <c r="C1270">
        <f t="shared" si="58"/>
        <v>14</v>
      </c>
      <c r="D1270">
        <f t="shared" si="59"/>
        <v>2</v>
      </c>
    </row>
    <row r="1271" spans="1:4" x14ac:dyDescent="0.25">
      <c r="A1271" s="7">
        <f t="shared" si="60"/>
        <v>44614.624999996937</v>
      </c>
      <c r="B1271" s="8">
        <v>3.2103266306913714</v>
      </c>
      <c r="C1271">
        <f t="shared" si="58"/>
        <v>15</v>
      </c>
      <c r="D1271">
        <f t="shared" si="59"/>
        <v>2</v>
      </c>
    </row>
    <row r="1272" spans="1:4" x14ac:dyDescent="0.25">
      <c r="A1272" s="7">
        <f t="shared" si="60"/>
        <v>44614.666666663601</v>
      </c>
      <c r="B1272" s="8">
        <v>2.5181187596847758</v>
      </c>
      <c r="C1272">
        <f t="shared" si="58"/>
        <v>16</v>
      </c>
      <c r="D1272">
        <f t="shared" si="59"/>
        <v>2</v>
      </c>
    </row>
    <row r="1273" spans="1:4" x14ac:dyDescent="0.25">
      <c r="A1273" s="7">
        <f t="shared" si="60"/>
        <v>44614.708333330265</v>
      </c>
      <c r="B1273" s="8">
        <v>7.5858704454363286</v>
      </c>
      <c r="C1273">
        <f t="shared" si="58"/>
        <v>17</v>
      </c>
      <c r="D1273">
        <f t="shared" si="59"/>
        <v>2</v>
      </c>
    </row>
    <row r="1274" spans="1:4" x14ac:dyDescent="0.25">
      <c r="A1274" s="7">
        <f t="shared" si="60"/>
        <v>44614.74999999693</v>
      </c>
      <c r="B1274" s="8">
        <v>1.7842090862609206</v>
      </c>
      <c r="C1274">
        <f t="shared" si="58"/>
        <v>18</v>
      </c>
      <c r="D1274">
        <f t="shared" si="59"/>
        <v>2</v>
      </c>
    </row>
    <row r="1275" spans="1:4" x14ac:dyDescent="0.25">
      <c r="A1275" s="7">
        <f t="shared" si="60"/>
        <v>44614.791666663594</v>
      </c>
      <c r="B1275" s="8">
        <v>-4.9800999999999998E-2</v>
      </c>
      <c r="C1275">
        <f t="shared" si="58"/>
        <v>19</v>
      </c>
      <c r="D1275">
        <f t="shared" si="59"/>
        <v>2</v>
      </c>
    </row>
    <row r="1276" spans="1:4" x14ac:dyDescent="0.25">
      <c r="A1276" s="7">
        <f t="shared" si="60"/>
        <v>44614.833333330258</v>
      </c>
      <c r="B1276" s="8">
        <v>-4.9800999999999998E-2</v>
      </c>
      <c r="C1276">
        <f t="shared" si="58"/>
        <v>20</v>
      </c>
      <c r="D1276">
        <f t="shared" si="59"/>
        <v>2</v>
      </c>
    </row>
    <row r="1277" spans="1:4" x14ac:dyDescent="0.25">
      <c r="A1277" s="7">
        <f t="shared" si="60"/>
        <v>44614.874999996922</v>
      </c>
      <c r="B1277" s="8">
        <v>-4.9800999999999998E-2</v>
      </c>
      <c r="C1277">
        <f t="shared" si="58"/>
        <v>21</v>
      </c>
      <c r="D1277">
        <f t="shared" si="59"/>
        <v>2</v>
      </c>
    </row>
    <row r="1278" spans="1:4" x14ac:dyDescent="0.25">
      <c r="A1278" s="7">
        <f t="shared" si="60"/>
        <v>44614.916666663587</v>
      </c>
      <c r="B1278" s="8">
        <v>-4.9800999999999998E-2</v>
      </c>
      <c r="C1278">
        <f t="shared" si="58"/>
        <v>22</v>
      </c>
      <c r="D1278">
        <f t="shared" si="59"/>
        <v>2</v>
      </c>
    </row>
    <row r="1279" spans="1:4" x14ac:dyDescent="0.25">
      <c r="A1279" s="7">
        <f t="shared" si="60"/>
        <v>44614.958333330251</v>
      </c>
      <c r="B1279" s="8">
        <v>-4.9800999999999998E-2</v>
      </c>
      <c r="C1279">
        <f t="shared" si="58"/>
        <v>23</v>
      </c>
      <c r="D1279">
        <f t="shared" si="59"/>
        <v>2</v>
      </c>
    </row>
    <row r="1280" spans="1:4" x14ac:dyDescent="0.25">
      <c r="A1280" s="7">
        <f t="shared" si="60"/>
        <v>44614.999999996915</v>
      </c>
      <c r="B1280" s="8">
        <v>-4.9800999999999998E-2</v>
      </c>
      <c r="C1280">
        <f t="shared" si="58"/>
        <v>0</v>
      </c>
      <c r="D1280">
        <f t="shared" si="59"/>
        <v>2</v>
      </c>
    </row>
    <row r="1281" spans="1:4" x14ac:dyDescent="0.25">
      <c r="A1281" s="7">
        <f t="shared" si="60"/>
        <v>44615.041666663579</v>
      </c>
      <c r="B1281" s="8">
        <v>-4.9800999999999998E-2</v>
      </c>
      <c r="C1281">
        <f t="shared" si="58"/>
        <v>1</v>
      </c>
      <c r="D1281">
        <f t="shared" si="59"/>
        <v>2</v>
      </c>
    </row>
    <row r="1282" spans="1:4" x14ac:dyDescent="0.25">
      <c r="A1282" s="7">
        <f t="shared" si="60"/>
        <v>44615.083333330243</v>
      </c>
      <c r="B1282" s="8">
        <v>-4.9800999999999998E-2</v>
      </c>
      <c r="C1282">
        <f t="shared" si="58"/>
        <v>2</v>
      </c>
      <c r="D1282">
        <f t="shared" si="59"/>
        <v>2</v>
      </c>
    </row>
    <row r="1283" spans="1:4" x14ac:dyDescent="0.25">
      <c r="A1283" s="7">
        <f t="shared" si="60"/>
        <v>44615.124999996908</v>
      </c>
      <c r="B1283" s="8">
        <v>-4.9800999999999998E-2</v>
      </c>
      <c r="C1283">
        <f t="shared" si="58"/>
        <v>3</v>
      </c>
      <c r="D1283">
        <f t="shared" si="59"/>
        <v>2</v>
      </c>
    </row>
    <row r="1284" spans="1:4" x14ac:dyDescent="0.25">
      <c r="A1284" s="7">
        <f t="shared" si="60"/>
        <v>44615.166666663572</v>
      </c>
      <c r="B1284" s="8">
        <v>-4.9800999999999998E-2</v>
      </c>
      <c r="C1284">
        <f t="shared" si="58"/>
        <v>4</v>
      </c>
      <c r="D1284">
        <f t="shared" si="59"/>
        <v>2</v>
      </c>
    </row>
    <row r="1285" spans="1:4" x14ac:dyDescent="0.25">
      <c r="A1285" s="7">
        <f t="shared" si="60"/>
        <v>44615.208333330236</v>
      </c>
      <c r="B1285" s="8">
        <v>-4.9800999999999998E-2</v>
      </c>
      <c r="C1285">
        <f t="shared" si="58"/>
        <v>5</v>
      </c>
      <c r="D1285">
        <f t="shared" si="59"/>
        <v>2</v>
      </c>
    </row>
    <row r="1286" spans="1:4" x14ac:dyDescent="0.25">
      <c r="A1286" s="7">
        <f t="shared" si="60"/>
        <v>44615.2499999969</v>
      </c>
      <c r="B1286" s="8">
        <v>-4.9800999999999998E-2</v>
      </c>
      <c r="C1286">
        <f t="shared" si="58"/>
        <v>6</v>
      </c>
      <c r="D1286">
        <f t="shared" si="59"/>
        <v>2</v>
      </c>
    </row>
    <row r="1287" spans="1:4" x14ac:dyDescent="0.25">
      <c r="A1287" s="7">
        <f t="shared" si="60"/>
        <v>44615.291666663565</v>
      </c>
      <c r="B1287" s="8">
        <v>-4.9800999999999998E-2</v>
      </c>
      <c r="C1287">
        <f t="shared" si="58"/>
        <v>7</v>
      </c>
      <c r="D1287">
        <f t="shared" si="59"/>
        <v>2</v>
      </c>
    </row>
    <row r="1288" spans="1:4" x14ac:dyDescent="0.25">
      <c r="A1288" s="7">
        <f t="shared" si="60"/>
        <v>44615.333333330229</v>
      </c>
      <c r="B1288" s="8">
        <v>-4.9800999999999998E-2</v>
      </c>
      <c r="C1288">
        <f t="shared" si="58"/>
        <v>8</v>
      </c>
      <c r="D1288">
        <f t="shared" si="59"/>
        <v>2</v>
      </c>
    </row>
    <row r="1289" spans="1:4" x14ac:dyDescent="0.25">
      <c r="A1289" s="7">
        <f t="shared" si="60"/>
        <v>44615.374999996893</v>
      </c>
      <c r="B1289" s="8">
        <v>4.7524750112769443</v>
      </c>
      <c r="C1289">
        <f t="shared" si="58"/>
        <v>9</v>
      </c>
      <c r="D1289">
        <f t="shared" si="59"/>
        <v>2</v>
      </c>
    </row>
    <row r="1290" spans="1:4" x14ac:dyDescent="0.25">
      <c r="A1290" s="7">
        <f t="shared" si="60"/>
        <v>44615.416666663557</v>
      </c>
      <c r="B1290" s="8">
        <v>13.627588993397602</v>
      </c>
      <c r="C1290">
        <f t="shared" ref="C1290:C1353" si="61">HOUR(A1290)</f>
        <v>10</v>
      </c>
      <c r="D1290">
        <f t="shared" ref="D1290:D1353" si="62">MONTH(A1290)</f>
        <v>2</v>
      </c>
    </row>
    <row r="1291" spans="1:4" x14ac:dyDescent="0.25">
      <c r="A1291" s="7">
        <f t="shared" ref="A1291:A1354" si="63">+A1290+1/24</f>
        <v>44615.458333330222</v>
      </c>
      <c r="B1291" s="8">
        <v>8.3800443403599925</v>
      </c>
      <c r="C1291">
        <f t="shared" si="61"/>
        <v>11</v>
      </c>
      <c r="D1291">
        <f t="shared" si="62"/>
        <v>2</v>
      </c>
    </row>
    <row r="1292" spans="1:4" x14ac:dyDescent="0.25">
      <c r="A1292" s="7">
        <f t="shared" si="63"/>
        <v>44615.499999996886</v>
      </c>
      <c r="B1292" s="8">
        <v>10.628557128986081</v>
      </c>
      <c r="C1292">
        <f t="shared" si="61"/>
        <v>12</v>
      </c>
      <c r="D1292">
        <f t="shared" si="62"/>
        <v>2</v>
      </c>
    </row>
    <row r="1293" spans="1:4" x14ac:dyDescent="0.25">
      <c r="A1293" s="7">
        <f t="shared" si="63"/>
        <v>44615.54166666355</v>
      </c>
      <c r="B1293" s="8">
        <v>19.712318225694677</v>
      </c>
      <c r="C1293">
        <f t="shared" si="61"/>
        <v>13</v>
      </c>
      <c r="D1293">
        <f t="shared" si="62"/>
        <v>2</v>
      </c>
    </row>
    <row r="1294" spans="1:4" x14ac:dyDescent="0.25">
      <c r="A1294" s="7">
        <f t="shared" si="63"/>
        <v>44615.583333330214</v>
      </c>
      <c r="B1294" s="8">
        <v>20.4512902833578</v>
      </c>
      <c r="C1294">
        <f t="shared" si="61"/>
        <v>14</v>
      </c>
      <c r="D1294">
        <f t="shared" si="62"/>
        <v>2</v>
      </c>
    </row>
    <row r="1295" spans="1:4" x14ac:dyDescent="0.25">
      <c r="A1295" s="7">
        <f t="shared" si="63"/>
        <v>44615.624999996879</v>
      </c>
      <c r="B1295" s="8">
        <v>20.451319140596947</v>
      </c>
      <c r="C1295">
        <f t="shared" si="61"/>
        <v>15</v>
      </c>
      <c r="D1295">
        <f t="shared" si="62"/>
        <v>2</v>
      </c>
    </row>
    <row r="1296" spans="1:4" x14ac:dyDescent="0.25">
      <c r="A1296" s="7">
        <f t="shared" si="63"/>
        <v>44615.666666663543</v>
      </c>
      <c r="B1296" s="8">
        <v>16.797798908593538</v>
      </c>
      <c r="C1296">
        <f t="shared" si="61"/>
        <v>16</v>
      </c>
      <c r="D1296">
        <f t="shared" si="62"/>
        <v>2</v>
      </c>
    </row>
    <row r="1297" spans="1:4" x14ac:dyDescent="0.25">
      <c r="A1297" s="7">
        <f t="shared" si="63"/>
        <v>44615.708333330207</v>
      </c>
      <c r="B1297" s="8">
        <v>10.171342001294713</v>
      </c>
      <c r="C1297">
        <f t="shared" si="61"/>
        <v>17</v>
      </c>
      <c r="D1297">
        <f t="shared" si="62"/>
        <v>2</v>
      </c>
    </row>
    <row r="1298" spans="1:4" x14ac:dyDescent="0.25">
      <c r="A1298" s="7">
        <f t="shared" si="63"/>
        <v>44615.749999996871</v>
      </c>
      <c r="B1298" s="8">
        <v>3.8089123423576758</v>
      </c>
      <c r="C1298">
        <f t="shared" si="61"/>
        <v>18</v>
      </c>
      <c r="D1298">
        <f t="shared" si="62"/>
        <v>2</v>
      </c>
    </row>
    <row r="1299" spans="1:4" x14ac:dyDescent="0.25">
      <c r="A1299" s="7">
        <f t="shared" si="63"/>
        <v>44615.791666663536</v>
      </c>
      <c r="B1299" s="8">
        <v>-4.9800999999999998E-2</v>
      </c>
      <c r="C1299">
        <f t="shared" si="61"/>
        <v>19</v>
      </c>
      <c r="D1299">
        <f t="shared" si="62"/>
        <v>2</v>
      </c>
    </row>
    <row r="1300" spans="1:4" x14ac:dyDescent="0.25">
      <c r="A1300" s="7">
        <f t="shared" si="63"/>
        <v>44615.8333333302</v>
      </c>
      <c r="B1300" s="8">
        <v>-4.9800999999999998E-2</v>
      </c>
      <c r="C1300">
        <f t="shared" si="61"/>
        <v>20</v>
      </c>
      <c r="D1300">
        <f t="shared" si="62"/>
        <v>2</v>
      </c>
    </row>
    <row r="1301" spans="1:4" x14ac:dyDescent="0.25">
      <c r="A1301" s="7">
        <f t="shared" si="63"/>
        <v>44615.874999996864</v>
      </c>
      <c r="B1301" s="8">
        <v>-4.9800999999999998E-2</v>
      </c>
      <c r="C1301">
        <f t="shared" si="61"/>
        <v>21</v>
      </c>
      <c r="D1301">
        <f t="shared" si="62"/>
        <v>2</v>
      </c>
    </row>
    <row r="1302" spans="1:4" x14ac:dyDescent="0.25">
      <c r="A1302" s="7">
        <f t="shared" si="63"/>
        <v>44615.916666663528</v>
      </c>
      <c r="B1302" s="8">
        <v>-4.9800999999999998E-2</v>
      </c>
      <c r="C1302">
        <f t="shared" si="61"/>
        <v>22</v>
      </c>
      <c r="D1302">
        <f t="shared" si="62"/>
        <v>2</v>
      </c>
    </row>
    <row r="1303" spans="1:4" x14ac:dyDescent="0.25">
      <c r="A1303" s="7">
        <f t="shared" si="63"/>
        <v>44615.958333330193</v>
      </c>
      <c r="B1303" s="8">
        <v>-4.9800999999999998E-2</v>
      </c>
      <c r="C1303">
        <f t="shared" si="61"/>
        <v>23</v>
      </c>
      <c r="D1303">
        <f t="shared" si="62"/>
        <v>2</v>
      </c>
    </row>
    <row r="1304" spans="1:4" x14ac:dyDescent="0.25">
      <c r="A1304" s="7">
        <f t="shared" si="63"/>
        <v>44615.999999996857</v>
      </c>
      <c r="B1304" s="8">
        <v>-4.9800999999999998E-2</v>
      </c>
      <c r="C1304">
        <f t="shared" si="61"/>
        <v>0</v>
      </c>
      <c r="D1304">
        <f t="shared" si="62"/>
        <v>2</v>
      </c>
    </row>
    <row r="1305" spans="1:4" x14ac:dyDescent="0.25">
      <c r="A1305" s="7">
        <f t="shared" si="63"/>
        <v>44616.041666663521</v>
      </c>
      <c r="B1305" s="8">
        <v>-4.9800999999999998E-2</v>
      </c>
      <c r="C1305">
        <f t="shared" si="61"/>
        <v>1</v>
      </c>
      <c r="D1305">
        <f t="shared" si="62"/>
        <v>2</v>
      </c>
    </row>
    <row r="1306" spans="1:4" x14ac:dyDescent="0.25">
      <c r="A1306" s="7">
        <f t="shared" si="63"/>
        <v>44616.083333330185</v>
      </c>
      <c r="B1306" s="8">
        <v>-4.9800999999999998E-2</v>
      </c>
      <c r="C1306">
        <f t="shared" si="61"/>
        <v>2</v>
      </c>
      <c r="D1306">
        <f t="shared" si="62"/>
        <v>2</v>
      </c>
    </row>
    <row r="1307" spans="1:4" x14ac:dyDescent="0.25">
      <c r="A1307" s="7">
        <f t="shared" si="63"/>
        <v>44616.12499999685</v>
      </c>
      <c r="B1307" s="8">
        <v>-4.9800999999999998E-2</v>
      </c>
      <c r="C1307">
        <f t="shared" si="61"/>
        <v>3</v>
      </c>
      <c r="D1307">
        <f t="shared" si="62"/>
        <v>2</v>
      </c>
    </row>
    <row r="1308" spans="1:4" x14ac:dyDescent="0.25">
      <c r="A1308" s="7">
        <f t="shared" si="63"/>
        <v>44616.166666663514</v>
      </c>
      <c r="B1308" s="8">
        <v>-4.9800999999999998E-2</v>
      </c>
      <c r="C1308">
        <f t="shared" si="61"/>
        <v>4</v>
      </c>
      <c r="D1308">
        <f t="shared" si="62"/>
        <v>2</v>
      </c>
    </row>
    <row r="1309" spans="1:4" x14ac:dyDescent="0.25">
      <c r="A1309" s="7">
        <f t="shared" si="63"/>
        <v>44616.208333330178</v>
      </c>
      <c r="B1309" s="8">
        <v>-4.9800999999999998E-2</v>
      </c>
      <c r="C1309">
        <f t="shared" si="61"/>
        <v>5</v>
      </c>
      <c r="D1309">
        <f t="shared" si="62"/>
        <v>2</v>
      </c>
    </row>
    <row r="1310" spans="1:4" x14ac:dyDescent="0.25">
      <c r="A1310" s="7">
        <f t="shared" si="63"/>
        <v>44616.249999996842</v>
      </c>
      <c r="B1310" s="8">
        <v>-4.9800999999999998E-2</v>
      </c>
      <c r="C1310">
        <f t="shared" si="61"/>
        <v>6</v>
      </c>
      <c r="D1310">
        <f t="shared" si="62"/>
        <v>2</v>
      </c>
    </row>
    <row r="1311" spans="1:4" x14ac:dyDescent="0.25">
      <c r="A1311" s="7">
        <f t="shared" si="63"/>
        <v>44616.291666663506</v>
      </c>
      <c r="B1311" s="8">
        <v>-4.9800999999999998E-2</v>
      </c>
      <c r="C1311">
        <f t="shared" si="61"/>
        <v>7</v>
      </c>
      <c r="D1311">
        <f t="shared" si="62"/>
        <v>2</v>
      </c>
    </row>
    <row r="1312" spans="1:4" x14ac:dyDescent="0.25">
      <c r="A1312" s="7">
        <f t="shared" si="63"/>
        <v>44616.333333330171</v>
      </c>
      <c r="B1312" s="8">
        <v>0.56967591111749361</v>
      </c>
      <c r="C1312">
        <f t="shared" si="61"/>
        <v>8</v>
      </c>
      <c r="D1312">
        <f t="shared" si="62"/>
        <v>2</v>
      </c>
    </row>
    <row r="1313" spans="1:4" x14ac:dyDescent="0.25">
      <c r="A1313" s="7">
        <f t="shared" si="63"/>
        <v>44616.374999996835</v>
      </c>
      <c r="B1313" s="8">
        <v>4.9253762514848241</v>
      </c>
      <c r="C1313">
        <f t="shared" si="61"/>
        <v>9</v>
      </c>
      <c r="D1313">
        <f t="shared" si="62"/>
        <v>2</v>
      </c>
    </row>
    <row r="1314" spans="1:4" x14ac:dyDescent="0.25">
      <c r="A1314" s="7">
        <f t="shared" si="63"/>
        <v>44616.416666663499</v>
      </c>
      <c r="B1314" s="8">
        <v>4.6255474754960488</v>
      </c>
      <c r="C1314">
        <f t="shared" si="61"/>
        <v>10</v>
      </c>
      <c r="D1314">
        <f t="shared" si="62"/>
        <v>2</v>
      </c>
    </row>
    <row r="1315" spans="1:4" x14ac:dyDescent="0.25">
      <c r="A1315" s="7">
        <f t="shared" si="63"/>
        <v>44616.458333330163</v>
      </c>
      <c r="B1315" s="8">
        <v>2.0679705637378438</v>
      </c>
      <c r="C1315">
        <f t="shared" si="61"/>
        <v>11</v>
      </c>
      <c r="D1315">
        <f t="shared" si="62"/>
        <v>2</v>
      </c>
    </row>
    <row r="1316" spans="1:4" x14ac:dyDescent="0.25">
      <c r="A1316" s="7">
        <f t="shared" si="63"/>
        <v>44616.499999996828</v>
      </c>
      <c r="B1316" s="8">
        <v>2.6238104592991083</v>
      </c>
      <c r="C1316">
        <f t="shared" si="61"/>
        <v>12</v>
      </c>
      <c r="D1316">
        <f t="shared" si="62"/>
        <v>2</v>
      </c>
    </row>
    <row r="1317" spans="1:4" x14ac:dyDescent="0.25">
      <c r="A1317" s="7">
        <f t="shared" si="63"/>
        <v>44616.541666663492</v>
      </c>
      <c r="B1317" s="8">
        <v>10.51628288699874</v>
      </c>
      <c r="C1317">
        <f t="shared" si="61"/>
        <v>13</v>
      </c>
      <c r="D1317">
        <f t="shared" si="62"/>
        <v>2</v>
      </c>
    </row>
    <row r="1318" spans="1:4" x14ac:dyDescent="0.25">
      <c r="A1318" s="7">
        <f t="shared" si="63"/>
        <v>44616.583333330156</v>
      </c>
      <c r="B1318" s="8">
        <v>5.7516033247931659</v>
      </c>
      <c r="C1318">
        <f t="shared" si="61"/>
        <v>14</v>
      </c>
      <c r="D1318">
        <f t="shared" si="62"/>
        <v>2</v>
      </c>
    </row>
    <row r="1319" spans="1:4" x14ac:dyDescent="0.25">
      <c r="A1319" s="7">
        <f t="shared" si="63"/>
        <v>44616.62499999682</v>
      </c>
      <c r="B1319" s="8">
        <v>3.1576539243190989</v>
      </c>
      <c r="C1319">
        <f t="shared" si="61"/>
        <v>15</v>
      </c>
      <c r="D1319">
        <f t="shared" si="62"/>
        <v>2</v>
      </c>
    </row>
    <row r="1320" spans="1:4" x14ac:dyDescent="0.25">
      <c r="A1320" s="7">
        <f t="shared" si="63"/>
        <v>44616.666666663485</v>
      </c>
      <c r="B1320" s="8">
        <v>11.225553631267825</v>
      </c>
      <c r="C1320">
        <f t="shared" si="61"/>
        <v>16</v>
      </c>
      <c r="D1320">
        <f t="shared" si="62"/>
        <v>2</v>
      </c>
    </row>
    <row r="1321" spans="1:4" x14ac:dyDescent="0.25">
      <c r="A1321" s="7">
        <f t="shared" si="63"/>
        <v>44616.708333330149</v>
      </c>
      <c r="B1321" s="8">
        <v>3.9779951514567422</v>
      </c>
      <c r="C1321">
        <f t="shared" si="61"/>
        <v>17</v>
      </c>
      <c r="D1321">
        <f t="shared" si="62"/>
        <v>2</v>
      </c>
    </row>
    <row r="1322" spans="1:4" x14ac:dyDescent="0.25">
      <c r="A1322" s="7">
        <f t="shared" si="63"/>
        <v>44616.749999996813</v>
      </c>
      <c r="B1322" s="8">
        <v>0.5670766983627219</v>
      </c>
      <c r="C1322">
        <f t="shared" si="61"/>
        <v>18</v>
      </c>
      <c r="D1322">
        <f t="shared" si="62"/>
        <v>2</v>
      </c>
    </row>
    <row r="1323" spans="1:4" x14ac:dyDescent="0.25">
      <c r="A1323" s="7">
        <f t="shared" si="63"/>
        <v>44616.791666663477</v>
      </c>
      <c r="B1323" s="8">
        <v>-4.9800999999999998E-2</v>
      </c>
      <c r="C1323">
        <f t="shared" si="61"/>
        <v>19</v>
      </c>
      <c r="D1323">
        <f t="shared" si="62"/>
        <v>2</v>
      </c>
    </row>
    <row r="1324" spans="1:4" x14ac:dyDescent="0.25">
      <c r="A1324" s="7">
        <f t="shared" si="63"/>
        <v>44616.833333330142</v>
      </c>
      <c r="B1324" s="8">
        <v>-4.9800999999999998E-2</v>
      </c>
      <c r="C1324">
        <f t="shared" si="61"/>
        <v>20</v>
      </c>
      <c r="D1324">
        <f t="shared" si="62"/>
        <v>2</v>
      </c>
    </row>
    <row r="1325" spans="1:4" x14ac:dyDescent="0.25">
      <c r="A1325" s="7">
        <f t="shared" si="63"/>
        <v>44616.874999996806</v>
      </c>
      <c r="B1325" s="8">
        <v>-4.9800999999999998E-2</v>
      </c>
      <c r="C1325">
        <f t="shared" si="61"/>
        <v>21</v>
      </c>
      <c r="D1325">
        <f t="shared" si="62"/>
        <v>2</v>
      </c>
    </row>
    <row r="1326" spans="1:4" x14ac:dyDescent="0.25">
      <c r="A1326" s="7">
        <f t="shared" si="63"/>
        <v>44616.91666666347</v>
      </c>
      <c r="B1326" s="8">
        <v>-4.9800999999999998E-2</v>
      </c>
      <c r="C1326">
        <f t="shared" si="61"/>
        <v>22</v>
      </c>
      <c r="D1326">
        <f t="shared" si="62"/>
        <v>2</v>
      </c>
    </row>
    <row r="1327" spans="1:4" x14ac:dyDescent="0.25">
      <c r="A1327" s="7">
        <f t="shared" si="63"/>
        <v>44616.958333330134</v>
      </c>
      <c r="B1327" s="8">
        <v>-4.9800999999999998E-2</v>
      </c>
      <c r="C1327">
        <f t="shared" si="61"/>
        <v>23</v>
      </c>
      <c r="D1327">
        <f t="shared" si="62"/>
        <v>2</v>
      </c>
    </row>
    <row r="1328" spans="1:4" x14ac:dyDescent="0.25">
      <c r="A1328" s="7">
        <f t="shared" si="63"/>
        <v>44616.999999996799</v>
      </c>
      <c r="B1328" s="8">
        <v>-4.9800999999999998E-2</v>
      </c>
      <c r="C1328">
        <f t="shared" si="61"/>
        <v>0</v>
      </c>
      <c r="D1328">
        <f t="shared" si="62"/>
        <v>2</v>
      </c>
    </row>
    <row r="1329" spans="1:4" x14ac:dyDescent="0.25">
      <c r="A1329" s="7">
        <f t="shared" si="63"/>
        <v>44617.041666663463</v>
      </c>
      <c r="B1329" s="8">
        <v>-4.9800999999999998E-2</v>
      </c>
      <c r="C1329">
        <f t="shared" si="61"/>
        <v>1</v>
      </c>
      <c r="D1329">
        <f t="shared" si="62"/>
        <v>2</v>
      </c>
    </row>
    <row r="1330" spans="1:4" x14ac:dyDescent="0.25">
      <c r="A1330" s="7">
        <f t="shared" si="63"/>
        <v>44617.083333330127</v>
      </c>
      <c r="B1330" s="8">
        <v>-4.9800999999999998E-2</v>
      </c>
      <c r="C1330">
        <f t="shared" si="61"/>
        <v>2</v>
      </c>
      <c r="D1330">
        <f t="shared" si="62"/>
        <v>2</v>
      </c>
    </row>
    <row r="1331" spans="1:4" x14ac:dyDescent="0.25">
      <c r="A1331" s="7">
        <f t="shared" si="63"/>
        <v>44617.124999996791</v>
      </c>
      <c r="B1331" s="8">
        <v>-4.9800999999999998E-2</v>
      </c>
      <c r="C1331">
        <f t="shared" si="61"/>
        <v>3</v>
      </c>
      <c r="D1331">
        <f t="shared" si="62"/>
        <v>2</v>
      </c>
    </row>
    <row r="1332" spans="1:4" x14ac:dyDescent="0.25">
      <c r="A1332" s="7">
        <f t="shared" si="63"/>
        <v>44617.166666663456</v>
      </c>
      <c r="B1332" s="8">
        <v>-4.9800999999999998E-2</v>
      </c>
      <c r="C1332">
        <f t="shared" si="61"/>
        <v>4</v>
      </c>
      <c r="D1332">
        <f t="shared" si="62"/>
        <v>2</v>
      </c>
    </row>
    <row r="1333" spans="1:4" x14ac:dyDescent="0.25">
      <c r="A1333" s="7">
        <f t="shared" si="63"/>
        <v>44617.20833333012</v>
      </c>
      <c r="B1333" s="8">
        <v>-4.9800999999999998E-2</v>
      </c>
      <c r="C1333">
        <f t="shared" si="61"/>
        <v>5</v>
      </c>
      <c r="D1333">
        <f t="shared" si="62"/>
        <v>2</v>
      </c>
    </row>
    <row r="1334" spans="1:4" x14ac:dyDescent="0.25">
      <c r="A1334" s="7">
        <f t="shared" si="63"/>
        <v>44617.249999996784</v>
      </c>
      <c r="B1334" s="8">
        <v>-4.9800999999999998E-2</v>
      </c>
      <c r="C1334">
        <f t="shared" si="61"/>
        <v>6</v>
      </c>
      <c r="D1334">
        <f t="shared" si="62"/>
        <v>2</v>
      </c>
    </row>
    <row r="1335" spans="1:4" x14ac:dyDescent="0.25">
      <c r="A1335" s="7">
        <f t="shared" si="63"/>
        <v>44617.291666663448</v>
      </c>
      <c r="B1335" s="8">
        <v>-4.9800999999999998E-2</v>
      </c>
      <c r="C1335">
        <f t="shared" si="61"/>
        <v>7</v>
      </c>
      <c r="D1335">
        <f t="shared" si="62"/>
        <v>2</v>
      </c>
    </row>
    <row r="1336" spans="1:4" x14ac:dyDescent="0.25">
      <c r="A1336" s="7">
        <f t="shared" si="63"/>
        <v>44617.333333330113</v>
      </c>
      <c r="B1336" s="8">
        <v>0.24113830463826619</v>
      </c>
      <c r="C1336">
        <f t="shared" si="61"/>
        <v>8</v>
      </c>
      <c r="D1336">
        <f t="shared" si="62"/>
        <v>2</v>
      </c>
    </row>
    <row r="1337" spans="1:4" x14ac:dyDescent="0.25">
      <c r="A1337" s="7">
        <f t="shared" si="63"/>
        <v>44617.374999996777</v>
      </c>
      <c r="B1337" s="8">
        <v>1.5369829347779136</v>
      </c>
      <c r="C1337">
        <f t="shared" si="61"/>
        <v>9</v>
      </c>
      <c r="D1337">
        <f t="shared" si="62"/>
        <v>2</v>
      </c>
    </row>
    <row r="1338" spans="1:4" x14ac:dyDescent="0.25">
      <c r="A1338" s="7">
        <f t="shared" si="63"/>
        <v>44617.416666663441</v>
      </c>
      <c r="B1338" s="8">
        <v>1.9160547200853408</v>
      </c>
      <c r="C1338">
        <f t="shared" si="61"/>
        <v>10</v>
      </c>
      <c r="D1338">
        <f t="shared" si="62"/>
        <v>2</v>
      </c>
    </row>
    <row r="1339" spans="1:4" x14ac:dyDescent="0.25">
      <c r="A1339" s="7">
        <f t="shared" si="63"/>
        <v>44617.458333330105</v>
      </c>
      <c r="B1339" s="8">
        <v>6.2590630283055608</v>
      </c>
      <c r="C1339">
        <f t="shared" si="61"/>
        <v>11</v>
      </c>
      <c r="D1339">
        <f t="shared" si="62"/>
        <v>2</v>
      </c>
    </row>
    <row r="1340" spans="1:4" x14ac:dyDescent="0.25">
      <c r="A1340" s="7">
        <f t="shared" si="63"/>
        <v>44617.499999996769</v>
      </c>
      <c r="B1340" s="8">
        <v>6.5768636805900176</v>
      </c>
      <c r="C1340">
        <f t="shared" si="61"/>
        <v>12</v>
      </c>
      <c r="D1340">
        <f t="shared" si="62"/>
        <v>2</v>
      </c>
    </row>
    <row r="1341" spans="1:4" x14ac:dyDescent="0.25">
      <c r="A1341" s="7">
        <f t="shared" si="63"/>
        <v>44617.541666663434</v>
      </c>
      <c r="B1341" s="8">
        <v>6.569097991411903</v>
      </c>
      <c r="C1341">
        <f t="shared" si="61"/>
        <v>13</v>
      </c>
      <c r="D1341">
        <f t="shared" si="62"/>
        <v>2</v>
      </c>
    </row>
    <row r="1342" spans="1:4" x14ac:dyDescent="0.25">
      <c r="A1342" s="7">
        <f t="shared" si="63"/>
        <v>44617.583333330098</v>
      </c>
      <c r="B1342" s="8">
        <v>8.4855639271551162</v>
      </c>
      <c r="C1342">
        <f t="shared" si="61"/>
        <v>14</v>
      </c>
      <c r="D1342">
        <f t="shared" si="62"/>
        <v>2</v>
      </c>
    </row>
    <row r="1343" spans="1:4" x14ac:dyDescent="0.25">
      <c r="A1343" s="7">
        <f t="shared" si="63"/>
        <v>44617.624999996762</v>
      </c>
      <c r="B1343" s="8">
        <v>12.705468283781675</v>
      </c>
      <c r="C1343">
        <f t="shared" si="61"/>
        <v>15</v>
      </c>
      <c r="D1343">
        <f t="shared" si="62"/>
        <v>2</v>
      </c>
    </row>
    <row r="1344" spans="1:4" x14ac:dyDescent="0.25">
      <c r="A1344" s="7">
        <f t="shared" si="63"/>
        <v>44617.666666663426</v>
      </c>
      <c r="B1344" s="8">
        <v>2.7109490153720452</v>
      </c>
      <c r="C1344">
        <f t="shared" si="61"/>
        <v>16</v>
      </c>
      <c r="D1344">
        <f t="shared" si="62"/>
        <v>2</v>
      </c>
    </row>
    <row r="1345" spans="1:4" x14ac:dyDescent="0.25">
      <c r="A1345" s="7">
        <f t="shared" si="63"/>
        <v>44617.708333330091</v>
      </c>
      <c r="B1345" s="8">
        <v>7.2719541836644552</v>
      </c>
      <c r="C1345">
        <f t="shared" si="61"/>
        <v>17</v>
      </c>
      <c r="D1345">
        <f t="shared" si="62"/>
        <v>2</v>
      </c>
    </row>
    <row r="1346" spans="1:4" x14ac:dyDescent="0.25">
      <c r="A1346" s="7">
        <f t="shared" si="63"/>
        <v>44617.749999996755</v>
      </c>
      <c r="B1346" s="8">
        <v>4.0507854759785555</v>
      </c>
      <c r="C1346">
        <f t="shared" si="61"/>
        <v>18</v>
      </c>
      <c r="D1346">
        <f t="shared" si="62"/>
        <v>2</v>
      </c>
    </row>
    <row r="1347" spans="1:4" x14ac:dyDescent="0.25">
      <c r="A1347" s="7">
        <f t="shared" si="63"/>
        <v>44617.791666663419</v>
      </c>
      <c r="B1347" s="8">
        <v>-4.9800999999999998E-2</v>
      </c>
      <c r="C1347">
        <f t="shared" si="61"/>
        <v>19</v>
      </c>
      <c r="D1347">
        <f t="shared" si="62"/>
        <v>2</v>
      </c>
    </row>
    <row r="1348" spans="1:4" x14ac:dyDescent="0.25">
      <c r="A1348" s="7">
        <f t="shared" si="63"/>
        <v>44617.833333330083</v>
      </c>
      <c r="B1348" s="8">
        <v>-4.9800999999999998E-2</v>
      </c>
      <c r="C1348">
        <f t="shared" si="61"/>
        <v>20</v>
      </c>
      <c r="D1348">
        <f t="shared" si="62"/>
        <v>2</v>
      </c>
    </row>
    <row r="1349" spans="1:4" x14ac:dyDescent="0.25">
      <c r="A1349" s="7">
        <f t="shared" si="63"/>
        <v>44617.874999996748</v>
      </c>
      <c r="B1349" s="8">
        <v>-4.9800999999999998E-2</v>
      </c>
      <c r="C1349">
        <f t="shared" si="61"/>
        <v>21</v>
      </c>
      <c r="D1349">
        <f t="shared" si="62"/>
        <v>2</v>
      </c>
    </row>
    <row r="1350" spans="1:4" x14ac:dyDescent="0.25">
      <c r="A1350" s="7">
        <f t="shared" si="63"/>
        <v>44617.916666663412</v>
      </c>
      <c r="B1350" s="8">
        <v>-4.9800999999999998E-2</v>
      </c>
      <c r="C1350">
        <f t="shared" si="61"/>
        <v>22</v>
      </c>
      <c r="D1350">
        <f t="shared" si="62"/>
        <v>2</v>
      </c>
    </row>
    <row r="1351" spans="1:4" x14ac:dyDescent="0.25">
      <c r="A1351" s="7">
        <f t="shared" si="63"/>
        <v>44617.958333330076</v>
      </c>
      <c r="B1351" s="8">
        <v>-4.9800999999999998E-2</v>
      </c>
      <c r="C1351">
        <f t="shared" si="61"/>
        <v>23</v>
      </c>
      <c r="D1351">
        <f t="shared" si="62"/>
        <v>2</v>
      </c>
    </row>
    <row r="1352" spans="1:4" x14ac:dyDescent="0.25">
      <c r="A1352" s="7">
        <f t="shared" si="63"/>
        <v>44617.99999999674</v>
      </c>
      <c r="B1352" s="8">
        <v>-4.9800999999999998E-2</v>
      </c>
      <c r="C1352">
        <f t="shared" si="61"/>
        <v>0</v>
      </c>
      <c r="D1352">
        <f t="shared" si="62"/>
        <v>2</v>
      </c>
    </row>
    <row r="1353" spans="1:4" x14ac:dyDescent="0.25">
      <c r="A1353" s="7">
        <f t="shared" si="63"/>
        <v>44618.041666663405</v>
      </c>
      <c r="B1353" s="8">
        <v>-4.9800999999999998E-2</v>
      </c>
      <c r="C1353">
        <f t="shared" si="61"/>
        <v>1</v>
      </c>
      <c r="D1353">
        <f t="shared" si="62"/>
        <v>2</v>
      </c>
    </row>
    <row r="1354" spans="1:4" x14ac:dyDescent="0.25">
      <c r="A1354" s="7">
        <f t="shared" si="63"/>
        <v>44618.083333330069</v>
      </c>
      <c r="B1354" s="8">
        <v>-4.9800999999999998E-2</v>
      </c>
      <c r="C1354">
        <f t="shared" ref="C1354:C1417" si="64">HOUR(A1354)</f>
        <v>2</v>
      </c>
      <c r="D1354">
        <f t="shared" ref="D1354:D1417" si="65">MONTH(A1354)</f>
        <v>2</v>
      </c>
    </row>
    <row r="1355" spans="1:4" x14ac:dyDescent="0.25">
      <c r="A1355" s="7">
        <f t="shared" ref="A1355:A1418" si="66">+A1354+1/24</f>
        <v>44618.124999996733</v>
      </c>
      <c r="B1355" s="8">
        <v>-4.9800999999999998E-2</v>
      </c>
      <c r="C1355">
        <f t="shared" si="64"/>
        <v>3</v>
      </c>
      <c r="D1355">
        <f t="shared" si="65"/>
        <v>2</v>
      </c>
    </row>
    <row r="1356" spans="1:4" x14ac:dyDescent="0.25">
      <c r="A1356" s="7">
        <f t="shared" si="66"/>
        <v>44618.166666663397</v>
      </c>
      <c r="B1356" s="8">
        <v>-4.9800999999999998E-2</v>
      </c>
      <c r="C1356">
        <f t="shared" si="64"/>
        <v>4</v>
      </c>
      <c r="D1356">
        <f t="shared" si="65"/>
        <v>2</v>
      </c>
    </row>
    <row r="1357" spans="1:4" x14ac:dyDescent="0.25">
      <c r="A1357" s="7">
        <f t="shared" si="66"/>
        <v>44618.208333330062</v>
      </c>
      <c r="B1357" s="8">
        <v>-4.9800999999999998E-2</v>
      </c>
      <c r="C1357">
        <f t="shared" si="64"/>
        <v>5</v>
      </c>
      <c r="D1357">
        <f t="shared" si="65"/>
        <v>2</v>
      </c>
    </row>
    <row r="1358" spans="1:4" x14ac:dyDescent="0.25">
      <c r="A1358" s="7">
        <f t="shared" si="66"/>
        <v>44618.249999996726</v>
      </c>
      <c r="B1358" s="8">
        <v>-4.9800999999999998E-2</v>
      </c>
      <c r="C1358">
        <f t="shared" si="64"/>
        <v>6</v>
      </c>
      <c r="D1358">
        <f t="shared" si="65"/>
        <v>2</v>
      </c>
    </row>
    <row r="1359" spans="1:4" x14ac:dyDescent="0.25">
      <c r="A1359" s="7">
        <f t="shared" si="66"/>
        <v>44618.29166666339</v>
      </c>
      <c r="B1359" s="8">
        <v>-4.9800999999999998E-2</v>
      </c>
      <c r="C1359">
        <f t="shared" si="64"/>
        <v>7</v>
      </c>
      <c r="D1359">
        <f t="shared" si="65"/>
        <v>2</v>
      </c>
    </row>
    <row r="1360" spans="1:4" x14ac:dyDescent="0.25">
      <c r="A1360" s="7">
        <f t="shared" si="66"/>
        <v>44618.333333330054</v>
      </c>
      <c r="B1360" s="8">
        <v>1.2884015236705906</v>
      </c>
      <c r="C1360">
        <f t="shared" si="64"/>
        <v>8</v>
      </c>
      <c r="D1360">
        <f t="shared" si="65"/>
        <v>2</v>
      </c>
    </row>
    <row r="1361" spans="1:4" x14ac:dyDescent="0.25">
      <c r="A1361" s="7">
        <f t="shared" si="66"/>
        <v>44618.374999996719</v>
      </c>
      <c r="B1361" s="8">
        <v>9.1513787611129622</v>
      </c>
      <c r="C1361">
        <f t="shared" si="64"/>
        <v>9</v>
      </c>
      <c r="D1361">
        <f t="shared" si="65"/>
        <v>2</v>
      </c>
    </row>
    <row r="1362" spans="1:4" x14ac:dyDescent="0.25">
      <c r="A1362" s="7">
        <f t="shared" si="66"/>
        <v>44618.416666663383</v>
      </c>
      <c r="B1362" s="8">
        <v>16.143638276789126</v>
      </c>
      <c r="C1362">
        <f t="shared" si="64"/>
        <v>10</v>
      </c>
      <c r="D1362">
        <f t="shared" si="65"/>
        <v>2</v>
      </c>
    </row>
    <row r="1363" spans="1:4" x14ac:dyDescent="0.25">
      <c r="A1363" s="7">
        <f t="shared" si="66"/>
        <v>44618.458333330047</v>
      </c>
      <c r="B1363" s="8">
        <v>20.451173823785521</v>
      </c>
      <c r="C1363">
        <f t="shared" si="64"/>
        <v>11</v>
      </c>
      <c r="D1363">
        <f t="shared" si="65"/>
        <v>2</v>
      </c>
    </row>
    <row r="1364" spans="1:4" x14ac:dyDescent="0.25">
      <c r="A1364" s="7">
        <f t="shared" si="66"/>
        <v>44618.499999996711</v>
      </c>
      <c r="B1364" s="8">
        <v>20.451284099663695</v>
      </c>
      <c r="C1364">
        <f t="shared" si="64"/>
        <v>12</v>
      </c>
      <c r="D1364">
        <f t="shared" si="65"/>
        <v>2</v>
      </c>
    </row>
    <row r="1365" spans="1:4" x14ac:dyDescent="0.25">
      <c r="A1365" s="7">
        <f t="shared" si="66"/>
        <v>44618.541666663376</v>
      </c>
      <c r="B1365" s="8">
        <v>20.451295436436219</v>
      </c>
      <c r="C1365">
        <f t="shared" si="64"/>
        <v>13</v>
      </c>
      <c r="D1365">
        <f t="shared" si="65"/>
        <v>2</v>
      </c>
    </row>
    <row r="1366" spans="1:4" x14ac:dyDescent="0.25">
      <c r="A1366" s="7">
        <f t="shared" si="66"/>
        <v>44618.58333333004</v>
      </c>
      <c r="B1366" s="8">
        <v>20.451316048749899</v>
      </c>
      <c r="C1366">
        <f t="shared" si="64"/>
        <v>14</v>
      </c>
      <c r="D1366">
        <f t="shared" si="65"/>
        <v>2</v>
      </c>
    </row>
    <row r="1367" spans="1:4" x14ac:dyDescent="0.25">
      <c r="A1367" s="7">
        <f t="shared" si="66"/>
        <v>44618.624999996704</v>
      </c>
      <c r="B1367" s="8">
        <v>20.451249058730443</v>
      </c>
      <c r="C1367">
        <f t="shared" si="64"/>
        <v>15</v>
      </c>
      <c r="D1367">
        <f t="shared" si="65"/>
        <v>2</v>
      </c>
    </row>
    <row r="1368" spans="1:4" x14ac:dyDescent="0.25">
      <c r="A1368" s="7">
        <f t="shared" si="66"/>
        <v>44618.666666663368</v>
      </c>
      <c r="B1368" s="8">
        <v>18.026012476324929</v>
      </c>
      <c r="C1368">
        <f t="shared" si="64"/>
        <v>16</v>
      </c>
      <c r="D1368">
        <f t="shared" si="65"/>
        <v>2</v>
      </c>
    </row>
    <row r="1369" spans="1:4" x14ac:dyDescent="0.25">
      <c r="A1369" s="7">
        <f t="shared" si="66"/>
        <v>44618.708333330032</v>
      </c>
      <c r="B1369" s="8">
        <v>11.920977023208161</v>
      </c>
      <c r="C1369">
        <f t="shared" si="64"/>
        <v>17</v>
      </c>
      <c r="D1369">
        <f t="shared" si="65"/>
        <v>2</v>
      </c>
    </row>
    <row r="1370" spans="1:4" x14ac:dyDescent="0.25">
      <c r="A1370" s="7">
        <f t="shared" si="66"/>
        <v>44618.749999996697</v>
      </c>
      <c r="B1370" s="8">
        <v>4.493266921853027</v>
      </c>
      <c r="C1370">
        <f t="shared" si="64"/>
        <v>18</v>
      </c>
      <c r="D1370">
        <f t="shared" si="65"/>
        <v>2</v>
      </c>
    </row>
    <row r="1371" spans="1:4" x14ac:dyDescent="0.25">
      <c r="A1371" s="7">
        <f t="shared" si="66"/>
        <v>44618.791666663361</v>
      </c>
      <c r="B1371" s="8">
        <v>-4.9800999999999998E-2</v>
      </c>
      <c r="C1371">
        <f t="shared" si="64"/>
        <v>19</v>
      </c>
      <c r="D1371">
        <f t="shared" si="65"/>
        <v>2</v>
      </c>
    </row>
    <row r="1372" spans="1:4" x14ac:dyDescent="0.25">
      <c r="A1372" s="7">
        <f t="shared" si="66"/>
        <v>44618.833333330025</v>
      </c>
      <c r="B1372" s="8">
        <v>-4.9800999999999998E-2</v>
      </c>
      <c r="C1372">
        <f t="shared" si="64"/>
        <v>20</v>
      </c>
      <c r="D1372">
        <f t="shared" si="65"/>
        <v>2</v>
      </c>
    </row>
    <row r="1373" spans="1:4" x14ac:dyDescent="0.25">
      <c r="A1373" s="7">
        <f t="shared" si="66"/>
        <v>44618.874999996689</v>
      </c>
      <c r="B1373" s="8">
        <v>-4.9800999999999998E-2</v>
      </c>
      <c r="C1373">
        <f t="shared" si="64"/>
        <v>21</v>
      </c>
      <c r="D1373">
        <f t="shared" si="65"/>
        <v>2</v>
      </c>
    </row>
    <row r="1374" spans="1:4" x14ac:dyDescent="0.25">
      <c r="A1374" s="7">
        <f t="shared" si="66"/>
        <v>44618.916666663354</v>
      </c>
      <c r="B1374" s="8">
        <v>-4.9800999999999998E-2</v>
      </c>
      <c r="C1374">
        <f t="shared" si="64"/>
        <v>22</v>
      </c>
      <c r="D1374">
        <f t="shared" si="65"/>
        <v>2</v>
      </c>
    </row>
    <row r="1375" spans="1:4" x14ac:dyDescent="0.25">
      <c r="A1375" s="7">
        <f t="shared" si="66"/>
        <v>44618.958333330018</v>
      </c>
      <c r="B1375" s="8">
        <v>-4.9800999999999998E-2</v>
      </c>
      <c r="C1375">
        <f t="shared" si="64"/>
        <v>23</v>
      </c>
      <c r="D1375">
        <f t="shared" si="65"/>
        <v>2</v>
      </c>
    </row>
    <row r="1376" spans="1:4" x14ac:dyDescent="0.25">
      <c r="A1376" s="7">
        <f t="shared" si="66"/>
        <v>44618.999999996682</v>
      </c>
      <c r="B1376" s="8">
        <v>-4.9800999999999998E-2</v>
      </c>
      <c r="C1376">
        <f t="shared" si="64"/>
        <v>0</v>
      </c>
      <c r="D1376">
        <f t="shared" si="65"/>
        <v>2</v>
      </c>
    </row>
    <row r="1377" spans="1:4" x14ac:dyDescent="0.25">
      <c r="A1377" s="7">
        <f t="shared" si="66"/>
        <v>44619.041666663346</v>
      </c>
      <c r="B1377" s="8">
        <v>-4.9800999999999998E-2</v>
      </c>
      <c r="C1377">
        <f t="shared" si="64"/>
        <v>1</v>
      </c>
      <c r="D1377">
        <f t="shared" si="65"/>
        <v>2</v>
      </c>
    </row>
    <row r="1378" spans="1:4" x14ac:dyDescent="0.25">
      <c r="A1378" s="7">
        <f t="shared" si="66"/>
        <v>44619.083333330011</v>
      </c>
      <c r="B1378" s="8">
        <v>-4.9800999999999998E-2</v>
      </c>
      <c r="C1378">
        <f t="shared" si="64"/>
        <v>2</v>
      </c>
      <c r="D1378">
        <f t="shared" si="65"/>
        <v>2</v>
      </c>
    </row>
    <row r="1379" spans="1:4" x14ac:dyDescent="0.25">
      <c r="A1379" s="7">
        <f t="shared" si="66"/>
        <v>44619.124999996675</v>
      </c>
      <c r="B1379" s="8">
        <v>-4.9800999999999998E-2</v>
      </c>
      <c r="C1379">
        <f t="shared" si="64"/>
        <v>3</v>
      </c>
      <c r="D1379">
        <f t="shared" si="65"/>
        <v>2</v>
      </c>
    </row>
    <row r="1380" spans="1:4" x14ac:dyDescent="0.25">
      <c r="A1380" s="7">
        <f t="shared" si="66"/>
        <v>44619.166666663339</v>
      </c>
      <c r="B1380" s="8">
        <v>-4.9800999999999998E-2</v>
      </c>
      <c r="C1380">
        <f t="shared" si="64"/>
        <v>4</v>
      </c>
      <c r="D1380">
        <f t="shared" si="65"/>
        <v>2</v>
      </c>
    </row>
    <row r="1381" spans="1:4" x14ac:dyDescent="0.25">
      <c r="A1381" s="7">
        <f t="shared" si="66"/>
        <v>44619.208333330003</v>
      </c>
      <c r="B1381" s="8">
        <v>-4.9800999999999998E-2</v>
      </c>
      <c r="C1381">
        <f t="shared" si="64"/>
        <v>5</v>
      </c>
      <c r="D1381">
        <f t="shared" si="65"/>
        <v>2</v>
      </c>
    </row>
    <row r="1382" spans="1:4" x14ac:dyDescent="0.25">
      <c r="A1382" s="7">
        <f t="shared" si="66"/>
        <v>44619.249999996668</v>
      </c>
      <c r="B1382" s="8">
        <v>-4.9800999999999998E-2</v>
      </c>
      <c r="C1382">
        <f t="shared" si="64"/>
        <v>6</v>
      </c>
      <c r="D1382">
        <f t="shared" si="65"/>
        <v>2</v>
      </c>
    </row>
    <row r="1383" spans="1:4" x14ac:dyDescent="0.25">
      <c r="A1383" s="7">
        <f t="shared" si="66"/>
        <v>44619.291666663332</v>
      </c>
      <c r="B1383" s="8">
        <v>-4.9800999999999998E-2</v>
      </c>
      <c r="C1383">
        <f t="shared" si="64"/>
        <v>7</v>
      </c>
      <c r="D1383">
        <f t="shared" si="65"/>
        <v>2</v>
      </c>
    </row>
    <row r="1384" spans="1:4" x14ac:dyDescent="0.25">
      <c r="A1384" s="7">
        <f t="shared" si="66"/>
        <v>44619.333333329996</v>
      </c>
      <c r="B1384" s="8">
        <v>0.33335882664846689</v>
      </c>
      <c r="C1384">
        <f t="shared" si="64"/>
        <v>8</v>
      </c>
      <c r="D1384">
        <f t="shared" si="65"/>
        <v>2</v>
      </c>
    </row>
    <row r="1385" spans="1:4" x14ac:dyDescent="0.25">
      <c r="A1385" s="7">
        <f t="shared" si="66"/>
        <v>44619.37499999666</v>
      </c>
      <c r="B1385" s="8">
        <v>4.3764981648682397</v>
      </c>
      <c r="C1385">
        <f t="shared" si="64"/>
        <v>9</v>
      </c>
      <c r="D1385">
        <f t="shared" si="65"/>
        <v>2</v>
      </c>
    </row>
    <row r="1386" spans="1:4" x14ac:dyDescent="0.25">
      <c r="A1386" s="7">
        <f t="shared" si="66"/>
        <v>44619.416666663325</v>
      </c>
      <c r="B1386" s="8">
        <v>10.486503246812726</v>
      </c>
      <c r="C1386">
        <f t="shared" si="64"/>
        <v>10</v>
      </c>
      <c r="D1386">
        <f t="shared" si="65"/>
        <v>2</v>
      </c>
    </row>
    <row r="1387" spans="1:4" x14ac:dyDescent="0.25">
      <c r="A1387" s="7">
        <f t="shared" si="66"/>
        <v>44619.458333329989</v>
      </c>
      <c r="B1387" s="8">
        <v>20.451294405820537</v>
      </c>
      <c r="C1387">
        <f t="shared" si="64"/>
        <v>11</v>
      </c>
      <c r="D1387">
        <f t="shared" si="65"/>
        <v>2</v>
      </c>
    </row>
    <row r="1388" spans="1:4" x14ac:dyDescent="0.25">
      <c r="A1388" s="7">
        <f t="shared" si="66"/>
        <v>44619.499999996653</v>
      </c>
      <c r="B1388" s="8">
        <v>20.451310895671476</v>
      </c>
      <c r="C1388">
        <f t="shared" si="64"/>
        <v>12</v>
      </c>
      <c r="D1388">
        <f t="shared" si="65"/>
        <v>2</v>
      </c>
    </row>
    <row r="1389" spans="1:4" x14ac:dyDescent="0.25">
      <c r="A1389" s="7">
        <f t="shared" si="66"/>
        <v>44619.541666663317</v>
      </c>
      <c r="B1389" s="8">
        <v>20.451340783526309</v>
      </c>
      <c r="C1389">
        <f t="shared" si="64"/>
        <v>13</v>
      </c>
      <c r="D1389">
        <f t="shared" si="65"/>
        <v>2</v>
      </c>
    </row>
    <row r="1390" spans="1:4" x14ac:dyDescent="0.25">
      <c r="A1390" s="7">
        <f t="shared" si="66"/>
        <v>44619.583333329982</v>
      </c>
      <c r="B1390" s="8">
        <v>20.451338722294945</v>
      </c>
      <c r="C1390">
        <f t="shared" si="64"/>
        <v>14</v>
      </c>
      <c r="D1390">
        <f t="shared" si="65"/>
        <v>2</v>
      </c>
    </row>
    <row r="1391" spans="1:4" x14ac:dyDescent="0.25">
      <c r="A1391" s="7">
        <f t="shared" si="66"/>
        <v>44619.624999996646</v>
      </c>
      <c r="B1391" s="8">
        <v>20.451271732275487</v>
      </c>
      <c r="C1391">
        <f t="shared" si="64"/>
        <v>15</v>
      </c>
      <c r="D1391">
        <f t="shared" si="65"/>
        <v>2</v>
      </c>
    </row>
    <row r="1392" spans="1:4" x14ac:dyDescent="0.25">
      <c r="A1392" s="7">
        <f t="shared" si="66"/>
        <v>44619.66666666331</v>
      </c>
      <c r="B1392" s="8">
        <v>18.165872177707278</v>
      </c>
      <c r="C1392">
        <f t="shared" si="64"/>
        <v>16</v>
      </c>
      <c r="D1392">
        <f t="shared" si="65"/>
        <v>2</v>
      </c>
    </row>
    <row r="1393" spans="1:4" x14ac:dyDescent="0.25">
      <c r="A1393" s="7">
        <f t="shared" si="66"/>
        <v>44619.708333329974</v>
      </c>
      <c r="B1393" s="8">
        <v>11.520534391079581</v>
      </c>
      <c r="C1393">
        <f t="shared" si="64"/>
        <v>17</v>
      </c>
      <c r="D1393">
        <f t="shared" si="65"/>
        <v>2</v>
      </c>
    </row>
    <row r="1394" spans="1:4" x14ac:dyDescent="0.25">
      <c r="A1394" s="7">
        <f t="shared" si="66"/>
        <v>44619.749999996639</v>
      </c>
      <c r="B1394" s="8">
        <v>4.2050799806294776</v>
      </c>
      <c r="C1394">
        <f t="shared" si="64"/>
        <v>18</v>
      </c>
      <c r="D1394">
        <f t="shared" si="65"/>
        <v>2</v>
      </c>
    </row>
    <row r="1395" spans="1:4" x14ac:dyDescent="0.25">
      <c r="A1395" s="7">
        <f t="shared" si="66"/>
        <v>44619.791666663303</v>
      </c>
      <c r="B1395" s="8">
        <v>-4.9800999999999998E-2</v>
      </c>
      <c r="C1395">
        <f t="shared" si="64"/>
        <v>19</v>
      </c>
      <c r="D1395">
        <f t="shared" si="65"/>
        <v>2</v>
      </c>
    </row>
    <row r="1396" spans="1:4" x14ac:dyDescent="0.25">
      <c r="A1396" s="7">
        <f t="shared" si="66"/>
        <v>44619.833333329967</v>
      </c>
      <c r="B1396" s="8">
        <v>-4.9800999999999998E-2</v>
      </c>
      <c r="C1396">
        <f t="shared" si="64"/>
        <v>20</v>
      </c>
      <c r="D1396">
        <f t="shared" si="65"/>
        <v>2</v>
      </c>
    </row>
    <row r="1397" spans="1:4" x14ac:dyDescent="0.25">
      <c r="A1397" s="7">
        <f t="shared" si="66"/>
        <v>44619.874999996631</v>
      </c>
      <c r="B1397" s="8">
        <v>-4.9800999999999998E-2</v>
      </c>
      <c r="C1397">
        <f t="shared" si="64"/>
        <v>21</v>
      </c>
      <c r="D1397">
        <f t="shared" si="65"/>
        <v>2</v>
      </c>
    </row>
    <row r="1398" spans="1:4" x14ac:dyDescent="0.25">
      <c r="A1398" s="7">
        <f t="shared" si="66"/>
        <v>44619.916666663295</v>
      </c>
      <c r="B1398" s="8">
        <v>-4.9800999999999998E-2</v>
      </c>
      <c r="C1398">
        <f t="shared" si="64"/>
        <v>22</v>
      </c>
      <c r="D1398">
        <f t="shared" si="65"/>
        <v>2</v>
      </c>
    </row>
    <row r="1399" spans="1:4" x14ac:dyDescent="0.25">
      <c r="A1399" s="7">
        <f t="shared" si="66"/>
        <v>44619.95833332996</v>
      </c>
      <c r="B1399" s="8">
        <v>-4.9800999999999998E-2</v>
      </c>
      <c r="C1399">
        <f t="shared" si="64"/>
        <v>23</v>
      </c>
      <c r="D1399">
        <f t="shared" si="65"/>
        <v>2</v>
      </c>
    </row>
    <row r="1400" spans="1:4" x14ac:dyDescent="0.25">
      <c r="A1400" s="7">
        <f t="shared" si="66"/>
        <v>44619.999999996624</v>
      </c>
      <c r="B1400" s="8">
        <v>-4.9800999999999998E-2</v>
      </c>
      <c r="C1400">
        <f t="shared" si="64"/>
        <v>0</v>
      </c>
      <c r="D1400">
        <f t="shared" si="65"/>
        <v>2</v>
      </c>
    </row>
    <row r="1401" spans="1:4" x14ac:dyDescent="0.25">
      <c r="A1401" s="7">
        <f t="shared" si="66"/>
        <v>44620.041666663288</v>
      </c>
      <c r="B1401" s="8">
        <v>-4.9800999999999998E-2</v>
      </c>
      <c r="C1401">
        <f t="shared" si="64"/>
        <v>1</v>
      </c>
      <c r="D1401">
        <f t="shared" si="65"/>
        <v>2</v>
      </c>
    </row>
    <row r="1402" spans="1:4" x14ac:dyDescent="0.25">
      <c r="A1402" s="7">
        <f t="shared" si="66"/>
        <v>44620.083333329952</v>
      </c>
      <c r="B1402" s="8">
        <v>-4.9800999999999998E-2</v>
      </c>
      <c r="C1402">
        <f t="shared" si="64"/>
        <v>2</v>
      </c>
      <c r="D1402">
        <f t="shared" si="65"/>
        <v>2</v>
      </c>
    </row>
    <row r="1403" spans="1:4" x14ac:dyDescent="0.25">
      <c r="A1403" s="7">
        <f t="shared" si="66"/>
        <v>44620.124999996617</v>
      </c>
      <c r="B1403" s="8">
        <v>-4.9800999999999998E-2</v>
      </c>
      <c r="C1403">
        <f t="shared" si="64"/>
        <v>3</v>
      </c>
      <c r="D1403">
        <f t="shared" si="65"/>
        <v>2</v>
      </c>
    </row>
    <row r="1404" spans="1:4" x14ac:dyDescent="0.25">
      <c r="A1404" s="7">
        <f t="shared" si="66"/>
        <v>44620.166666663281</v>
      </c>
      <c r="B1404" s="8">
        <v>-4.9800999999999998E-2</v>
      </c>
      <c r="C1404">
        <f t="shared" si="64"/>
        <v>4</v>
      </c>
      <c r="D1404">
        <f t="shared" si="65"/>
        <v>2</v>
      </c>
    </row>
    <row r="1405" spans="1:4" x14ac:dyDescent="0.25">
      <c r="A1405" s="7">
        <f t="shared" si="66"/>
        <v>44620.208333329945</v>
      </c>
      <c r="B1405" s="8">
        <v>-4.9800999999999998E-2</v>
      </c>
      <c r="C1405">
        <f t="shared" si="64"/>
        <v>5</v>
      </c>
      <c r="D1405">
        <f t="shared" si="65"/>
        <v>2</v>
      </c>
    </row>
    <row r="1406" spans="1:4" x14ac:dyDescent="0.25">
      <c r="A1406" s="7">
        <f t="shared" si="66"/>
        <v>44620.249999996609</v>
      </c>
      <c r="B1406" s="8">
        <v>-4.9800999999999998E-2</v>
      </c>
      <c r="C1406">
        <f t="shared" si="64"/>
        <v>6</v>
      </c>
      <c r="D1406">
        <f t="shared" si="65"/>
        <v>2</v>
      </c>
    </row>
    <row r="1407" spans="1:4" x14ac:dyDescent="0.25">
      <c r="A1407" s="7">
        <f t="shared" si="66"/>
        <v>44620.291666663274</v>
      </c>
      <c r="B1407" s="8">
        <v>-4.9800999999999998E-2</v>
      </c>
      <c r="C1407">
        <f t="shared" si="64"/>
        <v>7</v>
      </c>
      <c r="D1407">
        <f t="shared" si="65"/>
        <v>2</v>
      </c>
    </row>
    <row r="1408" spans="1:4" x14ac:dyDescent="0.25">
      <c r="A1408" s="7">
        <f t="shared" si="66"/>
        <v>44620.333333329938</v>
      </c>
      <c r="B1408" s="8">
        <v>1.3149594592287634</v>
      </c>
      <c r="C1408">
        <f t="shared" si="64"/>
        <v>8</v>
      </c>
      <c r="D1408">
        <f t="shared" si="65"/>
        <v>2</v>
      </c>
    </row>
    <row r="1409" spans="1:4" x14ac:dyDescent="0.25">
      <c r="A1409" s="7">
        <f t="shared" si="66"/>
        <v>44620.374999996602</v>
      </c>
      <c r="B1409" s="8">
        <v>9.1494669690193451</v>
      </c>
      <c r="C1409">
        <f t="shared" si="64"/>
        <v>9</v>
      </c>
      <c r="D1409">
        <f t="shared" si="65"/>
        <v>2</v>
      </c>
    </row>
    <row r="1410" spans="1:4" x14ac:dyDescent="0.25">
      <c r="A1410" s="7">
        <f t="shared" si="66"/>
        <v>44620.416666663266</v>
      </c>
      <c r="B1410" s="8">
        <v>15.921842567306115</v>
      </c>
      <c r="C1410">
        <f t="shared" si="64"/>
        <v>10</v>
      </c>
      <c r="D1410">
        <f t="shared" si="65"/>
        <v>2</v>
      </c>
    </row>
    <row r="1411" spans="1:4" x14ac:dyDescent="0.25">
      <c r="A1411" s="7">
        <f t="shared" si="66"/>
        <v>44620.458333329931</v>
      </c>
      <c r="B1411" s="8">
        <v>20.451257303655915</v>
      </c>
      <c r="C1411">
        <f t="shared" si="64"/>
        <v>11</v>
      </c>
      <c r="D1411">
        <f t="shared" si="65"/>
        <v>2</v>
      </c>
    </row>
    <row r="1412" spans="1:4" x14ac:dyDescent="0.25">
      <c r="A1412" s="7">
        <f t="shared" si="66"/>
        <v>44620.499999996595</v>
      </c>
      <c r="B1412" s="8">
        <v>20.451313987518528</v>
      </c>
      <c r="C1412">
        <f t="shared" si="64"/>
        <v>12</v>
      </c>
      <c r="D1412">
        <f t="shared" si="65"/>
        <v>2</v>
      </c>
    </row>
    <row r="1413" spans="1:4" x14ac:dyDescent="0.25">
      <c r="A1413" s="7">
        <f t="shared" si="66"/>
        <v>44620.541666663259</v>
      </c>
      <c r="B1413" s="8">
        <v>20.451344905989046</v>
      </c>
      <c r="C1413">
        <f t="shared" si="64"/>
        <v>13</v>
      </c>
      <c r="D1413">
        <f t="shared" si="65"/>
        <v>2</v>
      </c>
    </row>
    <row r="1414" spans="1:4" x14ac:dyDescent="0.25">
      <c r="A1414" s="7">
        <f t="shared" si="66"/>
        <v>44620.583333329923</v>
      </c>
      <c r="B1414" s="8">
        <v>20.451341814141994</v>
      </c>
      <c r="C1414">
        <f t="shared" si="64"/>
        <v>14</v>
      </c>
      <c r="D1414">
        <f t="shared" si="65"/>
        <v>2</v>
      </c>
    </row>
    <row r="1415" spans="1:4" x14ac:dyDescent="0.25">
      <c r="A1415" s="7">
        <f t="shared" si="66"/>
        <v>44620.624999996588</v>
      </c>
      <c r="B1415" s="8">
        <v>20.451288222126433</v>
      </c>
      <c r="C1415">
        <f t="shared" si="64"/>
        <v>15</v>
      </c>
      <c r="D1415">
        <f t="shared" si="65"/>
        <v>2</v>
      </c>
    </row>
    <row r="1416" spans="1:4" x14ac:dyDescent="0.25">
      <c r="A1416" s="7">
        <f t="shared" si="66"/>
        <v>44620.666666663252</v>
      </c>
      <c r="B1416" s="8">
        <v>17.780508483649701</v>
      </c>
      <c r="C1416">
        <f t="shared" si="64"/>
        <v>16</v>
      </c>
      <c r="D1416">
        <f t="shared" si="65"/>
        <v>2</v>
      </c>
    </row>
    <row r="1417" spans="1:4" x14ac:dyDescent="0.25">
      <c r="A1417" s="7">
        <f t="shared" si="66"/>
        <v>44620.708333329916</v>
      </c>
      <c r="B1417" s="8">
        <v>11.614292591690145</v>
      </c>
      <c r="C1417">
        <f t="shared" si="64"/>
        <v>17</v>
      </c>
      <c r="D1417">
        <f t="shared" si="65"/>
        <v>2</v>
      </c>
    </row>
    <row r="1418" spans="1:4" x14ac:dyDescent="0.25">
      <c r="A1418" s="7">
        <f t="shared" si="66"/>
        <v>44620.74999999658</v>
      </c>
      <c r="B1418" s="8">
        <v>4.2493428630212042</v>
      </c>
      <c r="C1418">
        <f t="shared" ref="C1418:C1481" si="67">HOUR(A1418)</f>
        <v>18</v>
      </c>
      <c r="D1418">
        <f t="shared" ref="D1418:D1481" si="68">MONTH(A1418)</f>
        <v>2</v>
      </c>
    </row>
    <row r="1419" spans="1:4" x14ac:dyDescent="0.25">
      <c r="A1419" s="7">
        <f t="shared" ref="A1419:A1482" si="69">+A1418+1/24</f>
        <v>44620.791666663245</v>
      </c>
      <c r="B1419" s="8">
        <v>-4.9800999999999998E-2</v>
      </c>
      <c r="C1419">
        <f t="shared" si="67"/>
        <v>19</v>
      </c>
      <c r="D1419">
        <f t="shared" si="68"/>
        <v>2</v>
      </c>
    </row>
    <row r="1420" spans="1:4" x14ac:dyDescent="0.25">
      <c r="A1420" s="7">
        <f t="shared" si="69"/>
        <v>44620.833333329909</v>
      </c>
      <c r="B1420" s="8">
        <v>-4.9800999999999998E-2</v>
      </c>
      <c r="C1420">
        <f t="shared" si="67"/>
        <v>20</v>
      </c>
      <c r="D1420">
        <f t="shared" si="68"/>
        <v>2</v>
      </c>
    </row>
    <row r="1421" spans="1:4" x14ac:dyDescent="0.25">
      <c r="A1421" s="7">
        <f t="shared" si="69"/>
        <v>44620.874999996573</v>
      </c>
      <c r="B1421" s="8">
        <v>-4.9800999999999998E-2</v>
      </c>
      <c r="C1421">
        <f t="shared" si="67"/>
        <v>21</v>
      </c>
      <c r="D1421">
        <f t="shared" si="68"/>
        <v>2</v>
      </c>
    </row>
    <row r="1422" spans="1:4" x14ac:dyDescent="0.25">
      <c r="A1422" s="7">
        <f t="shared" si="69"/>
        <v>44620.916666663237</v>
      </c>
      <c r="B1422" s="8">
        <v>-4.9800999999999998E-2</v>
      </c>
      <c r="C1422">
        <f t="shared" si="67"/>
        <v>22</v>
      </c>
      <c r="D1422">
        <f t="shared" si="68"/>
        <v>2</v>
      </c>
    </row>
    <row r="1423" spans="1:4" x14ac:dyDescent="0.25">
      <c r="A1423" s="7">
        <f t="shared" si="69"/>
        <v>44620.958333329902</v>
      </c>
      <c r="B1423" s="8">
        <v>-4.9800999999999998E-2</v>
      </c>
      <c r="C1423">
        <f t="shared" si="67"/>
        <v>23</v>
      </c>
      <c r="D1423">
        <f t="shared" si="68"/>
        <v>2</v>
      </c>
    </row>
    <row r="1424" spans="1:4" x14ac:dyDescent="0.25">
      <c r="A1424" s="7">
        <f t="shared" si="69"/>
        <v>44620.999999996566</v>
      </c>
      <c r="B1424" s="8">
        <v>-4.9800999999999998E-2</v>
      </c>
      <c r="C1424">
        <f t="shared" si="67"/>
        <v>0</v>
      </c>
      <c r="D1424">
        <f t="shared" si="68"/>
        <v>3</v>
      </c>
    </row>
    <row r="1425" spans="1:4" x14ac:dyDescent="0.25">
      <c r="A1425" s="7">
        <f t="shared" si="69"/>
        <v>44621.04166666323</v>
      </c>
      <c r="B1425" s="8">
        <v>-4.9800999999999998E-2</v>
      </c>
      <c r="C1425">
        <f t="shared" si="67"/>
        <v>1</v>
      </c>
      <c r="D1425">
        <f t="shared" si="68"/>
        <v>3</v>
      </c>
    </row>
    <row r="1426" spans="1:4" x14ac:dyDescent="0.25">
      <c r="A1426" s="7">
        <f t="shared" si="69"/>
        <v>44621.083333329894</v>
      </c>
      <c r="B1426" s="8">
        <v>-4.9800999999999998E-2</v>
      </c>
      <c r="C1426">
        <f t="shared" si="67"/>
        <v>2</v>
      </c>
      <c r="D1426">
        <f t="shared" si="68"/>
        <v>3</v>
      </c>
    </row>
    <row r="1427" spans="1:4" x14ac:dyDescent="0.25">
      <c r="A1427" s="7">
        <f t="shared" si="69"/>
        <v>44621.124999996558</v>
      </c>
      <c r="B1427" s="8">
        <v>-4.9800999999999998E-2</v>
      </c>
      <c r="C1427">
        <f t="shared" si="67"/>
        <v>3</v>
      </c>
      <c r="D1427">
        <f t="shared" si="68"/>
        <v>3</v>
      </c>
    </row>
    <row r="1428" spans="1:4" x14ac:dyDescent="0.25">
      <c r="A1428" s="7">
        <f t="shared" si="69"/>
        <v>44621.166666663223</v>
      </c>
      <c r="B1428" s="8">
        <v>-4.9800999999999998E-2</v>
      </c>
      <c r="C1428">
        <f t="shared" si="67"/>
        <v>4</v>
      </c>
      <c r="D1428">
        <f t="shared" si="68"/>
        <v>3</v>
      </c>
    </row>
    <row r="1429" spans="1:4" x14ac:dyDescent="0.25">
      <c r="A1429" s="7">
        <f t="shared" si="69"/>
        <v>44621.208333329887</v>
      </c>
      <c r="B1429" s="8">
        <v>-4.9800999999999998E-2</v>
      </c>
      <c r="C1429">
        <f t="shared" si="67"/>
        <v>5</v>
      </c>
      <c r="D1429">
        <f t="shared" si="68"/>
        <v>3</v>
      </c>
    </row>
    <row r="1430" spans="1:4" x14ac:dyDescent="0.25">
      <c r="A1430" s="7">
        <f t="shared" si="69"/>
        <v>44621.249999996551</v>
      </c>
      <c r="B1430" s="8">
        <v>-4.9800999999999998E-2</v>
      </c>
      <c r="C1430">
        <f t="shared" si="67"/>
        <v>6</v>
      </c>
      <c r="D1430">
        <f t="shared" si="68"/>
        <v>3</v>
      </c>
    </row>
    <row r="1431" spans="1:4" x14ac:dyDescent="0.25">
      <c r="A1431" s="7">
        <f t="shared" si="69"/>
        <v>44621.291666663215</v>
      </c>
      <c r="B1431" s="8">
        <v>-4.9800999999999998E-2</v>
      </c>
      <c r="C1431">
        <f t="shared" si="67"/>
        <v>7</v>
      </c>
      <c r="D1431">
        <f t="shared" si="68"/>
        <v>3</v>
      </c>
    </row>
    <row r="1432" spans="1:4" x14ac:dyDescent="0.25">
      <c r="A1432" s="7">
        <f t="shared" si="69"/>
        <v>44621.33333332988</v>
      </c>
      <c r="B1432" s="8">
        <v>0.81944768333970996</v>
      </c>
      <c r="C1432">
        <f t="shared" si="67"/>
        <v>8</v>
      </c>
      <c r="D1432">
        <f t="shared" si="68"/>
        <v>3</v>
      </c>
    </row>
    <row r="1433" spans="1:4" x14ac:dyDescent="0.25">
      <c r="A1433" s="7">
        <f t="shared" si="69"/>
        <v>44621.374999996544</v>
      </c>
      <c r="B1433" s="8">
        <v>2.5621538760103624</v>
      </c>
      <c r="C1433">
        <f t="shared" si="67"/>
        <v>9</v>
      </c>
      <c r="D1433">
        <f t="shared" si="68"/>
        <v>3</v>
      </c>
    </row>
    <row r="1434" spans="1:4" x14ac:dyDescent="0.25">
      <c r="A1434" s="7">
        <f t="shared" si="69"/>
        <v>44621.416666663208</v>
      </c>
      <c r="B1434" s="8">
        <v>4.1498410412043176</v>
      </c>
      <c r="C1434">
        <f t="shared" si="67"/>
        <v>10</v>
      </c>
      <c r="D1434">
        <f t="shared" si="68"/>
        <v>3</v>
      </c>
    </row>
    <row r="1435" spans="1:4" x14ac:dyDescent="0.25">
      <c r="A1435" s="7">
        <f t="shared" si="69"/>
        <v>44621.458333329872</v>
      </c>
      <c r="B1435" s="8">
        <v>2.2728693290834703</v>
      </c>
      <c r="C1435">
        <f t="shared" si="67"/>
        <v>11</v>
      </c>
      <c r="D1435">
        <f t="shared" si="68"/>
        <v>3</v>
      </c>
    </row>
    <row r="1436" spans="1:4" x14ac:dyDescent="0.25">
      <c r="A1436" s="7">
        <f t="shared" si="69"/>
        <v>44621.499999996537</v>
      </c>
      <c r="B1436" s="8">
        <v>3.4415112490546238</v>
      </c>
      <c r="C1436">
        <f t="shared" si="67"/>
        <v>12</v>
      </c>
      <c r="D1436">
        <f t="shared" si="68"/>
        <v>3</v>
      </c>
    </row>
    <row r="1437" spans="1:4" x14ac:dyDescent="0.25">
      <c r="A1437" s="7">
        <f t="shared" si="69"/>
        <v>44621.541666663201</v>
      </c>
      <c r="B1437" s="8">
        <v>7.3367830020282154</v>
      </c>
      <c r="C1437">
        <f t="shared" si="67"/>
        <v>13</v>
      </c>
      <c r="D1437">
        <f t="shared" si="68"/>
        <v>3</v>
      </c>
    </row>
    <row r="1438" spans="1:4" x14ac:dyDescent="0.25">
      <c r="A1438" s="7">
        <f t="shared" si="69"/>
        <v>44621.583333329865</v>
      </c>
      <c r="B1438" s="8">
        <v>9.2756637982803625</v>
      </c>
      <c r="C1438">
        <f t="shared" si="67"/>
        <v>14</v>
      </c>
      <c r="D1438">
        <f t="shared" si="68"/>
        <v>3</v>
      </c>
    </row>
    <row r="1439" spans="1:4" x14ac:dyDescent="0.25">
      <c r="A1439" s="7">
        <f t="shared" si="69"/>
        <v>44621.624999996529</v>
      </c>
      <c r="B1439" s="8">
        <v>4.5089096067031154</v>
      </c>
      <c r="C1439">
        <f t="shared" si="67"/>
        <v>15</v>
      </c>
      <c r="D1439">
        <f t="shared" si="68"/>
        <v>3</v>
      </c>
    </row>
    <row r="1440" spans="1:4" x14ac:dyDescent="0.25">
      <c r="A1440" s="7">
        <f t="shared" si="69"/>
        <v>44621.666666663194</v>
      </c>
      <c r="B1440" s="8">
        <v>11.786295135021673</v>
      </c>
      <c r="C1440">
        <f t="shared" si="67"/>
        <v>16</v>
      </c>
      <c r="D1440">
        <f t="shared" si="68"/>
        <v>3</v>
      </c>
    </row>
    <row r="1441" spans="1:4" x14ac:dyDescent="0.25">
      <c r="A1441" s="7">
        <f t="shared" si="69"/>
        <v>44621.708333329858</v>
      </c>
      <c r="B1441" s="8">
        <v>5.1264844123451017</v>
      </c>
      <c r="C1441">
        <f t="shared" si="67"/>
        <v>17</v>
      </c>
      <c r="D1441">
        <f t="shared" si="68"/>
        <v>3</v>
      </c>
    </row>
    <row r="1442" spans="1:4" x14ac:dyDescent="0.25">
      <c r="A1442" s="7">
        <f t="shared" si="69"/>
        <v>44621.749999996522</v>
      </c>
      <c r="B1442" s="8">
        <v>2.7846081489153787</v>
      </c>
      <c r="C1442">
        <f t="shared" si="67"/>
        <v>18</v>
      </c>
      <c r="D1442">
        <f t="shared" si="68"/>
        <v>3</v>
      </c>
    </row>
    <row r="1443" spans="1:4" x14ac:dyDescent="0.25">
      <c r="A1443" s="7">
        <f t="shared" si="69"/>
        <v>44621.791666663186</v>
      </c>
      <c r="B1443" s="8">
        <v>-4.9800999999999998E-2</v>
      </c>
      <c r="C1443">
        <f t="shared" si="67"/>
        <v>19</v>
      </c>
      <c r="D1443">
        <f t="shared" si="68"/>
        <v>3</v>
      </c>
    </row>
    <row r="1444" spans="1:4" x14ac:dyDescent="0.25">
      <c r="A1444" s="7">
        <f t="shared" si="69"/>
        <v>44621.833333329851</v>
      </c>
      <c r="B1444" s="8">
        <v>-4.9800999999999998E-2</v>
      </c>
      <c r="C1444">
        <f t="shared" si="67"/>
        <v>20</v>
      </c>
      <c r="D1444">
        <f t="shared" si="68"/>
        <v>3</v>
      </c>
    </row>
    <row r="1445" spans="1:4" x14ac:dyDescent="0.25">
      <c r="A1445" s="7">
        <f t="shared" si="69"/>
        <v>44621.874999996515</v>
      </c>
      <c r="B1445" s="8">
        <v>-4.9800999999999998E-2</v>
      </c>
      <c r="C1445">
        <f t="shared" si="67"/>
        <v>21</v>
      </c>
      <c r="D1445">
        <f t="shared" si="68"/>
        <v>3</v>
      </c>
    </row>
    <row r="1446" spans="1:4" x14ac:dyDescent="0.25">
      <c r="A1446" s="7">
        <f t="shared" si="69"/>
        <v>44621.916666663179</v>
      </c>
      <c r="B1446" s="8">
        <v>-4.9800999999999998E-2</v>
      </c>
      <c r="C1446">
        <f t="shared" si="67"/>
        <v>22</v>
      </c>
      <c r="D1446">
        <f t="shared" si="68"/>
        <v>3</v>
      </c>
    </row>
    <row r="1447" spans="1:4" x14ac:dyDescent="0.25">
      <c r="A1447" s="7">
        <f t="shared" si="69"/>
        <v>44621.958333329843</v>
      </c>
      <c r="B1447" s="8">
        <v>-4.9800999999999998E-2</v>
      </c>
      <c r="C1447">
        <f t="shared" si="67"/>
        <v>23</v>
      </c>
      <c r="D1447">
        <f t="shared" si="68"/>
        <v>3</v>
      </c>
    </row>
    <row r="1448" spans="1:4" x14ac:dyDescent="0.25">
      <c r="A1448" s="7">
        <f t="shared" si="69"/>
        <v>44621.999999996508</v>
      </c>
      <c r="B1448" s="8">
        <v>-4.9800999999999998E-2</v>
      </c>
      <c r="C1448">
        <f t="shared" si="67"/>
        <v>0</v>
      </c>
      <c r="D1448">
        <f t="shared" si="68"/>
        <v>3</v>
      </c>
    </row>
    <row r="1449" spans="1:4" x14ac:dyDescent="0.25">
      <c r="A1449" s="7">
        <f t="shared" si="69"/>
        <v>44622.041666663172</v>
      </c>
      <c r="B1449" s="8">
        <v>-4.9800999999999998E-2</v>
      </c>
      <c r="C1449">
        <f t="shared" si="67"/>
        <v>1</v>
      </c>
      <c r="D1449">
        <f t="shared" si="68"/>
        <v>3</v>
      </c>
    </row>
    <row r="1450" spans="1:4" x14ac:dyDescent="0.25">
      <c r="A1450" s="7">
        <f t="shared" si="69"/>
        <v>44622.083333329836</v>
      </c>
      <c r="B1450" s="8">
        <v>-4.9800999999999998E-2</v>
      </c>
      <c r="C1450">
        <f t="shared" si="67"/>
        <v>2</v>
      </c>
      <c r="D1450">
        <f t="shared" si="68"/>
        <v>3</v>
      </c>
    </row>
    <row r="1451" spans="1:4" x14ac:dyDescent="0.25">
      <c r="A1451" s="7">
        <f t="shared" si="69"/>
        <v>44622.1249999965</v>
      </c>
      <c r="B1451" s="8">
        <v>-4.9800999999999998E-2</v>
      </c>
      <c r="C1451">
        <f t="shared" si="67"/>
        <v>3</v>
      </c>
      <c r="D1451">
        <f t="shared" si="68"/>
        <v>3</v>
      </c>
    </row>
    <row r="1452" spans="1:4" x14ac:dyDescent="0.25">
      <c r="A1452" s="7">
        <f t="shared" si="69"/>
        <v>44622.166666663165</v>
      </c>
      <c r="B1452" s="8">
        <v>-4.9800999999999998E-2</v>
      </c>
      <c r="C1452">
        <f t="shared" si="67"/>
        <v>4</v>
      </c>
      <c r="D1452">
        <f t="shared" si="68"/>
        <v>3</v>
      </c>
    </row>
    <row r="1453" spans="1:4" x14ac:dyDescent="0.25">
      <c r="A1453" s="7">
        <f t="shared" si="69"/>
        <v>44622.208333329829</v>
      </c>
      <c r="B1453" s="8">
        <v>-4.9800999999999998E-2</v>
      </c>
      <c r="C1453">
        <f t="shared" si="67"/>
        <v>5</v>
      </c>
      <c r="D1453">
        <f t="shared" si="68"/>
        <v>3</v>
      </c>
    </row>
    <row r="1454" spans="1:4" x14ac:dyDescent="0.25">
      <c r="A1454" s="7">
        <f t="shared" si="69"/>
        <v>44622.249999996493</v>
      </c>
      <c r="B1454" s="8">
        <v>-4.9800999999999998E-2</v>
      </c>
      <c r="C1454">
        <f t="shared" si="67"/>
        <v>6</v>
      </c>
      <c r="D1454">
        <f t="shared" si="68"/>
        <v>3</v>
      </c>
    </row>
    <row r="1455" spans="1:4" x14ac:dyDescent="0.25">
      <c r="A1455" s="7">
        <f t="shared" si="69"/>
        <v>44622.291666663157</v>
      </c>
      <c r="B1455" s="8">
        <v>-4.9800999999999998E-2</v>
      </c>
      <c r="C1455">
        <f t="shared" si="67"/>
        <v>7</v>
      </c>
      <c r="D1455">
        <f t="shared" si="68"/>
        <v>3</v>
      </c>
    </row>
    <row r="1456" spans="1:4" x14ac:dyDescent="0.25">
      <c r="A1456" s="7">
        <f t="shared" si="69"/>
        <v>44622.333333329821</v>
      </c>
      <c r="B1456" s="8">
        <v>0.27217735718999464</v>
      </c>
      <c r="C1456">
        <f t="shared" si="67"/>
        <v>8</v>
      </c>
      <c r="D1456">
        <f t="shared" si="68"/>
        <v>3</v>
      </c>
    </row>
    <row r="1457" spans="1:4" x14ac:dyDescent="0.25">
      <c r="A1457" s="7">
        <f t="shared" si="69"/>
        <v>44622.374999996486</v>
      </c>
      <c r="B1457" s="8">
        <v>1.2764618409727198</v>
      </c>
      <c r="C1457">
        <f t="shared" si="67"/>
        <v>9</v>
      </c>
      <c r="D1457">
        <f t="shared" si="68"/>
        <v>3</v>
      </c>
    </row>
    <row r="1458" spans="1:4" x14ac:dyDescent="0.25">
      <c r="A1458" s="7">
        <f t="shared" si="69"/>
        <v>44622.41666666315</v>
      </c>
      <c r="B1458" s="8">
        <v>1.5626669082361473</v>
      </c>
      <c r="C1458">
        <f t="shared" si="67"/>
        <v>10</v>
      </c>
      <c r="D1458">
        <f t="shared" si="68"/>
        <v>3</v>
      </c>
    </row>
    <row r="1459" spans="1:4" x14ac:dyDescent="0.25">
      <c r="A1459" s="7">
        <f t="shared" si="69"/>
        <v>44622.458333329814</v>
      </c>
      <c r="B1459" s="8">
        <v>2.1550369767129087</v>
      </c>
      <c r="C1459">
        <f t="shared" si="67"/>
        <v>11</v>
      </c>
      <c r="D1459">
        <f t="shared" si="68"/>
        <v>3</v>
      </c>
    </row>
    <row r="1460" spans="1:4" x14ac:dyDescent="0.25">
      <c r="A1460" s="7">
        <f t="shared" si="69"/>
        <v>44622.499999996478</v>
      </c>
      <c r="B1460" s="8">
        <v>2.5881470341737636</v>
      </c>
      <c r="C1460">
        <f t="shared" si="67"/>
        <v>12</v>
      </c>
      <c r="D1460">
        <f t="shared" si="68"/>
        <v>3</v>
      </c>
    </row>
    <row r="1461" spans="1:4" x14ac:dyDescent="0.25">
      <c r="A1461" s="7">
        <f t="shared" si="69"/>
        <v>44622.541666663143</v>
      </c>
      <c r="B1461" s="8">
        <v>12.732273567103981</v>
      </c>
      <c r="C1461">
        <f t="shared" si="67"/>
        <v>13</v>
      </c>
      <c r="D1461">
        <f t="shared" si="68"/>
        <v>3</v>
      </c>
    </row>
    <row r="1462" spans="1:4" x14ac:dyDescent="0.25">
      <c r="A1462" s="7">
        <f t="shared" si="69"/>
        <v>44622.583333329807</v>
      </c>
      <c r="B1462" s="8">
        <v>20.451287191510747</v>
      </c>
      <c r="C1462">
        <f t="shared" si="67"/>
        <v>14</v>
      </c>
      <c r="D1462">
        <f t="shared" si="68"/>
        <v>3</v>
      </c>
    </row>
    <row r="1463" spans="1:4" x14ac:dyDescent="0.25">
      <c r="A1463" s="7">
        <f t="shared" si="69"/>
        <v>44622.624999996471</v>
      </c>
      <c r="B1463" s="8">
        <v>20.451315018134213</v>
      </c>
      <c r="C1463">
        <f t="shared" si="67"/>
        <v>15</v>
      </c>
      <c r="D1463">
        <f t="shared" si="68"/>
        <v>3</v>
      </c>
    </row>
    <row r="1464" spans="1:4" x14ac:dyDescent="0.25">
      <c r="A1464" s="7">
        <f t="shared" si="69"/>
        <v>44622.666666663135</v>
      </c>
      <c r="B1464" s="8">
        <v>17.061035674725783</v>
      </c>
      <c r="C1464">
        <f t="shared" si="67"/>
        <v>16</v>
      </c>
      <c r="D1464">
        <f t="shared" si="68"/>
        <v>3</v>
      </c>
    </row>
    <row r="1465" spans="1:4" x14ac:dyDescent="0.25">
      <c r="A1465" s="7">
        <f t="shared" si="69"/>
        <v>44622.7083333298</v>
      </c>
      <c r="B1465" s="8">
        <v>11.439875315811262</v>
      </c>
      <c r="C1465">
        <f t="shared" si="67"/>
        <v>17</v>
      </c>
      <c r="D1465">
        <f t="shared" si="68"/>
        <v>3</v>
      </c>
    </row>
    <row r="1466" spans="1:4" x14ac:dyDescent="0.25">
      <c r="A1466" s="7">
        <f t="shared" si="69"/>
        <v>44622.749999996464</v>
      </c>
      <c r="B1466" s="8">
        <v>3.8826384659204627</v>
      </c>
      <c r="C1466">
        <f t="shared" si="67"/>
        <v>18</v>
      </c>
      <c r="D1466">
        <f t="shared" si="68"/>
        <v>3</v>
      </c>
    </row>
    <row r="1467" spans="1:4" x14ac:dyDescent="0.25">
      <c r="A1467" s="7">
        <f t="shared" si="69"/>
        <v>44622.791666663128</v>
      </c>
      <c r="B1467" s="8">
        <v>-4.9800999999999998E-2</v>
      </c>
      <c r="C1467">
        <f t="shared" si="67"/>
        <v>19</v>
      </c>
      <c r="D1467">
        <f t="shared" si="68"/>
        <v>3</v>
      </c>
    </row>
    <row r="1468" spans="1:4" x14ac:dyDescent="0.25">
      <c r="A1468" s="7">
        <f t="shared" si="69"/>
        <v>44622.833333329792</v>
      </c>
      <c r="B1468" s="8">
        <v>-4.9800999999999998E-2</v>
      </c>
      <c r="C1468">
        <f t="shared" si="67"/>
        <v>20</v>
      </c>
      <c r="D1468">
        <f t="shared" si="68"/>
        <v>3</v>
      </c>
    </row>
    <row r="1469" spans="1:4" x14ac:dyDescent="0.25">
      <c r="A1469" s="7">
        <f t="shared" si="69"/>
        <v>44622.874999996457</v>
      </c>
      <c r="B1469" s="8">
        <v>-4.9800999999999998E-2</v>
      </c>
      <c r="C1469">
        <f t="shared" si="67"/>
        <v>21</v>
      </c>
      <c r="D1469">
        <f t="shared" si="68"/>
        <v>3</v>
      </c>
    </row>
    <row r="1470" spans="1:4" x14ac:dyDescent="0.25">
      <c r="A1470" s="7">
        <f t="shared" si="69"/>
        <v>44622.916666663121</v>
      </c>
      <c r="B1470" s="8">
        <v>-4.9800999999999998E-2</v>
      </c>
      <c r="C1470">
        <f t="shared" si="67"/>
        <v>22</v>
      </c>
      <c r="D1470">
        <f t="shared" si="68"/>
        <v>3</v>
      </c>
    </row>
    <row r="1471" spans="1:4" x14ac:dyDescent="0.25">
      <c r="A1471" s="7">
        <f t="shared" si="69"/>
        <v>44622.958333329785</v>
      </c>
      <c r="B1471" s="8">
        <v>-4.9800999999999998E-2</v>
      </c>
      <c r="C1471">
        <f t="shared" si="67"/>
        <v>23</v>
      </c>
      <c r="D1471">
        <f t="shared" si="68"/>
        <v>3</v>
      </c>
    </row>
    <row r="1472" spans="1:4" x14ac:dyDescent="0.25">
      <c r="A1472" s="7">
        <f t="shared" si="69"/>
        <v>44622.999999996449</v>
      </c>
      <c r="B1472" s="8">
        <v>-4.9800999999999998E-2</v>
      </c>
      <c r="C1472">
        <f t="shared" si="67"/>
        <v>0</v>
      </c>
      <c r="D1472">
        <f t="shared" si="68"/>
        <v>3</v>
      </c>
    </row>
    <row r="1473" spans="1:4" x14ac:dyDescent="0.25">
      <c r="A1473" s="7">
        <f t="shared" si="69"/>
        <v>44623.041666663114</v>
      </c>
      <c r="B1473" s="8">
        <v>-4.9800999999999998E-2</v>
      </c>
      <c r="C1473">
        <f t="shared" si="67"/>
        <v>1</v>
      </c>
      <c r="D1473">
        <f t="shared" si="68"/>
        <v>3</v>
      </c>
    </row>
    <row r="1474" spans="1:4" x14ac:dyDescent="0.25">
      <c r="A1474" s="7">
        <f t="shared" si="69"/>
        <v>44623.083333329778</v>
      </c>
      <c r="B1474" s="8">
        <v>-4.9800999999999998E-2</v>
      </c>
      <c r="C1474">
        <f t="shared" si="67"/>
        <v>2</v>
      </c>
      <c r="D1474">
        <f t="shared" si="68"/>
        <v>3</v>
      </c>
    </row>
    <row r="1475" spans="1:4" x14ac:dyDescent="0.25">
      <c r="A1475" s="7">
        <f t="shared" si="69"/>
        <v>44623.124999996442</v>
      </c>
      <c r="B1475" s="8">
        <v>-4.9800999999999998E-2</v>
      </c>
      <c r="C1475">
        <f t="shared" si="67"/>
        <v>3</v>
      </c>
      <c r="D1475">
        <f t="shared" si="68"/>
        <v>3</v>
      </c>
    </row>
    <row r="1476" spans="1:4" x14ac:dyDescent="0.25">
      <c r="A1476" s="7">
        <f t="shared" si="69"/>
        <v>44623.166666663106</v>
      </c>
      <c r="B1476" s="8">
        <v>-4.9800999999999998E-2</v>
      </c>
      <c r="C1476">
        <f t="shared" si="67"/>
        <v>4</v>
      </c>
      <c r="D1476">
        <f t="shared" si="68"/>
        <v>3</v>
      </c>
    </row>
    <row r="1477" spans="1:4" x14ac:dyDescent="0.25">
      <c r="A1477" s="7">
        <f t="shared" si="69"/>
        <v>44623.208333329771</v>
      </c>
      <c r="B1477" s="8">
        <v>-4.9800999999999998E-2</v>
      </c>
      <c r="C1477">
        <f t="shared" si="67"/>
        <v>5</v>
      </c>
      <c r="D1477">
        <f t="shared" si="68"/>
        <v>3</v>
      </c>
    </row>
    <row r="1478" spans="1:4" x14ac:dyDescent="0.25">
      <c r="A1478" s="7">
        <f t="shared" si="69"/>
        <v>44623.249999996435</v>
      </c>
      <c r="B1478" s="8">
        <v>-4.9800999999999998E-2</v>
      </c>
      <c r="C1478">
        <f t="shared" si="67"/>
        <v>6</v>
      </c>
      <c r="D1478">
        <f t="shared" si="68"/>
        <v>3</v>
      </c>
    </row>
    <row r="1479" spans="1:4" x14ac:dyDescent="0.25">
      <c r="A1479" s="7">
        <f t="shared" si="69"/>
        <v>44623.291666663099</v>
      </c>
      <c r="B1479" s="8">
        <v>-4.9800999999999998E-2</v>
      </c>
      <c r="C1479">
        <f t="shared" si="67"/>
        <v>7</v>
      </c>
      <c r="D1479">
        <f t="shared" si="68"/>
        <v>3</v>
      </c>
    </row>
    <row r="1480" spans="1:4" x14ac:dyDescent="0.25">
      <c r="A1480" s="7">
        <f t="shared" si="69"/>
        <v>44623.333333329763</v>
      </c>
      <c r="B1480" s="8">
        <v>0.19739279131985249</v>
      </c>
      <c r="C1480">
        <f t="shared" si="67"/>
        <v>8</v>
      </c>
      <c r="D1480">
        <f t="shared" si="68"/>
        <v>3</v>
      </c>
    </row>
    <row r="1481" spans="1:4" x14ac:dyDescent="0.25">
      <c r="A1481" s="7">
        <f t="shared" si="69"/>
        <v>44623.374999996428</v>
      </c>
      <c r="B1481" s="8">
        <v>0.95916619037336937</v>
      </c>
      <c r="C1481">
        <f t="shared" si="67"/>
        <v>9</v>
      </c>
      <c r="D1481">
        <f t="shared" si="68"/>
        <v>3</v>
      </c>
    </row>
    <row r="1482" spans="1:4" x14ac:dyDescent="0.25">
      <c r="A1482" s="7">
        <f t="shared" si="69"/>
        <v>44623.416666663092</v>
      </c>
      <c r="B1482" s="8">
        <v>2.3098004115000008</v>
      </c>
      <c r="C1482">
        <f t="shared" ref="C1482:C1545" si="70">HOUR(A1482)</f>
        <v>10</v>
      </c>
      <c r="D1482">
        <f t="shared" ref="D1482:D1545" si="71">MONTH(A1482)</f>
        <v>3</v>
      </c>
    </row>
    <row r="1483" spans="1:4" x14ac:dyDescent="0.25">
      <c r="A1483" s="7">
        <f t="shared" ref="A1483:A1546" si="72">+A1482+1/24</f>
        <v>44623.458333329756</v>
      </c>
      <c r="B1483" s="8">
        <v>2.8706655891359145</v>
      </c>
      <c r="C1483">
        <f t="shared" si="70"/>
        <v>11</v>
      </c>
      <c r="D1483">
        <f t="shared" si="71"/>
        <v>3</v>
      </c>
    </row>
    <row r="1484" spans="1:4" x14ac:dyDescent="0.25">
      <c r="A1484" s="7">
        <f t="shared" si="72"/>
        <v>44623.49999999642</v>
      </c>
      <c r="B1484" s="8">
        <v>3.2409421001970209</v>
      </c>
      <c r="C1484">
        <f t="shared" si="70"/>
        <v>12</v>
      </c>
      <c r="D1484">
        <f t="shared" si="71"/>
        <v>3</v>
      </c>
    </row>
    <row r="1485" spans="1:4" x14ac:dyDescent="0.25">
      <c r="A1485" s="7">
        <f t="shared" si="72"/>
        <v>44623.541666663084</v>
      </c>
      <c r="B1485" s="8">
        <v>3.5493806396090166</v>
      </c>
      <c r="C1485">
        <f t="shared" si="70"/>
        <v>13</v>
      </c>
      <c r="D1485">
        <f t="shared" si="71"/>
        <v>3</v>
      </c>
    </row>
    <row r="1486" spans="1:4" x14ac:dyDescent="0.25">
      <c r="A1486" s="7">
        <f t="shared" si="72"/>
        <v>44623.583333329749</v>
      </c>
      <c r="B1486" s="8">
        <v>9.1618879492415921</v>
      </c>
      <c r="C1486">
        <f t="shared" si="70"/>
        <v>14</v>
      </c>
      <c r="D1486">
        <f t="shared" si="71"/>
        <v>3</v>
      </c>
    </row>
    <row r="1487" spans="1:4" x14ac:dyDescent="0.25">
      <c r="A1487" s="7">
        <f t="shared" si="72"/>
        <v>44623.624999996413</v>
      </c>
      <c r="B1487" s="8">
        <v>8.6324833459721173</v>
      </c>
      <c r="C1487">
        <f t="shared" si="70"/>
        <v>15</v>
      </c>
      <c r="D1487">
        <f t="shared" si="71"/>
        <v>3</v>
      </c>
    </row>
    <row r="1488" spans="1:4" x14ac:dyDescent="0.25">
      <c r="A1488" s="7">
        <f t="shared" si="72"/>
        <v>44623.666666663077</v>
      </c>
      <c r="B1488" s="8">
        <v>9.9712314764164418</v>
      </c>
      <c r="C1488">
        <f t="shared" si="70"/>
        <v>16</v>
      </c>
      <c r="D1488">
        <f t="shared" si="71"/>
        <v>3</v>
      </c>
    </row>
    <row r="1489" spans="1:4" x14ac:dyDescent="0.25">
      <c r="A1489" s="7">
        <f t="shared" si="72"/>
        <v>44623.708333329741</v>
      </c>
      <c r="B1489" s="8">
        <v>6.4705865912672351</v>
      </c>
      <c r="C1489">
        <f t="shared" si="70"/>
        <v>17</v>
      </c>
      <c r="D1489">
        <f t="shared" si="71"/>
        <v>3</v>
      </c>
    </row>
    <row r="1490" spans="1:4" x14ac:dyDescent="0.25">
      <c r="A1490" s="7">
        <f t="shared" si="72"/>
        <v>44623.749999996406</v>
      </c>
      <c r="B1490" s="8">
        <v>3.6172075189972146</v>
      </c>
      <c r="C1490">
        <f t="shared" si="70"/>
        <v>18</v>
      </c>
      <c r="D1490">
        <f t="shared" si="71"/>
        <v>3</v>
      </c>
    </row>
    <row r="1491" spans="1:4" x14ac:dyDescent="0.25">
      <c r="A1491" s="7">
        <f t="shared" si="72"/>
        <v>44623.79166666307</v>
      </c>
      <c r="B1491" s="8">
        <v>-4.9800999999999998E-2</v>
      </c>
      <c r="C1491">
        <f t="shared" si="70"/>
        <v>19</v>
      </c>
      <c r="D1491">
        <f t="shared" si="71"/>
        <v>3</v>
      </c>
    </row>
    <row r="1492" spans="1:4" x14ac:dyDescent="0.25">
      <c r="A1492" s="7">
        <f t="shared" si="72"/>
        <v>44623.833333329734</v>
      </c>
      <c r="B1492" s="8">
        <v>-4.9800999999999998E-2</v>
      </c>
      <c r="C1492">
        <f t="shared" si="70"/>
        <v>20</v>
      </c>
      <c r="D1492">
        <f t="shared" si="71"/>
        <v>3</v>
      </c>
    </row>
    <row r="1493" spans="1:4" x14ac:dyDescent="0.25">
      <c r="A1493" s="7">
        <f t="shared" si="72"/>
        <v>44623.874999996398</v>
      </c>
      <c r="B1493" s="8">
        <v>-4.9800999999999998E-2</v>
      </c>
      <c r="C1493">
        <f t="shared" si="70"/>
        <v>21</v>
      </c>
      <c r="D1493">
        <f t="shared" si="71"/>
        <v>3</v>
      </c>
    </row>
    <row r="1494" spans="1:4" x14ac:dyDescent="0.25">
      <c r="A1494" s="7">
        <f t="shared" si="72"/>
        <v>44623.916666663063</v>
      </c>
      <c r="B1494" s="8">
        <v>-4.9800999999999998E-2</v>
      </c>
      <c r="C1494">
        <f t="shared" si="70"/>
        <v>22</v>
      </c>
      <c r="D1494">
        <f t="shared" si="71"/>
        <v>3</v>
      </c>
    </row>
    <row r="1495" spans="1:4" x14ac:dyDescent="0.25">
      <c r="A1495" s="7">
        <f t="shared" si="72"/>
        <v>44623.958333329727</v>
      </c>
      <c r="B1495" s="8">
        <v>-4.9800999999999998E-2</v>
      </c>
      <c r="C1495">
        <f t="shared" si="70"/>
        <v>23</v>
      </c>
      <c r="D1495">
        <f t="shared" si="71"/>
        <v>3</v>
      </c>
    </row>
    <row r="1496" spans="1:4" x14ac:dyDescent="0.25">
      <c r="A1496" s="7">
        <f t="shared" si="72"/>
        <v>44623.999999996391</v>
      </c>
      <c r="B1496" s="8">
        <v>-4.9800999999999998E-2</v>
      </c>
      <c r="C1496">
        <f t="shared" si="70"/>
        <v>0</v>
      </c>
      <c r="D1496">
        <f t="shared" si="71"/>
        <v>3</v>
      </c>
    </row>
    <row r="1497" spans="1:4" x14ac:dyDescent="0.25">
      <c r="A1497" s="7">
        <f t="shared" si="72"/>
        <v>44624.041666663055</v>
      </c>
      <c r="B1497" s="8">
        <v>-4.9800999999999998E-2</v>
      </c>
      <c r="C1497">
        <f t="shared" si="70"/>
        <v>1</v>
      </c>
      <c r="D1497">
        <f t="shared" si="71"/>
        <v>3</v>
      </c>
    </row>
    <row r="1498" spans="1:4" x14ac:dyDescent="0.25">
      <c r="A1498" s="7">
        <f t="shared" si="72"/>
        <v>44624.08333332972</v>
      </c>
      <c r="B1498" s="8">
        <v>-4.9800999999999998E-2</v>
      </c>
      <c r="C1498">
        <f t="shared" si="70"/>
        <v>2</v>
      </c>
      <c r="D1498">
        <f t="shared" si="71"/>
        <v>3</v>
      </c>
    </row>
    <row r="1499" spans="1:4" x14ac:dyDescent="0.25">
      <c r="A1499" s="7">
        <f t="shared" si="72"/>
        <v>44624.124999996384</v>
      </c>
      <c r="B1499" s="8">
        <v>-4.9800999999999998E-2</v>
      </c>
      <c r="C1499">
        <f t="shared" si="70"/>
        <v>3</v>
      </c>
      <c r="D1499">
        <f t="shared" si="71"/>
        <v>3</v>
      </c>
    </row>
    <row r="1500" spans="1:4" x14ac:dyDescent="0.25">
      <c r="A1500" s="7">
        <f t="shared" si="72"/>
        <v>44624.166666663048</v>
      </c>
      <c r="B1500" s="8">
        <v>-4.9800999999999998E-2</v>
      </c>
      <c r="C1500">
        <f t="shared" si="70"/>
        <v>4</v>
      </c>
      <c r="D1500">
        <f t="shared" si="71"/>
        <v>3</v>
      </c>
    </row>
    <row r="1501" spans="1:4" x14ac:dyDescent="0.25">
      <c r="A1501" s="7">
        <f t="shared" si="72"/>
        <v>44624.208333329712</v>
      </c>
      <c r="B1501" s="8">
        <v>-4.9800999999999998E-2</v>
      </c>
      <c r="C1501">
        <f t="shared" si="70"/>
        <v>5</v>
      </c>
      <c r="D1501">
        <f t="shared" si="71"/>
        <v>3</v>
      </c>
    </row>
    <row r="1502" spans="1:4" x14ac:dyDescent="0.25">
      <c r="A1502" s="7">
        <f t="shared" si="72"/>
        <v>44624.249999996377</v>
      </c>
      <c r="B1502" s="8">
        <v>-4.9800999999999998E-2</v>
      </c>
      <c r="C1502">
        <f t="shared" si="70"/>
        <v>6</v>
      </c>
      <c r="D1502">
        <f t="shared" si="71"/>
        <v>3</v>
      </c>
    </row>
    <row r="1503" spans="1:4" x14ac:dyDescent="0.25">
      <c r="A1503" s="7">
        <f t="shared" si="72"/>
        <v>44624.291666663041</v>
      </c>
      <c r="B1503" s="8">
        <v>-4.9800999999999998E-2</v>
      </c>
      <c r="C1503">
        <f t="shared" si="70"/>
        <v>7</v>
      </c>
      <c r="D1503">
        <f t="shared" si="71"/>
        <v>3</v>
      </c>
    </row>
    <row r="1504" spans="1:4" x14ac:dyDescent="0.25">
      <c r="A1504" s="7">
        <f t="shared" si="72"/>
        <v>44624.333333329705</v>
      </c>
      <c r="B1504" s="8">
        <v>1.4160927456732486</v>
      </c>
      <c r="C1504">
        <f t="shared" si="70"/>
        <v>8</v>
      </c>
      <c r="D1504">
        <f t="shared" si="71"/>
        <v>3</v>
      </c>
    </row>
    <row r="1505" spans="1:4" x14ac:dyDescent="0.25">
      <c r="A1505" s="7">
        <f t="shared" si="72"/>
        <v>44624.374999996369</v>
      </c>
      <c r="B1505" s="8">
        <v>9.5515843516342454</v>
      </c>
      <c r="C1505">
        <f t="shared" si="70"/>
        <v>9</v>
      </c>
      <c r="D1505">
        <f t="shared" si="71"/>
        <v>3</v>
      </c>
    </row>
    <row r="1506" spans="1:4" x14ac:dyDescent="0.25">
      <c r="A1506" s="7">
        <f t="shared" si="72"/>
        <v>44624.416666663034</v>
      </c>
      <c r="B1506" s="8">
        <v>15.893767565461255</v>
      </c>
      <c r="C1506">
        <f t="shared" si="70"/>
        <v>10</v>
      </c>
      <c r="D1506">
        <f t="shared" si="71"/>
        <v>3</v>
      </c>
    </row>
    <row r="1507" spans="1:4" x14ac:dyDescent="0.25">
      <c r="A1507" s="7">
        <f t="shared" si="72"/>
        <v>44624.458333329698</v>
      </c>
      <c r="B1507" s="8">
        <v>20.451170731938468</v>
      </c>
      <c r="C1507">
        <f t="shared" si="70"/>
        <v>11</v>
      </c>
      <c r="D1507">
        <f t="shared" si="71"/>
        <v>3</v>
      </c>
    </row>
    <row r="1508" spans="1:4" x14ac:dyDescent="0.25">
      <c r="A1508" s="7">
        <f t="shared" si="72"/>
        <v>44624.499999996362</v>
      </c>
      <c r="B1508" s="8">
        <v>20.451274824122539</v>
      </c>
      <c r="C1508">
        <f t="shared" si="70"/>
        <v>12</v>
      </c>
      <c r="D1508">
        <f t="shared" si="71"/>
        <v>3</v>
      </c>
    </row>
    <row r="1509" spans="1:4" x14ac:dyDescent="0.25">
      <c r="A1509" s="7">
        <f t="shared" si="72"/>
        <v>44624.541666663026</v>
      </c>
      <c r="B1509" s="8">
        <v>20.451288222126433</v>
      </c>
      <c r="C1509">
        <f t="shared" si="70"/>
        <v>13</v>
      </c>
      <c r="D1509">
        <f t="shared" si="71"/>
        <v>3</v>
      </c>
    </row>
    <row r="1510" spans="1:4" x14ac:dyDescent="0.25">
      <c r="A1510" s="7">
        <f t="shared" si="72"/>
        <v>44624.583333329691</v>
      </c>
      <c r="B1510" s="8">
        <v>20.451301620130323</v>
      </c>
      <c r="C1510">
        <f t="shared" si="70"/>
        <v>14</v>
      </c>
      <c r="D1510">
        <f t="shared" si="71"/>
        <v>3</v>
      </c>
    </row>
    <row r="1511" spans="1:4" x14ac:dyDescent="0.25">
      <c r="A1511" s="7">
        <f t="shared" si="72"/>
        <v>44624.624999996355</v>
      </c>
      <c r="B1511" s="8">
        <v>20.451227415801082</v>
      </c>
      <c r="C1511">
        <f t="shared" si="70"/>
        <v>15</v>
      </c>
      <c r="D1511">
        <f t="shared" si="71"/>
        <v>3</v>
      </c>
    </row>
    <row r="1512" spans="1:4" x14ac:dyDescent="0.25">
      <c r="A1512" s="7">
        <f t="shared" si="72"/>
        <v>44624.666666663019</v>
      </c>
      <c r="B1512" s="8">
        <v>18.287088041368055</v>
      </c>
      <c r="C1512">
        <f t="shared" si="70"/>
        <v>16</v>
      </c>
      <c r="D1512">
        <f t="shared" si="71"/>
        <v>3</v>
      </c>
    </row>
    <row r="1513" spans="1:4" x14ac:dyDescent="0.25">
      <c r="A1513" s="7">
        <f t="shared" si="72"/>
        <v>44624.708333329683</v>
      </c>
      <c r="B1513" s="8">
        <v>12.018451623974835</v>
      </c>
      <c r="C1513">
        <f t="shared" si="70"/>
        <v>17</v>
      </c>
      <c r="D1513">
        <f t="shared" si="71"/>
        <v>3</v>
      </c>
    </row>
    <row r="1514" spans="1:4" x14ac:dyDescent="0.25">
      <c r="A1514" s="7">
        <f t="shared" si="72"/>
        <v>44624.749999996347</v>
      </c>
      <c r="B1514" s="8">
        <v>4.1906255956629144</v>
      </c>
      <c r="C1514">
        <f t="shared" si="70"/>
        <v>18</v>
      </c>
      <c r="D1514">
        <f t="shared" si="71"/>
        <v>3</v>
      </c>
    </row>
    <row r="1515" spans="1:4" x14ac:dyDescent="0.25">
      <c r="A1515" s="7">
        <f t="shared" si="72"/>
        <v>44624.791666663012</v>
      </c>
      <c r="B1515" s="8">
        <v>-4.9800999999999998E-2</v>
      </c>
      <c r="C1515">
        <f t="shared" si="70"/>
        <v>19</v>
      </c>
      <c r="D1515">
        <f t="shared" si="71"/>
        <v>3</v>
      </c>
    </row>
    <row r="1516" spans="1:4" x14ac:dyDescent="0.25">
      <c r="A1516" s="7">
        <f t="shared" si="72"/>
        <v>44624.833333329676</v>
      </c>
      <c r="B1516" s="8">
        <v>-4.9800999999999998E-2</v>
      </c>
      <c r="C1516">
        <f t="shared" si="70"/>
        <v>20</v>
      </c>
      <c r="D1516">
        <f t="shared" si="71"/>
        <v>3</v>
      </c>
    </row>
    <row r="1517" spans="1:4" x14ac:dyDescent="0.25">
      <c r="A1517" s="7">
        <f t="shared" si="72"/>
        <v>44624.87499999634</v>
      </c>
      <c r="B1517" s="8">
        <v>-4.9800999999999998E-2</v>
      </c>
      <c r="C1517">
        <f t="shared" si="70"/>
        <v>21</v>
      </c>
      <c r="D1517">
        <f t="shared" si="71"/>
        <v>3</v>
      </c>
    </row>
    <row r="1518" spans="1:4" x14ac:dyDescent="0.25">
      <c r="A1518" s="7">
        <f t="shared" si="72"/>
        <v>44624.916666663004</v>
      </c>
      <c r="B1518" s="8">
        <v>-4.9800999999999998E-2</v>
      </c>
      <c r="C1518">
        <f t="shared" si="70"/>
        <v>22</v>
      </c>
      <c r="D1518">
        <f t="shared" si="71"/>
        <v>3</v>
      </c>
    </row>
    <row r="1519" spans="1:4" x14ac:dyDescent="0.25">
      <c r="A1519" s="7">
        <f t="shared" si="72"/>
        <v>44624.958333329669</v>
      </c>
      <c r="B1519" s="8">
        <v>-4.9800999999999998E-2</v>
      </c>
      <c r="C1519">
        <f t="shared" si="70"/>
        <v>23</v>
      </c>
      <c r="D1519">
        <f t="shared" si="71"/>
        <v>3</v>
      </c>
    </row>
    <row r="1520" spans="1:4" x14ac:dyDescent="0.25">
      <c r="A1520" s="7">
        <f t="shared" si="72"/>
        <v>44624.999999996333</v>
      </c>
      <c r="B1520" s="8">
        <v>-4.9800999999999998E-2</v>
      </c>
      <c r="C1520">
        <f t="shared" si="70"/>
        <v>0</v>
      </c>
      <c r="D1520">
        <f t="shared" si="71"/>
        <v>3</v>
      </c>
    </row>
    <row r="1521" spans="1:4" x14ac:dyDescent="0.25">
      <c r="A1521" s="7">
        <f t="shared" si="72"/>
        <v>44625.041666662997</v>
      </c>
      <c r="B1521" s="8">
        <v>-4.9800999999999998E-2</v>
      </c>
      <c r="C1521">
        <f t="shared" si="70"/>
        <v>1</v>
      </c>
      <c r="D1521">
        <f t="shared" si="71"/>
        <v>3</v>
      </c>
    </row>
    <row r="1522" spans="1:4" x14ac:dyDescent="0.25">
      <c r="A1522" s="7">
        <f t="shared" si="72"/>
        <v>44625.083333329661</v>
      </c>
      <c r="B1522" s="8">
        <v>-4.9800999999999998E-2</v>
      </c>
      <c r="C1522">
        <f t="shared" si="70"/>
        <v>2</v>
      </c>
      <c r="D1522">
        <f t="shared" si="71"/>
        <v>3</v>
      </c>
    </row>
    <row r="1523" spans="1:4" x14ac:dyDescent="0.25">
      <c r="A1523" s="7">
        <f t="shared" si="72"/>
        <v>44625.124999996326</v>
      </c>
      <c r="B1523" s="8">
        <v>-4.9800999999999998E-2</v>
      </c>
      <c r="C1523">
        <f t="shared" si="70"/>
        <v>3</v>
      </c>
      <c r="D1523">
        <f t="shared" si="71"/>
        <v>3</v>
      </c>
    </row>
    <row r="1524" spans="1:4" x14ac:dyDescent="0.25">
      <c r="A1524" s="7">
        <f t="shared" si="72"/>
        <v>44625.16666666299</v>
      </c>
      <c r="B1524" s="8">
        <v>-4.9800999999999998E-2</v>
      </c>
      <c r="C1524">
        <f t="shared" si="70"/>
        <v>4</v>
      </c>
      <c r="D1524">
        <f t="shared" si="71"/>
        <v>3</v>
      </c>
    </row>
    <row r="1525" spans="1:4" x14ac:dyDescent="0.25">
      <c r="A1525" s="7">
        <f t="shared" si="72"/>
        <v>44625.208333329654</v>
      </c>
      <c r="B1525" s="8">
        <v>-4.9800999999999998E-2</v>
      </c>
      <c r="C1525">
        <f t="shared" si="70"/>
        <v>5</v>
      </c>
      <c r="D1525">
        <f t="shared" si="71"/>
        <v>3</v>
      </c>
    </row>
    <row r="1526" spans="1:4" x14ac:dyDescent="0.25">
      <c r="A1526" s="7">
        <f t="shared" si="72"/>
        <v>44625.249999996318</v>
      </c>
      <c r="B1526" s="8">
        <v>-4.9800999999999998E-2</v>
      </c>
      <c r="C1526">
        <f t="shared" si="70"/>
        <v>6</v>
      </c>
      <c r="D1526">
        <f t="shared" si="71"/>
        <v>3</v>
      </c>
    </row>
    <row r="1527" spans="1:4" x14ac:dyDescent="0.25">
      <c r="A1527" s="7">
        <f t="shared" si="72"/>
        <v>44625.291666662983</v>
      </c>
      <c r="B1527" s="8">
        <v>-4.9800999999999998E-2</v>
      </c>
      <c r="C1527">
        <f t="shared" si="70"/>
        <v>7</v>
      </c>
      <c r="D1527">
        <f t="shared" si="71"/>
        <v>3</v>
      </c>
    </row>
    <row r="1528" spans="1:4" x14ac:dyDescent="0.25">
      <c r="A1528" s="7">
        <f t="shared" si="72"/>
        <v>44625.333333329647</v>
      </c>
      <c r="B1528" s="8">
        <v>1.9662838366711093</v>
      </c>
      <c r="C1528">
        <f t="shared" si="70"/>
        <v>8</v>
      </c>
      <c r="D1528">
        <f t="shared" si="71"/>
        <v>3</v>
      </c>
    </row>
    <row r="1529" spans="1:4" x14ac:dyDescent="0.25">
      <c r="A1529" s="7">
        <f t="shared" si="72"/>
        <v>44625.374999996311</v>
      </c>
      <c r="B1529" s="8">
        <v>9.4416557909434395</v>
      </c>
      <c r="C1529">
        <f t="shared" si="70"/>
        <v>9</v>
      </c>
      <c r="D1529">
        <f t="shared" si="71"/>
        <v>3</v>
      </c>
    </row>
    <row r="1530" spans="1:4" x14ac:dyDescent="0.25">
      <c r="A1530" s="7">
        <f t="shared" si="72"/>
        <v>44625.416666662975</v>
      </c>
      <c r="B1530" s="8">
        <v>16.07359145121783</v>
      </c>
      <c r="C1530">
        <f t="shared" si="70"/>
        <v>10</v>
      </c>
      <c r="D1530">
        <f t="shared" si="71"/>
        <v>3</v>
      </c>
    </row>
    <row r="1531" spans="1:4" x14ac:dyDescent="0.25">
      <c r="A1531" s="7">
        <f t="shared" si="72"/>
        <v>44625.45833332964</v>
      </c>
      <c r="B1531" s="8">
        <v>20.45124493626771</v>
      </c>
      <c r="C1531">
        <f t="shared" si="70"/>
        <v>11</v>
      </c>
      <c r="D1531">
        <f t="shared" si="71"/>
        <v>3</v>
      </c>
    </row>
    <row r="1532" spans="1:4" x14ac:dyDescent="0.25">
      <c r="A1532" s="7">
        <f t="shared" si="72"/>
        <v>44625.499999996304</v>
      </c>
      <c r="B1532" s="8">
        <v>20.451318109981262</v>
      </c>
      <c r="C1532">
        <f t="shared" si="70"/>
        <v>12</v>
      </c>
      <c r="D1532">
        <f t="shared" si="71"/>
        <v>3</v>
      </c>
    </row>
    <row r="1533" spans="1:4" x14ac:dyDescent="0.25">
      <c r="A1533" s="7">
        <f t="shared" si="72"/>
        <v>44625.541666662968</v>
      </c>
      <c r="B1533" s="8">
        <v>20.451330477369471</v>
      </c>
      <c r="C1533">
        <f t="shared" si="70"/>
        <v>13</v>
      </c>
      <c r="D1533">
        <f t="shared" si="71"/>
        <v>3</v>
      </c>
    </row>
    <row r="1534" spans="1:4" x14ac:dyDescent="0.25">
      <c r="A1534" s="7">
        <f t="shared" si="72"/>
        <v>44625.583333329632</v>
      </c>
      <c r="B1534" s="8">
        <v>20.451270701659809</v>
      </c>
      <c r="C1534">
        <f t="shared" si="70"/>
        <v>14</v>
      </c>
      <c r="D1534">
        <f t="shared" si="71"/>
        <v>3</v>
      </c>
    </row>
    <row r="1535" spans="1:4" x14ac:dyDescent="0.25">
      <c r="A1535" s="7">
        <f t="shared" si="72"/>
        <v>44625.624999996297</v>
      </c>
      <c r="B1535" s="8">
        <v>13.171402420158756</v>
      </c>
      <c r="C1535">
        <f t="shared" si="70"/>
        <v>15</v>
      </c>
      <c r="D1535">
        <f t="shared" si="71"/>
        <v>3</v>
      </c>
    </row>
    <row r="1536" spans="1:4" x14ac:dyDescent="0.25">
      <c r="A1536" s="7">
        <f t="shared" si="72"/>
        <v>44625.666666662961</v>
      </c>
      <c r="B1536" s="8">
        <v>11.955350117497273</v>
      </c>
      <c r="C1536">
        <f t="shared" si="70"/>
        <v>16</v>
      </c>
      <c r="D1536">
        <f t="shared" si="71"/>
        <v>3</v>
      </c>
    </row>
    <row r="1537" spans="1:4" x14ac:dyDescent="0.25">
      <c r="A1537" s="7">
        <f t="shared" si="72"/>
        <v>44625.708333329625</v>
      </c>
      <c r="B1537" s="8">
        <v>2.5595577551026425</v>
      </c>
      <c r="C1537">
        <f t="shared" si="70"/>
        <v>17</v>
      </c>
      <c r="D1537">
        <f t="shared" si="71"/>
        <v>3</v>
      </c>
    </row>
    <row r="1538" spans="1:4" x14ac:dyDescent="0.25">
      <c r="A1538" s="7">
        <f t="shared" si="72"/>
        <v>44625.749999996289</v>
      </c>
      <c r="B1538" s="8">
        <v>1.4411356761761025</v>
      </c>
      <c r="C1538">
        <f t="shared" si="70"/>
        <v>18</v>
      </c>
      <c r="D1538">
        <f t="shared" si="71"/>
        <v>3</v>
      </c>
    </row>
    <row r="1539" spans="1:4" x14ac:dyDescent="0.25">
      <c r="A1539" s="7">
        <f t="shared" si="72"/>
        <v>44625.791666662954</v>
      </c>
      <c r="B1539" s="8">
        <v>-4.9800999999999998E-2</v>
      </c>
      <c r="C1539">
        <f t="shared" si="70"/>
        <v>19</v>
      </c>
      <c r="D1539">
        <f t="shared" si="71"/>
        <v>3</v>
      </c>
    </row>
    <row r="1540" spans="1:4" x14ac:dyDescent="0.25">
      <c r="A1540" s="7">
        <f t="shared" si="72"/>
        <v>44625.833333329618</v>
      </c>
      <c r="B1540" s="8">
        <v>-4.9800999999999998E-2</v>
      </c>
      <c r="C1540">
        <f t="shared" si="70"/>
        <v>20</v>
      </c>
      <c r="D1540">
        <f t="shared" si="71"/>
        <v>3</v>
      </c>
    </row>
    <row r="1541" spans="1:4" x14ac:dyDescent="0.25">
      <c r="A1541" s="7">
        <f t="shared" si="72"/>
        <v>44625.874999996282</v>
      </c>
      <c r="B1541" s="8">
        <v>-4.9800999999999998E-2</v>
      </c>
      <c r="C1541">
        <f t="shared" si="70"/>
        <v>21</v>
      </c>
      <c r="D1541">
        <f t="shared" si="71"/>
        <v>3</v>
      </c>
    </row>
    <row r="1542" spans="1:4" x14ac:dyDescent="0.25">
      <c r="A1542" s="7">
        <f t="shared" si="72"/>
        <v>44625.916666662946</v>
      </c>
      <c r="B1542" s="8">
        <v>-4.9800999999999998E-2</v>
      </c>
      <c r="C1542">
        <f t="shared" si="70"/>
        <v>22</v>
      </c>
      <c r="D1542">
        <f t="shared" si="71"/>
        <v>3</v>
      </c>
    </row>
    <row r="1543" spans="1:4" x14ac:dyDescent="0.25">
      <c r="A1543" s="7">
        <f t="shared" si="72"/>
        <v>44625.95833332961</v>
      </c>
      <c r="B1543" s="8">
        <v>-4.9800999999999998E-2</v>
      </c>
      <c r="C1543">
        <f t="shared" si="70"/>
        <v>23</v>
      </c>
      <c r="D1543">
        <f t="shared" si="71"/>
        <v>3</v>
      </c>
    </row>
    <row r="1544" spans="1:4" x14ac:dyDescent="0.25">
      <c r="A1544" s="7">
        <f t="shared" si="72"/>
        <v>44625.999999996275</v>
      </c>
      <c r="B1544" s="8">
        <v>-4.9800999999999998E-2</v>
      </c>
      <c r="C1544">
        <f t="shared" si="70"/>
        <v>0</v>
      </c>
      <c r="D1544">
        <f t="shared" si="71"/>
        <v>3</v>
      </c>
    </row>
    <row r="1545" spans="1:4" x14ac:dyDescent="0.25">
      <c r="A1545" s="7">
        <f t="shared" si="72"/>
        <v>44626.041666662939</v>
      </c>
      <c r="B1545" s="8">
        <v>-4.9800999999999998E-2</v>
      </c>
      <c r="C1545">
        <f t="shared" si="70"/>
        <v>1</v>
      </c>
      <c r="D1545">
        <f t="shared" si="71"/>
        <v>3</v>
      </c>
    </row>
    <row r="1546" spans="1:4" x14ac:dyDescent="0.25">
      <c r="A1546" s="7">
        <f t="shared" si="72"/>
        <v>44626.083333329603</v>
      </c>
      <c r="B1546" s="8">
        <v>-4.9800999999999998E-2</v>
      </c>
      <c r="C1546">
        <f t="shared" ref="C1546:C1609" si="73">HOUR(A1546)</f>
        <v>2</v>
      </c>
      <c r="D1546">
        <f t="shared" ref="D1546:D1609" si="74">MONTH(A1546)</f>
        <v>3</v>
      </c>
    </row>
    <row r="1547" spans="1:4" x14ac:dyDescent="0.25">
      <c r="A1547" s="7">
        <f t="shared" ref="A1547:A1610" si="75">+A1546+1/24</f>
        <v>44626.124999996267</v>
      </c>
      <c r="B1547" s="8">
        <v>-4.9800999999999998E-2</v>
      </c>
      <c r="C1547">
        <f t="shared" si="73"/>
        <v>3</v>
      </c>
      <c r="D1547">
        <f t="shared" si="74"/>
        <v>3</v>
      </c>
    </row>
    <row r="1548" spans="1:4" x14ac:dyDescent="0.25">
      <c r="A1548" s="7">
        <f t="shared" si="75"/>
        <v>44626.166666662932</v>
      </c>
      <c r="B1548" s="8">
        <v>-4.9800999999999998E-2</v>
      </c>
      <c r="C1548">
        <f t="shared" si="73"/>
        <v>4</v>
      </c>
      <c r="D1548">
        <f t="shared" si="74"/>
        <v>3</v>
      </c>
    </row>
    <row r="1549" spans="1:4" x14ac:dyDescent="0.25">
      <c r="A1549" s="7">
        <f t="shared" si="75"/>
        <v>44626.208333329596</v>
      </c>
      <c r="B1549" s="8">
        <v>-4.9800999999999998E-2</v>
      </c>
      <c r="C1549">
        <f t="shared" si="73"/>
        <v>5</v>
      </c>
      <c r="D1549">
        <f t="shared" si="74"/>
        <v>3</v>
      </c>
    </row>
    <row r="1550" spans="1:4" x14ac:dyDescent="0.25">
      <c r="A1550" s="7">
        <f t="shared" si="75"/>
        <v>44626.24999999626</v>
      </c>
      <c r="B1550" s="8">
        <v>-4.9800999999999998E-2</v>
      </c>
      <c r="C1550">
        <f t="shared" si="73"/>
        <v>6</v>
      </c>
      <c r="D1550">
        <f t="shared" si="74"/>
        <v>3</v>
      </c>
    </row>
    <row r="1551" spans="1:4" x14ac:dyDescent="0.25">
      <c r="A1551" s="7">
        <f t="shared" si="75"/>
        <v>44626.291666662924</v>
      </c>
      <c r="B1551" s="8">
        <v>-4.9800999999999998E-2</v>
      </c>
      <c r="C1551">
        <f t="shared" si="73"/>
        <v>7</v>
      </c>
      <c r="D1551">
        <f t="shared" si="74"/>
        <v>3</v>
      </c>
    </row>
    <row r="1552" spans="1:4" x14ac:dyDescent="0.25">
      <c r="A1552" s="7">
        <f t="shared" si="75"/>
        <v>44626.333333329589</v>
      </c>
      <c r="B1552" s="8">
        <v>0.62020596748295809</v>
      </c>
      <c r="C1552">
        <f t="shared" si="73"/>
        <v>8</v>
      </c>
      <c r="D1552">
        <f t="shared" si="74"/>
        <v>3</v>
      </c>
    </row>
    <row r="1553" spans="1:4" x14ac:dyDescent="0.25">
      <c r="A1553" s="7">
        <f t="shared" si="75"/>
        <v>44626.374999996253</v>
      </c>
      <c r="B1553" s="8">
        <v>1.155108905425988</v>
      </c>
      <c r="C1553">
        <f t="shared" si="73"/>
        <v>9</v>
      </c>
      <c r="D1553">
        <f t="shared" si="74"/>
        <v>3</v>
      </c>
    </row>
    <row r="1554" spans="1:4" x14ac:dyDescent="0.25">
      <c r="A1554" s="7">
        <f t="shared" si="75"/>
        <v>44626.416666662917</v>
      </c>
      <c r="B1554" s="8">
        <v>1.7206633844236037</v>
      </c>
      <c r="C1554">
        <f t="shared" si="73"/>
        <v>10</v>
      </c>
      <c r="D1554">
        <f t="shared" si="74"/>
        <v>3</v>
      </c>
    </row>
    <row r="1555" spans="1:4" x14ac:dyDescent="0.25">
      <c r="A1555" s="7">
        <f t="shared" si="75"/>
        <v>44626.458333329581</v>
      </c>
      <c r="B1555" s="8">
        <v>2.330293173758478</v>
      </c>
      <c r="C1555">
        <f t="shared" si="73"/>
        <v>11</v>
      </c>
      <c r="D1555">
        <f t="shared" si="74"/>
        <v>3</v>
      </c>
    </row>
    <row r="1556" spans="1:4" x14ac:dyDescent="0.25">
      <c r="A1556" s="7">
        <f t="shared" si="75"/>
        <v>44626.499999996246</v>
      </c>
      <c r="B1556" s="8">
        <v>2.7783079952397562</v>
      </c>
      <c r="C1556">
        <f t="shared" si="73"/>
        <v>12</v>
      </c>
      <c r="D1556">
        <f t="shared" si="74"/>
        <v>3</v>
      </c>
    </row>
    <row r="1557" spans="1:4" x14ac:dyDescent="0.25">
      <c r="A1557" s="7">
        <f t="shared" si="75"/>
        <v>44626.54166666291</v>
      </c>
      <c r="B1557" s="8">
        <v>2.8682621933610819</v>
      </c>
      <c r="C1557">
        <f t="shared" si="73"/>
        <v>13</v>
      </c>
      <c r="D1557">
        <f t="shared" si="74"/>
        <v>3</v>
      </c>
    </row>
    <row r="1558" spans="1:4" x14ac:dyDescent="0.25">
      <c r="A1558" s="7">
        <f t="shared" si="75"/>
        <v>44626.583333329574</v>
      </c>
      <c r="B1558" s="8">
        <v>2.8178176780973807</v>
      </c>
      <c r="C1558">
        <f t="shared" si="73"/>
        <v>14</v>
      </c>
      <c r="D1558">
        <f t="shared" si="74"/>
        <v>3</v>
      </c>
    </row>
    <row r="1559" spans="1:4" x14ac:dyDescent="0.25">
      <c r="A1559" s="7">
        <f t="shared" si="75"/>
        <v>44626.624999996238</v>
      </c>
      <c r="B1559" s="8">
        <v>2.4947557327466634</v>
      </c>
      <c r="C1559">
        <f t="shared" si="73"/>
        <v>15</v>
      </c>
      <c r="D1559">
        <f t="shared" si="74"/>
        <v>3</v>
      </c>
    </row>
    <row r="1560" spans="1:4" x14ac:dyDescent="0.25">
      <c r="A1560" s="7">
        <f t="shared" si="75"/>
        <v>44626.666666662903</v>
      </c>
      <c r="B1560" s="8">
        <v>2.0601358233089084</v>
      </c>
      <c r="C1560">
        <f t="shared" si="73"/>
        <v>16</v>
      </c>
      <c r="D1560">
        <f t="shared" si="74"/>
        <v>3</v>
      </c>
    </row>
    <row r="1561" spans="1:4" x14ac:dyDescent="0.25">
      <c r="A1561" s="7">
        <f t="shared" si="75"/>
        <v>44626.708333329567</v>
      </c>
      <c r="B1561" s="8">
        <v>1.2742542621778266</v>
      </c>
      <c r="C1561">
        <f t="shared" si="73"/>
        <v>17</v>
      </c>
      <c r="D1561">
        <f t="shared" si="74"/>
        <v>3</v>
      </c>
    </row>
    <row r="1562" spans="1:4" x14ac:dyDescent="0.25">
      <c r="A1562" s="7">
        <f t="shared" si="75"/>
        <v>44626.749999996231</v>
      </c>
      <c r="B1562" s="8">
        <v>0.86359925923757652</v>
      </c>
      <c r="C1562">
        <f t="shared" si="73"/>
        <v>18</v>
      </c>
      <c r="D1562">
        <f t="shared" si="74"/>
        <v>3</v>
      </c>
    </row>
    <row r="1563" spans="1:4" x14ac:dyDescent="0.25">
      <c r="A1563" s="7">
        <f t="shared" si="75"/>
        <v>44626.791666662895</v>
      </c>
      <c r="B1563" s="8">
        <v>-4.9800999999999998E-2</v>
      </c>
      <c r="C1563">
        <f t="shared" si="73"/>
        <v>19</v>
      </c>
      <c r="D1563">
        <f t="shared" si="74"/>
        <v>3</v>
      </c>
    </row>
    <row r="1564" spans="1:4" x14ac:dyDescent="0.25">
      <c r="A1564" s="7">
        <f t="shared" si="75"/>
        <v>44626.83333332956</v>
      </c>
      <c r="B1564" s="8">
        <v>-4.9800999999999998E-2</v>
      </c>
      <c r="C1564">
        <f t="shared" si="73"/>
        <v>20</v>
      </c>
      <c r="D1564">
        <f t="shared" si="74"/>
        <v>3</v>
      </c>
    </row>
    <row r="1565" spans="1:4" x14ac:dyDescent="0.25">
      <c r="A1565" s="7">
        <f t="shared" si="75"/>
        <v>44626.874999996224</v>
      </c>
      <c r="B1565" s="8">
        <v>-4.9800999999999998E-2</v>
      </c>
      <c r="C1565">
        <f t="shared" si="73"/>
        <v>21</v>
      </c>
      <c r="D1565">
        <f t="shared" si="74"/>
        <v>3</v>
      </c>
    </row>
    <row r="1566" spans="1:4" x14ac:dyDescent="0.25">
      <c r="A1566" s="7">
        <f t="shared" si="75"/>
        <v>44626.916666662888</v>
      </c>
      <c r="B1566" s="8">
        <v>-4.9800999999999998E-2</v>
      </c>
      <c r="C1566">
        <f t="shared" si="73"/>
        <v>22</v>
      </c>
      <c r="D1566">
        <f t="shared" si="74"/>
        <v>3</v>
      </c>
    </row>
    <row r="1567" spans="1:4" x14ac:dyDescent="0.25">
      <c r="A1567" s="7">
        <f t="shared" si="75"/>
        <v>44626.958333329552</v>
      </c>
      <c r="B1567" s="8">
        <v>-4.9800999999999998E-2</v>
      </c>
      <c r="C1567">
        <f t="shared" si="73"/>
        <v>23</v>
      </c>
      <c r="D1567">
        <f t="shared" si="74"/>
        <v>3</v>
      </c>
    </row>
    <row r="1568" spans="1:4" x14ac:dyDescent="0.25">
      <c r="A1568" s="7">
        <f t="shared" si="75"/>
        <v>44626.999999996217</v>
      </c>
      <c r="B1568" s="8">
        <v>-4.9800999999999998E-2</v>
      </c>
      <c r="C1568">
        <f t="shared" si="73"/>
        <v>0</v>
      </c>
      <c r="D1568">
        <f t="shared" si="74"/>
        <v>3</v>
      </c>
    </row>
    <row r="1569" spans="1:4" x14ac:dyDescent="0.25">
      <c r="A1569" s="7">
        <f t="shared" si="75"/>
        <v>44627.041666662881</v>
      </c>
      <c r="B1569" s="8">
        <v>-4.9800999999999998E-2</v>
      </c>
      <c r="C1569">
        <f t="shared" si="73"/>
        <v>1</v>
      </c>
      <c r="D1569">
        <f t="shared" si="74"/>
        <v>3</v>
      </c>
    </row>
    <row r="1570" spans="1:4" x14ac:dyDescent="0.25">
      <c r="A1570" s="7">
        <f t="shared" si="75"/>
        <v>44627.083333329545</v>
      </c>
      <c r="B1570" s="8">
        <v>-4.9800999999999998E-2</v>
      </c>
      <c r="C1570">
        <f t="shared" si="73"/>
        <v>2</v>
      </c>
      <c r="D1570">
        <f t="shared" si="74"/>
        <v>3</v>
      </c>
    </row>
    <row r="1571" spans="1:4" x14ac:dyDescent="0.25">
      <c r="A1571" s="7">
        <f t="shared" si="75"/>
        <v>44627.124999996209</v>
      </c>
      <c r="B1571" s="8">
        <v>-4.9800999999999998E-2</v>
      </c>
      <c r="C1571">
        <f t="shared" si="73"/>
        <v>3</v>
      </c>
      <c r="D1571">
        <f t="shared" si="74"/>
        <v>3</v>
      </c>
    </row>
    <row r="1572" spans="1:4" x14ac:dyDescent="0.25">
      <c r="A1572" s="7">
        <f t="shared" si="75"/>
        <v>44627.166666662873</v>
      </c>
      <c r="B1572" s="8">
        <v>-4.9800999999999998E-2</v>
      </c>
      <c r="C1572">
        <f t="shared" si="73"/>
        <v>4</v>
      </c>
      <c r="D1572">
        <f t="shared" si="74"/>
        <v>3</v>
      </c>
    </row>
    <row r="1573" spans="1:4" x14ac:dyDescent="0.25">
      <c r="A1573" s="7">
        <f t="shared" si="75"/>
        <v>44627.208333329538</v>
      </c>
      <c r="B1573" s="8">
        <v>-4.9800999999999998E-2</v>
      </c>
      <c r="C1573">
        <f t="shared" si="73"/>
        <v>5</v>
      </c>
      <c r="D1573">
        <f t="shared" si="74"/>
        <v>3</v>
      </c>
    </row>
    <row r="1574" spans="1:4" x14ac:dyDescent="0.25">
      <c r="A1574" s="7">
        <f t="shared" si="75"/>
        <v>44627.249999996202</v>
      </c>
      <c r="B1574" s="8">
        <v>-4.9800999999999998E-2</v>
      </c>
      <c r="C1574">
        <f t="shared" si="73"/>
        <v>6</v>
      </c>
      <c r="D1574">
        <f t="shared" si="74"/>
        <v>3</v>
      </c>
    </row>
    <row r="1575" spans="1:4" x14ac:dyDescent="0.25">
      <c r="A1575" s="7">
        <f t="shared" si="75"/>
        <v>44627.291666662866</v>
      </c>
      <c r="B1575" s="8">
        <v>-4.9800999999999998E-2</v>
      </c>
      <c r="C1575">
        <f t="shared" si="73"/>
        <v>7</v>
      </c>
      <c r="D1575">
        <f t="shared" si="74"/>
        <v>3</v>
      </c>
    </row>
    <row r="1576" spans="1:4" x14ac:dyDescent="0.25">
      <c r="A1576" s="7">
        <f t="shared" si="75"/>
        <v>44627.33333332953</v>
      </c>
      <c r="B1576" s="8">
        <v>0.22215024127826868</v>
      </c>
      <c r="C1576">
        <f t="shared" si="73"/>
        <v>8</v>
      </c>
      <c r="D1576">
        <f t="shared" si="74"/>
        <v>3</v>
      </c>
    </row>
    <row r="1577" spans="1:4" x14ac:dyDescent="0.25">
      <c r="A1577" s="7">
        <f t="shared" si="75"/>
        <v>44627.374999996195</v>
      </c>
      <c r="B1577" s="8">
        <v>2.7778844121936777</v>
      </c>
      <c r="C1577">
        <f t="shared" si="73"/>
        <v>9</v>
      </c>
      <c r="D1577">
        <f t="shared" si="74"/>
        <v>3</v>
      </c>
    </row>
    <row r="1578" spans="1:4" x14ac:dyDescent="0.25">
      <c r="A1578" s="7">
        <f t="shared" si="75"/>
        <v>44627.416666662859</v>
      </c>
      <c r="B1578" s="8">
        <v>6.9233577041296686</v>
      </c>
      <c r="C1578">
        <f t="shared" si="73"/>
        <v>10</v>
      </c>
      <c r="D1578">
        <f t="shared" si="74"/>
        <v>3</v>
      </c>
    </row>
    <row r="1579" spans="1:4" x14ac:dyDescent="0.25">
      <c r="A1579" s="7">
        <f t="shared" si="75"/>
        <v>44627.458333329523</v>
      </c>
      <c r="B1579" s="8">
        <v>17.648859697420903</v>
      </c>
      <c r="C1579">
        <f t="shared" si="73"/>
        <v>11</v>
      </c>
      <c r="D1579">
        <f t="shared" si="74"/>
        <v>3</v>
      </c>
    </row>
    <row r="1580" spans="1:4" x14ac:dyDescent="0.25">
      <c r="A1580" s="7">
        <f t="shared" si="75"/>
        <v>44627.499999996187</v>
      </c>
      <c r="B1580" s="8">
        <v>20.451293375204852</v>
      </c>
      <c r="C1580">
        <f t="shared" si="73"/>
        <v>12</v>
      </c>
      <c r="D1580">
        <f t="shared" si="74"/>
        <v>3</v>
      </c>
    </row>
    <row r="1581" spans="1:4" x14ac:dyDescent="0.25">
      <c r="A1581" s="7">
        <f t="shared" si="75"/>
        <v>44627.541666662852</v>
      </c>
      <c r="B1581" s="8">
        <v>20.451304711977375</v>
      </c>
      <c r="C1581">
        <f t="shared" si="73"/>
        <v>13</v>
      </c>
      <c r="D1581">
        <f t="shared" si="74"/>
        <v>3</v>
      </c>
    </row>
    <row r="1582" spans="1:4" x14ac:dyDescent="0.25">
      <c r="A1582" s="7">
        <f t="shared" si="75"/>
        <v>44627.583333329516</v>
      </c>
      <c r="B1582" s="8">
        <v>20.451316048749899</v>
      </c>
      <c r="C1582">
        <f t="shared" si="73"/>
        <v>14</v>
      </c>
      <c r="D1582">
        <f t="shared" si="74"/>
        <v>3</v>
      </c>
    </row>
    <row r="1583" spans="1:4" x14ac:dyDescent="0.25">
      <c r="A1583" s="7">
        <f t="shared" si="75"/>
        <v>44627.62499999618</v>
      </c>
      <c r="B1583" s="8">
        <v>20.451239783189287</v>
      </c>
      <c r="C1583">
        <f t="shared" si="73"/>
        <v>15</v>
      </c>
      <c r="D1583">
        <f t="shared" si="74"/>
        <v>3</v>
      </c>
    </row>
    <row r="1584" spans="1:4" x14ac:dyDescent="0.25">
      <c r="A1584" s="7">
        <f t="shared" si="75"/>
        <v>44627.666666662844</v>
      </c>
      <c r="B1584" s="8">
        <v>18.277354906849393</v>
      </c>
      <c r="C1584">
        <f t="shared" si="73"/>
        <v>16</v>
      </c>
      <c r="D1584">
        <f t="shared" si="74"/>
        <v>3</v>
      </c>
    </row>
    <row r="1585" spans="1:4" x14ac:dyDescent="0.25">
      <c r="A1585" s="7">
        <f t="shared" si="75"/>
        <v>44627.708333329509</v>
      </c>
      <c r="B1585" s="8">
        <v>12.039406102059695</v>
      </c>
      <c r="C1585">
        <f t="shared" si="73"/>
        <v>17</v>
      </c>
      <c r="D1585">
        <f t="shared" si="74"/>
        <v>3</v>
      </c>
    </row>
    <row r="1586" spans="1:4" x14ac:dyDescent="0.25">
      <c r="A1586" s="7">
        <f t="shared" si="75"/>
        <v>44627.749999996173</v>
      </c>
      <c r="B1586" s="8">
        <v>4.6133594144183609</v>
      </c>
      <c r="C1586">
        <f t="shared" si="73"/>
        <v>18</v>
      </c>
      <c r="D1586">
        <f t="shared" si="74"/>
        <v>3</v>
      </c>
    </row>
    <row r="1587" spans="1:4" x14ac:dyDescent="0.25">
      <c r="A1587" s="7">
        <f t="shared" si="75"/>
        <v>44627.791666662837</v>
      </c>
      <c r="B1587" s="8">
        <v>-4.9800999999999998E-2</v>
      </c>
      <c r="C1587">
        <f t="shared" si="73"/>
        <v>19</v>
      </c>
      <c r="D1587">
        <f t="shared" si="74"/>
        <v>3</v>
      </c>
    </row>
    <row r="1588" spans="1:4" x14ac:dyDescent="0.25">
      <c r="A1588" s="7">
        <f t="shared" si="75"/>
        <v>44627.833333329501</v>
      </c>
      <c r="B1588" s="8">
        <v>-4.9800999999999998E-2</v>
      </c>
      <c r="C1588">
        <f t="shared" si="73"/>
        <v>20</v>
      </c>
      <c r="D1588">
        <f t="shared" si="74"/>
        <v>3</v>
      </c>
    </row>
    <row r="1589" spans="1:4" x14ac:dyDescent="0.25">
      <c r="A1589" s="7">
        <f t="shared" si="75"/>
        <v>44627.874999996166</v>
      </c>
      <c r="B1589" s="8">
        <v>-4.9800999999999998E-2</v>
      </c>
      <c r="C1589">
        <f t="shared" si="73"/>
        <v>21</v>
      </c>
      <c r="D1589">
        <f t="shared" si="74"/>
        <v>3</v>
      </c>
    </row>
    <row r="1590" spans="1:4" x14ac:dyDescent="0.25">
      <c r="A1590" s="7">
        <f t="shared" si="75"/>
        <v>44627.91666666283</v>
      </c>
      <c r="B1590" s="8">
        <v>-4.9800999999999998E-2</v>
      </c>
      <c r="C1590">
        <f t="shared" si="73"/>
        <v>22</v>
      </c>
      <c r="D1590">
        <f t="shared" si="74"/>
        <v>3</v>
      </c>
    </row>
    <row r="1591" spans="1:4" x14ac:dyDescent="0.25">
      <c r="A1591" s="7">
        <f t="shared" si="75"/>
        <v>44627.958333329494</v>
      </c>
      <c r="B1591" s="8">
        <v>-4.9800999999999998E-2</v>
      </c>
      <c r="C1591">
        <f t="shared" si="73"/>
        <v>23</v>
      </c>
      <c r="D1591">
        <f t="shared" si="74"/>
        <v>3</v>
      </c>
    </row>
    <row r="1592" spans="1:4" x14ac:dyDescent="0.25">
      <c r="A1592" s="7">
        <f t="shared" si="75"/>
        <v>44627.999999996158</v>
      </c>
      <c r="B1592" s="8">
        <v>-4.9800999999999998E-2</v>
      </c>
      <c r="C1592">
        <f t="shared" si="73"/>
        <v>0</v>
      </c>
      <c r="D1592">
        <f t="shared" si="74"/>
        <v>3</v>
      </c>
    </row>
    <row r="1593" spans="1:4" x14ac:dyDescent="0.25">
      <c r="A1593" s="7">
        <f t="shared" si="75"/>
        <v>44628.041666662823</v>
      </c>
      <c r="B1593" s="8">
        <v>-4.9800999999999998E-2</v>
      </c>
      <c r="C1593">
        <f t="shared" si="73"/>
        <v>1</v>
      </c>
      <c r="D1593">
        <f t="shared" si="74"/>
        <v>3</v>
      </c>
    </row>
    <row r="1594" spans="1:4" x14ac:dyDescent="0.25">
      <c r="A1594" s="7">
        <f t="shared" si="75"/>
        <v>44628.083333329487</v>
      </c>
      <c r="B1594" s="8">
        <v>-4.9800999999999998E-2</v>
      </c>
      <c r="C1594">
        <f t="shared" si="73"/>
        <v>2</v>
      </c>
      <c r="D1594">
        <f t="shared" si="74"/>
        <v>3</v>
      </c>
    </row>
    <row r="1595" spans="1:4" x14ac:dyDescent="0.25">
      <c r="A1595" s="7">
        <f t="shared" si="75"/>
        <v>44628.124999996151</v>
      </c>
      <c r="B1595" s="8">
        <v>-4.9800999999999998E-2</v>
      </c>
      <c r="C1595">
        <f t="shared" si="73"/>
        <v>3</v>
      </c>
      <c r="D1595">
        <f t="shared" si="74"/>
        <v>3</v>
      </c>
    </row>
    <row r="1596" spans="1:4" x14ac:dyDescent="0.25">
      <c r="A1596" s="7">
        <f t="shared" si="75"/>
        <v>44628.166666662815</v>
      </c>
      <c r="B1596" s="8">
        <v>-4.9800999999999998E-2</v>
      </c>
      <c r="C1596">
        <f t="shared" si="73"/>
        <v>4</v>
      </c>
      <c r="D1596">
        <f t="shared" si="74"/>
        <v>3</v>
      </c>
    </row>
    <row r="1597" spans="1:4" x14ac:dyDescent="0.25">
      <c r="A1597" s="7">
        <f t="shared" si="75"/>
        <v>44628.20833332948</v>
      </c>
      <c r="B1597" s="8">
        <v>-4.9800999999999998E-2</v>
      </c>
      <c r="C1597">
        <f t="shared" si="73"/>
        <v>5</v>
      </c>
      <c r="D1597">
        <f t="shared" si="74"/>
        <v>3</v>
      </c>
    </row>
    <row r="1598" spans="1:4" x14ac:dyDescent="0.25">
      <c r="A1598" s="7">
        <f t="shared" si="75"/>
        <v>44628.249999996144</v>
      </c>
      <c r="B1598" s="8">
        <v>-4.9800999999999998E-2</v>
      </c>
      <c r="C1598">
        <f t="shared" si="73"/>
        <v>6</v>
      </c>
      <c r="D1598">
        <f t="shared" si="74"/>
        <v>3</v>
      </c>
    </row>
    <row r="1599" spans="1:4" x14ac:dyDescent="0.25">
      <c r="A1599" s="7">
        <f t="shared" si="75"/>
        <v>44628.291666662808</v>
      </c>
      <c r="B1599" s="8">
        <v>-4.9800999999999998E-2</v>
      </c>
      <c r="C1599">
        <f t="shared" si="73"/>
        <v>7</v>
      </c>
      <c r="D1599">
        <f t="shared" si="74"/>
        <v>3</v>
      </c>
    </row>
    <row r="1600" spans="1:4" x14ac:dyDescent="0.25">
      <c r="A1600" s="7">
        <f t="shared" si="75"/>
        <v>44628.333333329472</v>
      </c>
      <c r="B1600" s="8">
        <v>0.9958849659590181</v>
      </c>
      <c r="C1600">
        <f t="shared" si="73"/>
        <v>8</v>
      </c>
      <c r="D1600">
        <f t="shared" si="74"/>
        <v>3</v>
      </c>
    </row>
    <row r="1601" spans="1:4" x14ac:dyDescent="0.25">
      <c r="A1601" s="7">
        <f t="shared" si="75"/>
        <v>44628.374999996136</v>
      </c>
      <c r="B1601" s="8">
        <v>7.4804230017390783</v>
      </c>
      <c r="C1601">
        <f t="shared" si="73"/>
        <v>9</v>
      </c>
      <c r="D1601">
        <f t="shared" si="74"/>
        <v>3</v>
      </c>
    </row>
    <row r="1602" spans="1:4" x14ac:dyDescent="0.25">
      <c r="A1602" s="7">
        <f t="shared" si="75"/>
        <v>44628.416666662801</v>
      </c>
      <c r="B1602" s="8">
        <v>4.478413688616798</v>
      </c>
      <c r="C1602">
        <f t="shared" si="73"/>
        <v>10</v>
      </c>
      <c r="D1602">
        <f t="shared" si="74"/>
        <v>3</v>
      </c>
    </row>
    <row r="1603" spans="1:4" x14ac:dyDescent="0.25">
      <c r="A1603" s="7">
        <f t="shared" si="75"/>
        <v>44628.458333329465</v>
      </c>
      <c r="B1603" s="8">
        <v>8.4220728479490443</v>
      </c>
      <c r="C1603">
        <f t="shared" si="73"/>
        <v>11</v>
      </c>
      <c r="D1603">
        <f t="shared" si="74"/>
        <v>3</v>
      </c>
    </row>
    <row r="1604" spans="1:4" x14ac:dyDescent="0.25">
      <c r="A1604" s="7">
        <f t="shared" si="75"/>
        <v>44628.499999996129</v>
      </c>
      <c r="B1604" s="8">
        <v>4.8760623216263506</v>
      </c>
      <c r="C1604">
        <f t="shared" si="73"/>
        <v>12</v>
      </c>
      <c r="D1604">
        <f t="shared" si="74"/>
        <v>3</v>
      </c>
    </row>
    <row r="1605" spans="1:4" x14ac:dyDescent="0.25">
      <c r="A1605" s="7">
        <f t="shared" si="75"/>
        <v>44628.541666662793</v>
      </c>
      <c r="B1605" s="8">
        <v>4.439585242726225</v>
      </c>
      <c r="C1605">
        <f t="shared" si="73"/>
        <v>13</v>
      </c>
      <c r="D1605">
        <f t="shared" si="74"/>
        <v>3</v>
      </c>
    </row>
    <row r="1606" spans="1:4" x14ac:dyDescent="0.25">
      <c r="A1606" s="7">
        <f t="shared" si="75"/>
        <v>44628.583333329458</v>
      </c>
      <c r="B1606" s="8">
        <v>3.0837062183842758</v>
      </c>
      <c r="C1606">
        <f t="shared" si="73"/>
        <v>14</v>
      </c>
      <c r="D1606">
        <f t="shared" si="74"/>
        <v>3</v>
      </c>
    </row>
    <row r="1607" spans="1:4" x14ac:dyDescent="0.25">
      <c r="A1607" s="7">
        <f t="shared" si="75"/>
        <v>44628.624999996122</v>
      </c>
      <c r="B1607" s="8">
        <v>2.8655619802692893</v>
      </c>
      <c r="C1607">
        <f t="shared" si="73"/>
        <v>15</v>
      </c>
      <c r="D1607">
        <f t="shared" si="74"/>
        <v>3</v>
      </c>
    </row>
    <row r="1608" spans="1:4" x14ac:dyDescent="0.25">
      <c r="A1608" s="7">
        <f t="shared" si="75"/>
        <v>44628.666666662786</v>
      </c>
      <c r="B1608" s="8">
        <v>3.7871003920238184</v>
      </c>
      <c r="C1608">
        <f t="shared" si="73"/>
        <v>16</v>
      </c>
      <c r="D1608">
        <f t="shared" si="74"/>
        <v>3</v>
      </c>
    </row>
    <row r="1609" spans="1:4" x14ac:dyDescent="0.25">
      <c r="A1609" s="7">
        <f t="shared" si="75"/>
        <v>44628.70833332945</v>
      </c>
      <c r="B1609" s="8">
        <v>2.2114745221784329</v>
      </c>
      <c r="C1609">
        <f t="shared" si="73"/>
        <v>17</v>
      </c>
      <c r="D1609">
        <f t="shared" si="74"/>
        <v>3</v>
      </c>
    </row>
    <row r="1610" spans="1:4" x14ac:dyDescent="0.25">
      <c r="A1610" s="7">
        <f t="shared" si="75"/>
        <v>44628.749999996115</v>
      </c>
      <c r="B1610" s="8">
        <v>1.2984974349099814</v>
      </c>
      <c r="C1610">
        <f t="shared" ref="C1610:C1673" si="76">HOUR(A1610)</f>
        <v>18</v>
      </c>
      <c r="D1610">
        <f t="shared" ref="D1610:D1673" si="77">MONTH(A1610)</f>
        <v>3</v>
      </c>
    </row>
    <row r="1611" spans="1:4" x14ac:dyDescent="0.25">
      <c r="A1611" s="7">
        <f t="shared" ref="A1611:A1674" si="78">+A1610+1/24</f>
        <v>44628.791666662779</v>
      </c>
      <c r="B1611" s="8">
        <v>-4.9800999999999998E-2</v>
      </c>
      <c r="C1611">
        <f t="shared" si="76"/>
        <v>19</v>
      </c>
      <c r="D1611">
        <f t="shared" si="77"/>
        <v>3</v>
      </c>
    </row>
    <row r="1612" spans="1:4" x14ac:dyDescent="0.25">
      <c r="A1612" s="7">
        <f t="shared" si="78"/>
        <v>44628.833333329443</v>
      </c>
      <c r="B1612" s="8">
        <v>-4.9800999999999998E-2</v>
      </c>
      <c r="C1612">
        <f t="shared" si="76"/>
        <v>20</v>
      </c>
      <c r="D1612">
        <f t="shared" si="77"/>
        <v>3</v>
      </c>
    </row>
    <row r="1613" spans="1:4" x14ac:dyDescent="0.25">
      <c r="A1613" s="7">
        <f t="shared" si="78"/>
        <v>44628.874999996107</v>
      </c>
      <c r="B1613" s="8">
        <v>-4.9800999999999998E-2</v>
      </c>
      <c r="C1613">
        <f t="shared" si="76"/>
        <v>21</v>
      </c>
      <c r="D1613">
        <f t="shared" si="77"/>
        <v>3</v>
      </c>
    </row>
    <row r="1614" spans="1:4" x14ac:dyDescent="0.25">
      <c r="A1614" s="7">
        <f t="shared" si="78"/>
        <v>44628.916666662772</v>
      </c>
      <c r="B1614" s="8">
        <v>-4.9800999999999998E-2</v>
      </c>
      <c r="C1614">
        <f t="shared" si="76"/>
        <v>22</v>
      </c>
      <c r="D1614">
        <f t="shared" si="77"/>
        <v>3</v>
      </c>
    </row>
    <row r="1615" spans="1:4" x14ac:dyDescent="0.25">
      <c r="A1615" s="7">
        <f t="shared" si="78"/>
        <v>44628.958333329436</v>
      </c>
      <c r="B1615" s="8">
        <v>-4.9800999999999998E-2</v>
      </c>
      <c r="C1615">
        <f t="shared" si="76"/>
        <v>23</v>
      </c>
      <c r="D1615">
        <f t="shared" si="77"/>
        <v>3</v>
      </c>
    </row>
    <row r="1616" spans="1:4" x14ac:dyDescent="0.25">
      <c r="A1616" s="7">
        <f t="shared" si="78"/>
        <v>44628.9999999961</v>
      </c>
      <c r="B1616" s="8">
        <v>-4.9800999999999998E-2</v>
      </c>
      <c r="C1616">
        <f t="shared" si="76"/>
        <v>0</v>
      </c>
      <c r="D1616">
        <f t="shared" si="77"/>
        <v>3</v>
      </c>
    </row>
    <row r="1617" spans="1:4" x14ac:dyDescent="0.25">
      <c r="A1617" s="7">
        <f t="shared" si="78"/>
        <v>44629.041666662764</v>
      </c>
      <c r="B1617" s="8">
        <v>-4.9800999999999998E-2</v>
      </c>
      <c r="C1617">
        <f t="shared" si="76"/>
        <v>1</v>
      </c>
      <c r="D1617">
        <f t="shared" si="77"/>
        <v>3</v>
      </c>
    </row>
    <row r="1618" spans="1:4" x14ac:dyDescent="0.25">
      <c r="A1618" s="7">
        <f t="shared" si="78"/>
        <v>44629.083333329429</v>
      </c>
      <c r="B1618" s="8">
        <v>-4.9800999999999998E-2</v>
      </c>
      <c r="C1618">
        <f t="shared" si="76"/>
        <v>2</v>
      </c>
      <c r="D1618">
        <f t="shared" si="77"/>
        <v>3</v>
      </c>
    </row>
    <row r="1619" spans="1:4" x14ac:dyDescent="0.25">
      <c r="A1619" s="7">
        <f t="shared" si="78"/>
        <v>44629.124999996093</v>
      </c>
      <c r="B1619" s="8">
        <v>-4.9800999999999998E-2</v>
      </c>
      <c r="C1619">
        <f t="shared" si="76"/>
        <v>3</v>
      </c>
      <c r="D1619">
        <f t="shared" si="77"/>
        <v>3</v>
      </c>
    </row>
    <row r="1620" spans="1:4" x14ac:dyDescent="0.25">
      <c r="A1620" s="7">
        <f t="shared" si="78"/>
        <v>44629.166666662757</v>
      </c>
      <c r="B1620" s="8">
        <v>-4.9800999999999998E-2</v>
      </c>
      <c r="C1620">
        <f t="shared" si="76"/>
        <v>4</v>
      </c>
      <c r="D1620">
        <f t="shared" si="77"/>
        <v>3</v>
      </c>
    </row>
    <row r="1621" spans="1:4" x14ac:dyDescent="0.25">
      <c r="A1621" s="7">
        <f t="shared" si="78"/>
        <v>44629.208333329421</v>
      </c>
      <c r="B1621" s="8">
        <v>-4.9800999999999998E-2</v>
      </c>
      <c r="C1621">
        <f t="shared" si="76"/>
        <v>5</v>
      </c>
      <c r="D1621">
        <f t="shared" si="77"/>
        <v>3</v>
      </c>
    </row>
    <row r="1622" spans="1:4" x14ac:dyDescent="0.25">
      <c r="A1622" s="7">
        <f t="shared" si="78"/>
        <v>44629.249999996086</v>
      </c>
      <c r="B1622" s="8">
        <v>-4.9800999999999998E-2</v>
      </c>
      <c r="C1622">
        <f t="shared" si="76"/>
        <v>6</v>
      </c>
      <c r="D1622">
        <f t="shared" si="77"/>
        <v>3</v>
      </c>
    </row>
    <row r="1623" spans="1:4" x14ac:dyDescent="0.25">
      <c r="A1623" s="7">
        <f t="shared" si="78"/>
        <v>44629.29166666275</v>
      </c>
      <c r="B1623" s="8">
        <v>-4.9800999999999998E-2</v>
      </c>
      <c r="C1623">
        <f t="shared" si="76"/>
        <v>7</v>
      </c>
      <c r="D1623">
        <f t="shared" si="77"/>
        <v>3</v>
      </c>
    </row>
    <row r="1624" spans="1:4" x14ac:dyDescent="0.25">
      <c r="A1624" s="7">
        <f t="shared" si="78"/>
        <v>44629.333333329414</v>
      </c>
      <c r="B1624" s="8">
        <v>1.5897700394910981</v>
      </c>
      <c r="C1624">
        <f t="shared" si="76"/>
        <v>8</v>
      </c>
      <c r="D1624">
        <f t="shared" si="77"/>
        <v>3</v>
      </c>
    </row>
    <row r="1625" spans="1:4" x14ac:dyDescent="0.25">
      <c r="A1625" s="7">
        <f t="shared" si="78"/>
        <v>44629.374999996078</v>
      </c>
      <c r="B1625" s="8">
        <v>4.0216540930577089</v>
      </c>
      <c r="C1625">
        <f t="shared" si="76"/>
        <v>9</v>
      </c>
      <c r="D1625">
        <f t="shared" si="77"/>
        <v>3</v>
      </c>
    </row>
    <row r="1626" spans="1:4" x14ac:dyDescent="0.25">
      <c r="A1626" s="7">
        <f t="shared" si="78"/>
        <v>44629.416666662743</v>
      </c>
      <c r="B1626" s="8">
        <v>3.2265907767988464</v>
      </c>
      <c r="C1626">
        <f t="shared" si="76"/>
        <v>10</v>
      </c>
      <c r="D1626">
        <f t="shared" si="77"/>
        <v>3</v>
      </c>
    </row>
    <row r="1627" spans="1:4" x14ac:dyDescent="0.25">
      <c r="A1627" s="7">
        <f t="shared" si="78"/>
        <v>44629.458333329407</v>
      </c>
      <c r="B1627" s="8">
        <v>7.2376274670811158</v>
      </c>
      <c r="C1627">
        <f t="shared" si="76"/>
        <v>11</v>
      </c>
      <c r="D1627">
        <f t="shared" si="77"/>
        <v>3</v>
      </c>
    </row>
    <row r="1628" spans="1:4" x14ac:dyDescent="0.25">
      <c r="A1628" s="7">
        <f t="shared" si="78"/>
        <v>44629.499999996071</v>
      </c>
      <c r="B1628" s="8">
        <v>4.5554625171444476</v>
      </c>
      <c r="C1628">
        <f t="shared" si="76"/>
        <v>12</v>
      </c>
      <c r="D1628">
        <f t="shared" si="77"/>
        <v>3</v>
      </c>
    </row>
    <row r="1629" spans="1:4" x14ac:dyDescent="0.25">
      <c r="A1629" s="7">
        <f t="shared" si="78"/>
        <v>44629.541666662735</v>
      </c>
      <c r="B1629" s="8">
        <v>15.521120638327202</v>
      </c>
      <c r="C1629">
        <f t="shared" si="76"/>
        <v>13</v>
      </c>
      <c r="D1629">
        <f t="shared" si="77"/>
        <v>3</v>
      </c>
    </row>
    <row r="1630" spans="1:4" x14ac:dyDescent="0.25">
      <c r="A1630" s="7">
        <f t="shared" si="78"/>
        <v>44629.583333329399</v>
      </c>
      <c r="B1630" s="8">
        <v>15.61480566522421</v>
      </c>
      <c r="C1630">
        <f t="shared" si="76"/>
        <v>14</v>
      </c>
      <c r="D1630">
        <f t="shared" si="77"/>
        <v>3</v>
      </c>
    </row>
    <row r="1631" spans="1:4" x14ac:dyDescent="0.25">
      <c r="A1631" s="7">
        <f t="shared" si="78"/>
        <v>44629.624999996064</v>
      </c>
      <c r="B1631" s="8">
        <v>12.264339005684468</v>
      </c>
      <c r="C1631">
        <f t="shared" si="76"/>
        <v>15</v>
      </c>
      <c r="D1631">
        <f t="shared" si="77"/>
        <v>3</v>
      </c>
    </row>
    <row r="1632" spans="1:4" x14ac:dyDescent="0.25">
      <c r="A1632" s="7">
        <f t="shared" si="78"/>
        <v>44629.666666662728</v>
      </c>
      <c r="B1632" s="8">
        <v>11.205984300662115</v>
      </c>
      <c r="C1632">
        <f t="shared" si="76"/>
        <v>16</v>
      </c>
      <c r="D1632">
        <f t="shared" si="77"/>
        <v>3</v>
      </c>
    </row>
    <row r="1633" spans="1:4" x14ac:dyDescent="0.25">
      <c r="A1633" s="7">
        <f t="shared" si="78"/>
        <v>44629.708333329392</v>
      </c>
      <c r="B1633" s="8">
        <v>5.9729610226105221</v>
      </c>
      <c r="C1633">
        <f t="shared" si="76"/>
        <v>17</v>
      </c>
      <c r="D1633">
        <f t="shared" si="77"/>
        <v>3</v>
      </c>
    </row>
    <row r="1634" spans="1:4" x14ac:dyDescent="0.25">
      <c r="A1634" s="7">
        <f t="shared" si="78"/>
        <v>44629.749999996056</v>
      </c>
      <c r="B1634" s="8">
        <v>3.7480915883885655</v>
      </c>
      <c r="C1634">
        <f t="shared" si="76"/>
        <v>18</v>
      </c>
      <c r="D1634">
        <f t="shared" si="77"/>
        <v>3</v>
      </c>
    </row>
    <row r="1635" spans="1:4" x14ac:dyDescent="0.25">
      <c r="A1635" s="7">
        <f t="shared" si="78"/>
        <v>44629.791666662721</v>
      </c>
      <c r="B1635" s="8">
        <v>-4.9800999999999998E-2</v>
      </c>
      <c r="C1635">
        <f t="shared" si="76"/>
        <v>19</v>
      </c>
      <c r="D1635">
        <f t="shared" si="77"/>
        <v>3</v>
      </c>
    </row>
    <row r="1636" spans="1:4" x14ac:dyDescent="0.25">
      <c r="A1636" s="7">
        <f t="shared" si="78"/>
        <v>44629.833333329385</v>
      </c>
      <c r="B1636" s="8">
        <v>-4.9800999999999998E-2</v>
      </c>
      <c r="C1636">
        <f t="shared" si="76"/>
        <v>20</v>
      </c>
      <c r="D1636">
        <f t="shared" si="77"/>
        <v>3</v>
      </c>
    </row>
    <row r="1637" spans="1:4" x14ac:dyDescent="0.25">
      <c r="A1637" s="7">
        <f t="shared" si="78"/>
        <v>44629.874999996049</v>
      </c>
      <c r="B1637" s="8">
        <v>-4.9800999999999998E-2</v>
      </c>
      <c r="C1637">
        <f t="shared" si="76"/>
        <v>21</v>
      </c>
      <c r="D1637">
        <f t="shared" si="77"/>
        <v>3</v>
      </c>
    </row>
    <row r="1638" spans="1:4" x14ac:dyDescent="0.25">
      <c r="A1638" s="7">
        <f t="shared" si="78"/>
        <v>44629.916666662713</v>
      </c>
      <c r="B1638" s="8">
        <v>-4.9800999999999998E-2</v>
      </c>
      <c r="C1638">
        <f t="shared" si="76"/>
        <v>22</v>
      </c>
      <c r="D1638">
        <f t="shared" si="77"/>
        <v>3</v>
      </c>
    </row>
    <row r="1639" spans="1:4" x14ac:dyDescent="0.25">
      <c r="A1639" s="7">
        <f t="shared" si="78"/>
        <v>44629.958333329378</v>
      </c>
      <c r="B1639" s="8">
        <v>-4.9800999999999998E-2</v>
      </c>
      <c r="C1639">
        <f t="shared" si="76"/>
        <v>23</v>
      </c>
      <c r="D1639">
        <f t="shared" si="77"/>
        <v>3</v>
      </c>
    </row>
    <row r="1640" spans="1:4" x14ac:dyDescent="0.25">
      <c r="A1640" s="7">
        <f t="shared" si="78"/>
        <v>44629.999999996042</v>
      </c>
      <c r="B1640" s="8">
        <v>-4.9800999999999998E-2</v>
      </c>
      <c r="C1640">
        <f t="shared" si="76"/>
        <v>0</v>
      </c>
      <c r="D1640">
        <f t="shared" si="77"/>
        <v>3</v>
      </c>
    </row>
    <row r="1641" spans="1:4" x14ac:dyDescent="0.25">
      <c r="A1641" s="7">
        <f t="shared" si="78"/>
        <v>44630.041666662706</v>
      </c>
      <c r="B1641" s="8">
        <v>-4.9800999999999998E-2</v>
      </c>
      <c r="C1641">
        <f t="shared" si="76"/>
        <v>1</v>
      </c>
      <c r="D1641">
        <f t="shared" si="77"/>
        <v>3</v>
      </c>
    </row>
    <row r="1642" spans="1:4" x14ac:dyDescent="0.25">
      <c r="A1642" s="7">
        <f t="shared" si="78"/>
        <v>44630.08333332937</v>
      </c>
      <c r="B1642" s="8">
        <v>-4.9800999999999998E-2</v>
      </c>
      <c r="C1642">
        <f t="shared" si="76"/>
        <v>2</v>
      </c>
      <c r="D1642">
        <f t="shared" si="77"/>
        <v>3</v>
      </c>
    </row>
    <row r="1643" spans="1:4" x14ac:dyDescent="0.25">
      <c r="A1643" s="7">
        <f t="shared" si="78"/>
        <v>44630.124999996035</v>
      </c>
      <c r="B1643" s="8">
        <v>-4.9800999999999998E-2</v>
      </c>
      <c r="C1643">
        <f t="shared" si="76"/>
        <v>3</v>
      </c>
      <c r="D1643">
        <f t="shared" si="77"/>
        <v>3</v>
      </c>
    </row>
    <row r="1644" spans="1:4" x14ac:dyDescent="0.25">
      <c r="A1644" s="7">
        <f t="shared" si="78"/>
        <v>44630.166666662699</v>
      </c>
      <c r="B1644" s="8">
        <v>-4.9800999999999998E-2</v>
      </c>
      <c r="C1644">
        <f t="shared" si="76"/>
        <v>4</v>
      </c>
      <c r="D1644">
        <f t="shared" si="77"/>
        <v>3</v>
      </c>
    </row>
    <row r="1645" spans="1:4" x14ac:dyDescent="0.25">
      <c r="A1645" s="7">
        <f t="shared" si="78"/>
        <v>44630.208333329363</v>
      </c>
      <c r="B1645" s="8">
        <v>-4.9800999999999998E-2</v>
      </c>
      <c r="C1645">
        <f t="shared" si="76"/>
        <v>5</v>
      </c>
      <c r="D1645">
        <f t="shared" si="77"/>
        <v>3</v>
      </c>
    </row>
    <row r="1646" spans="1:4" x14ac:dyDescent="0.25">
      <c r="A1646" s="7">
        <f t="shared" si="78"/>
        <v>44630.249999996027</v>
      </c>
      <c r="B1646" s="8">
        <v>-4.9800999999999998E-2</v>
      </c>
      <c r="C1646">
        <f t="shared" si="76"/>
        <v>6</v>
      </c>
      <c r="D1646">
        <f t="shared" si="77"/>
        <v>3</v>
      </c>
    </row>
    <row r="1647" spans="1:4" x14ac:dyDescent="0.25">
      <c r="A1647" s="7">
        <f t="shared" si="78"/>
        <v>44630.291666662692</v>
      </c>
      <c r="B1647" s="8">
        <v>-4.9800999999999998E-2</v>
      </c>
      <c r="C1647">
        <f t="shared" si="76"/>
        <v>7</v>
      </c>
      <c r="D1647">
        <f t="shared" si="77"/>
        <v>3</v>
      </c>
    </row>
    <row r="1648" spans="1:4" x14ac:dyDescent="0.25">
      <c r="A1648" s="7">
        <f t="shared" si="78"/>
        <v>44630.333333329356</v>
      </c>
      <c r="B1648" s="8">
        <v>1.8286512957816443</v>
      </c>
      <c r="C1648">
        <f t="shared" si="76"/>
        <v>8</v>
      </c>
      <c r="D1648">
        <f t="shared" si="77"/>
        <v>3</v>
      </c>
    </row>
    <row r="1649" spans="1:4" x14ac:dyDescent="0.25">
      <c r="A1649" s="7">
        <f t="shared" si="78"/>
        <v>44630.37499999602</v>
      </c>
      <c r="B1649" s="8">
        <v>3.2007872519212812</v>
      </c>
      <c r="C1649">
        <f t="shared" si="76"/>
        <v>9</v>
      </c>
      <c r="D1649">
        <f t="shared" si="77"/>
        <v>3</v>
      </c>
    </row>
    <row r="1650" spans="1:4" x14ac:dyDescent="0.25">
      <c r="A1650" s="7">
        <f t="shared" si="78"/>
        <v>44630.416666662684</v>
      </c>
      <c r="B1650" s="8">
        <v>6.757570803987683</v>
      </c>
      <c r="C1650">
        <f t="shared" si="76"/>
        <v>10</v>
      </c>
      <c r="D1650">
        <f t="shared" si="77"/>
        <v>3</v>
      </c>
    </row>
    <row r="1651" spans="1:4" x14ac:dyDescent="0.25">
      <c r="A1651" s="7">
        <f t="shared" si="78"/>
        <v>44630.458333329349</v>
      </c>
      <c r="B1651" s="8">
        <v>17.427147467808286</v>
      </c>
      <c r="C1651">
        <f t="shared" si="76"/>
        <v>11</v>
      </c>
      <c r="D1651">
        <f t="shared" si="77"/>
        <v>3</v>
      </c>
    </row>
    <row r="1652" spans="1:4" x14ac:dyDescent="0.25">
      <c r="A1652" s="7">
        <f t="shared" si="78"/>
        <v>44630.499999996013</v>
      </c>
      <c r="B1652" s="8">
        <v>20.451287191510747</v>
      </c>
      <c r="C1652">
        <f t="shared" si="76"/>
        <v>12</v>
      </c>
      <c r="D1652">
        <f t="shared" si="77"/>
        <v>3</v>
      </c>
    </row>
    <row r="1653" spans="1:4" x14ac:dyDescent="0.25">
      <c r="A1653" s="7">
        <f t="shared" si="78"/>
        <v>44630.541666662677</v>
      </c>
      <c r="B1653" s="8">
        <v>20.45130368136169</v>
      </c>
      <c r="C1653">
        <f t="shared" si="76"/>
        <v>13</v>
      </c>
      <c r="D1653">
        <f t="shared" si="77"/>
        <v>3</v>
      </c>
    </row>
    <row r="1654" spans="1:4" x14ac:dyDescent="0.25">
      <c r="A1654" s="7">
        <f t="shared" si="78"/>
        <v>44630.583333329341</v>
      </c>
      <c r="B1654" s="8">
        <v>20.451313987518528</v>
      </c>
      <c r="C1654">
        <f t="shared" si="76"/>
        <v>14</v>
      </c>
      <c r="D1654">
        <f t="shared" si="77"/>
        <v>3</v>
      </c>
    </row>
    <row r="1655" spans="1:4" x14ac:dyDescent="0.25">
      <c r="A1655" s="7">
        <f t="shared" si="78"/>
        <v>44630.624999996005</v>
      </c>
      <c r="B1655" s="8">
        <v>20.451301620130323</v>
      </c>
      <c r="C1655">
        <f t="shared" si="76"/>
        <v>15</v>
      </c>
      <c r="D1655">
        <f t="shared" si="77"/>
        <v>3</v>
      </c>
    </row>
    <row r="1656" spans="1:4" x14ac:dyDescent="0.25">
      <c r="A1656" s="7">
        <f t="shared" si="78"/>
        <v>44630.66666666267</v>
      </c>
      <c r="B1656" s="8">
        <v>13.211195522329449</v>
      </c>
      <c r="C1656">
        <f t="shared" si="76"/>
        <v>16</v>
      </c>
      <c r="D1656">
        <f t="shared" si="77"/>
        <v>3</v>
      </c>
    </row>
    <row r="1657" spans="1:4" x14ac:dyDescent="0.25">
      <c r="A1657" s="7">
        <f t="shared" si="78"/>
        <v>44630.708333329334</v>
      </c>
      <c r="B1657" s="8">
        <v>9.1097161220916902</v>
      </c>
      <c r="C1657">
        <f t="shared" si="76"/>
        <v>17</v>
      </c>
      <c r="D1657">
        <f t="shared" si="77"/>
        <v>3</v>
      </c>
    </row>
    <row r="1658" spans="1:4" x14ac:dyDescent="0.25">
      <c r="A1658" s="7">
        <f t="shared" si="78"/>
        <v>44630.749999995998</v>
      </c>
      <c r="B1658" s="8">
        <v>4.7086923957939097</v>
      </c>
      <c r="C1658">
        <f t="shared" si="76"/>
        <v>18</v>
      </c>
      <c r="D1658">
        <f t="shared" si="77"/>
        <v>3</v>
      </c>
    </row>
    <row r="1659" spans="1:4" x14ac:dyDescent="0.25">
      <c r="A1659" s="7">
        <f t="shared" si="78"/>
        <v>44630.791666662662</v>
      </c>
      <c r="B1659" s="8">
        <v>-4.9800999999999998E-2</v>
      </c>
      <c r="C1659">
        <f t="shared" si="76"/>
        <v>19</v>
      </c>
      <c r="D1659">
        <f t="shared" si="77"/>
        <v>3</v>
      </c>
    </row>
    <row r="1660" spans="1:4" x14ac:dyDescent="0.25">
      <c r="A1660" s="7">
        <f t="shared" si="78"/>
        <v>44630.833333329327</v>
      </c>
      <c r="B1660" s="8">
        <v>-4.9800999999999998E-2</v>
      </c>
      <c r="C1660">
        <f t="shared" si="76"/>
        <v>20</v>
      </c>
      <c r="D1660">
        <f t="shared" si="77"/>
        <v>3</v>
      </c>
    </row>
    <row r="1661" spans="1:4" x14ac:dyDescent="0.25">
      <c r="A1661" s="7">
        <f t="shared" si="78"/>
        <v>44630.874999995991</v>
      </c>
      <c r="B1661" s="8">
        <v>-4.9800999999999998E-2</v>
      </c>
      <c r="C1661">
        <f t="shared" si="76"/>
        <v>21</v>
      </c>
      <c r="D1661">
        <f t="shared" si="77"/>
        <v>3</v>
      </c>
    </row>
    <row r="1662" spans="1:4" x14ac:dyDescent="0.25">
      <c r="A1662" s="7">
        <f t="shared" si="78"/>
        <v>44630.916666662655</v>
      </c>
      <c r="B1662" s="8">
        <v>-4.9800999999999998E-2</v>
      </c>
      <c r="C1662">
        <f t="shared" si="76"/>
        <v>22</v>
      </c>
      <c r="D1662">
        <f t="shared" si="77"/>
        <v>3</v>
      </c>
    </row>
    <row r="1663" spans="1:4" x14ac:dyDescent="0.25">
      <c r="A1663" s="7">
        <f t="shared" si="78"/>
        <v>44630.958333329319</v>
      </c>
      <c r="B1663" s="8">
        <v>-4.9800999999999998E-2</v>
      </c>
      <c r="C1663">
        <f t="shared" si="76"/>
        <v>23</v>
      </c>
      <c r="D1663">
        <f t="shared" si="77"/>
        <v>3</v>
      </c>
    </row>
    <row r="1664" spans="1:4" x14ac:dyDescent="0.25">
      <c r="A1664" s="7">
        <f t="shared" si="78"/>
        <v>44630.999999995984</v>
      </c>
      <c r="B1664" s="8">
        <v>-4.9800999999999998E-2</v>
      </c>
      <c r="C1664">
        <f t="shared" si="76"/>
        <v>0</v>
      </c>
      <c r="D1664">
        <f t="shared" si="77"/>
        <v>3</v>
      </c>
    </row>
    <row r="1665" spans="1:4" x14ac:dyDescent="0.25">
      <c r="A1665" s="7">
        <f t="shared" si="78"/>
        <v>44631.041666662648</v>
      </c>
      <c r="B1665" s="8">
        <v>-4.9800999999999998E-2</v>
      </c>
      <c r="C1665">
        <f t="shared" si="76"/>
        <v>1</v>
      </c>
      <c r="D1665">
        <f t="shared" si="77"/>
        <v>3</v>
      </c>
    </row>
    <row r="1666" spans="1:4" x14ac:dyDescent="0.25">
      <c r="A1666" s="7">
        <f t="shared" si="78"/>
        <v>44631.083333329312</v>
      </c>
      <c r="B1666" s="8">
        <v>-4.9800999999999998E-2</v>
      </c>
      <c r="C1666">
        <f t="shared" si="76"/>
        <v>2</v>
      </c>
      <c r="D1666">
        <f t="shared" si="77"/>
        <v>3</v>
      </c>
    </row>
    <row r="1667" spans="1:4" x14ac:dyDescent="0.25">
      <c r="A1667" s="7">
        <f t="shared" si="78"/>
        <v>44631.124999995976</v>
      </c>
      <c r="B1667" s="8">
        <v>-4.9800999999999998E-2</v>
      </c>
      <c r="C1667">
        <f t="shared" si="76"/>
        <v>3</v>
      </c>
      <c r="D1667">
        <f t="shared" si="77"/>
        <v>3</v>
      </c>
    </row>
    <row r="1668" spans="1:4" x14ac:dyDescent="0.25">
      <c r="A1668" s="7">
        <f t="shared" si="78"/>
        <v>44631.166666662641</v>
      </c>
      <c r="B1668" s="8">
        <v>-4.9800999999999998E-2</v>
      </c>
      <c r="C1668">
        <f t="shared" si="76"/>
        <v>4</v>
      </c>
      <c r="D1668">
        <f t="shared" si="77"/>
        <v>3</v>
      </c>
    </row>
    <row r="1669" spans="1:4" x14ac:dyDescent="0.25">
      <c r="A1669" s="7">
        <f t="shared" si="78"/>
        <v>44631.208333329305</v>
      </c>
      <c r="B1669" s="8">
        <v>-4.9800999999999998E-2</v>
      </c>
      <c r="C1669">
        <f t="shared" si="76"/>
        <v>5</v>
      </c>
      <c r="D1669">
        <f t="shared" si="77"/>
        <v>3</v>
      </c>
    </row>
    <row r="1670" spans="1:4" x14ac:dyDescent="0.25">
      <c r="A1670" s="7">
        <f t="shared" si="78"/>
        <v>44631.249999995969</v>
      </c>
      <c r="B1670" s="8">
        <v>-4.9800999999999998E-2</v>
      </c>
      <c r="C1670">
        <f t="shared" si="76"/>
        <v>6</v>
      </c>
      <c r="D1670">
        <f t="shared" si="77"/>
        <v>3</v>
      </c>
    </row>
    <row r="1671" spans="1:4" x14ac:dyDescent="0.25">
      <c r="A1671" s="7">
        <f t="shared" si="78"/>
        <v>44631.291666662633</v>
      </c>
      <c r="B1671" s="8">
        <v>-4.9800999999999998E-2</v>
      </c>
      <c r="C1671">
        <f t="shared" si="76"/>
        <v>7</v>
      </c>
      <c r="D1671">
        <f t="shared" si="77"/>
        <v>3</v>
      </c>
    </row>
    <row r="1672" spans="1:4" x14ac:dyDescent="0.25">
      <c r="A1672" s="7">
        <f t="shared" si="78"/>
        <v>44631.333333329298</v>
      </c>
      <c r="B1672" s="8">
        <v>0.89311403119283095</v>
      </c>
      <c r="C1672">
        <f t="shared" si="76"/>
        <v>8</v>
      </c>
      <c r="D1672">
        <f t="shared" si="77"/>
        <v>3</v>
      </c>
    </row>
    <row r="1673" spans="1:4" x14ac:dyDescent="0.25">
      <c r="A1673" s="7">
        <f t="shared" si="78"/>
        <v>44631.374999995962</v>
      </c>
      <c r="B1673" s="8">
        <v>4.0507226084218386</v>
      </c>
      <c r="C1673">
        <f t="shared" si="76"/>
        <v>9</v>
      </c>
      <c r="D1673">
        <f t="shared" si="77"/>
        <v>3</v>
      </c>
    </row>
    <row r="1674" spans="1:4" x14ac:dyDescent="0.25">
      <c r="A1674" s="7">
        <f t="shared" si="78"/>
        <v>44631.416666662626</v>
      </c>
      <c r="B1674" s="8">
        <v>4.159277358406019</v>
      </c>
      <c r="C1674">
        <f t="shared" ref="C1674:C1737" si="79">HOUR(A1674)</f>
        <v>10</v>
      </c>
      <c r="D1674">
        <f t="shared" ref="D1674:D1737" si="80">MONTH(A1674)</f>
        <v>3</v>
      </c>
    </row>
    <row r="1675" spans="1:4" x14ac:dyDescent="0.25">
      <c r="A1675" s="7">
        <f t="shared" ref="A1675:A1738" si="81">+A1674+1/24</f>
        <v>44631.45833332929</v>
      </c>
      <c r="B1675" s="8">
        <v>7.1126982951112847</v>
      </c>
      <c r="C1675">
        <f t="shared" si="79"/>
        <v>11</v>
      </c>
      <c r="D1675">
        <f t="shared" si="80"/>
        <v>3</v>
      </c>
    </row>
    <row r="1676" spans="1:4" x14ac:dyDescent="0.25">
      <c r="A1676" s="7">
        <f t="shared" si="81"/>
        <v>44631.499999995955</v>
      </c>
      <c r="B1676" s="8">
        <v>15.282496005341944</v>
      </c>
      <c r="C1676">
        <f t="shared" si="79"/>
        <v>12</v>
      </c>
      <c r="D1676">
        <f t="shared" si="80"/>
        <v>3</v>
      </c>
    </row>
    <row r="1677" spans="1:4" x14ac:dyDescent="0.25">
      <c r="A1677" s="7">
        <f t="shared" si="81"/>
        <v>44631.541666662619</v>
      </c>
      <c r="B1677" s="8">
        <v>6.8295891973622638</v>
      </c>
      <c r="C1677">
        <f t="shared" si="79"/>
        <v>13</v>
      </c>
      <c r="D1677">
        <f t="shared" si="80"/>
        <v>3</v>
      </c>
    </row>
    <row r="1678" spans="1:4" x14ac:dyDescent="0.25">
      <c r="A1678" s="7">
        <f t="shared" si="81"/>
        <v>44631.583333329283</v>
      </c>
      <c r="B1678" s="8">
        <v>2.7178510486070593</v>
      </c>
      <c r="C1678">
        <f t="shared" si="79"/>
        <v>14</v>
      </c>
      <c r="D1678">
        <f t="shared" si="80"/>
        <v>3</v>
      </c>
    </row>
    <row r="1679" spans="1:4" x14ac:dyDescent="0.25">
      <c r="A1679" s="7">
        <f t="shared" si="81"/>
        <v>44631.624999995947</v>
      </c>
      <c r="B1679" s="8">
        <v>6.0395892959583559</v>
      </c>
      <c r="C1679">
        <f t="shared" si="79"/>
        <v>15</v>
      </c>
      <c r="D1679">
        <f t="shared" si="80"/>
        <v>3</v>
      </c>
    </row>
    <row r="1680" spans="1:4" x14ac:dyDescent="0.25">
      <c r="A1680" s="7">
        <f t="shared" si="81"/>
        <v>44631.666666662612</v>
      </c>
      <c r="B1680" s="8">
        <v>14.700883503373632</v>
      </c>
      <c r="C1680">
        <f t="shared" si="79"/>
        <v>16</v>
      </c>
      <c r="D1680">
        <f t="shared" si="80"/>
        <v>3</v>
      </c>
    </row>
    <row r="1681" spans="1:4" x14ac:dyDescent="0.25">
      <c r="A1681" s="7">
        <f t="shared" si="81"/>
        <v>44631.708333329276</v>
      </c>
      <c r="B1681" s="8">
        <v>1.2927692729389184</v>
      </c>
      <c r="C1681">
        <f t="shared" si="79"/>
        <v>17</v>
      </c>
      <c r="D1681">
        <f t="shared" si="80"/>
        <v>3</v>
      </c>
    </row>
    <row r="1682" spans="1:4" x14ac:dyDescent="0.25">
      <c r="A1682" s="7">
        <f t="shared" si="81"/>
        <v>44631.74999999594</v>
      </c>
      <c r="B1682" s="8">
        <v>1.282688820934786</v>
      </c>
      <c r="C1682">
        <f t="shared" si="79"/>
        <v>18</v>
      </c>
      <c r="D1682">
        <f t="shared" si="80"/>
        <v>3</v>
      </c>
    </row>
    <row r="1683" spans="1:4" x14ac:dyDescent="0.25">
      <c r="A1683" s="7">
        <f t="shared" si="81"/>
        <v>44631.791666662604</v>
      </c>
      <c r="B1683" s="8">
        <v>-4.9800999999999998E-2</v>
      </c>
      <c r="C1683">
        <f t="shared" si="79"/>
        <v>19</v>
      </c>
      <c r="D1683">
        <f t="shared" si="80"/>
        <v>3</v>
      </c>
    </row>
    <row r="1684" spans="1:4" x14ac:dyDescent="0.25">
      <c r="A1684" s="7">
        <f t="shared" si="81"/>
        <v>44631.833333329268</v>
      </c>
      <c r="B1684" s="8">
        <v>-4.9800999999999998E-2</v>
      </c>
      <c r="C1684">
        <f t="shared" si="79"/>
        <v>20</v>
      </c>
      <c r="D1684">
        <f t="shared" si="80"/>
        <v>3</v>
      </c>
    </row>
    <row r="1685" spans="1:4" x14ac:dyDescent="0.25">
      <c r="A1685" s="7">
        <f t="shared" si="81"/>
        <v>44631.874999995933</v>
      </c>
      <c r="B1685" s="8">
        <v>-4.9800999999999998E-2</v>
      </c>
      <c r="C1685">
        <f t="shared" si="79"/>
        <v>21</v>
      </c>
      <c r="D1685">
        <f t="shared" si="80"/>
        <v>3</v>
      </c>
    </row>
    <row r="1686" spans="1:4" x14ac:dyDescent="0.25">
      <c r="A1686" s="7">
        <f t="shared" si="81"/>
        <v>44631.916666662597</v>
      </c>
      <c r="B1686" s="8">
        <v>-4.9800999999999998E-2</v>
      </c>
      <c r="C1686">
        <f t="shared" si="79"/>
        <v>22</v>
      </c>
      <c r="D1686">
        <f t="shared" si="80"/>
        <v>3</v>
      </c>
    </row>
    <row r="1687" spans="1:4" x14ac:dyDescent="0.25">
      <c r="A1687" s="7">
        <f t="shared" si="81"/>
        <v>44631.958333329261</v>
      </c>
      <c r="B1687" s="8">
        <v>-4.9800999999999998E-2</v>
      </c>
      <c r="C1687">
        <f t="shared" si="79"/>
        <v>23</v>
      </c>
      <c r="D1687">
        <f t="shared" si="80"/>
        <v>3</v>
      </c>
    </row>
    <row r="1688" spans="1:4" x14ac:dyDescent="0.25">
      <c r="A1688" s="7">
        <f t="shared" si="81"/>
        <v>44631.999999995925</v>
      </c>
      <c r="B1688" s="8">
        <v>-4.9800999999999998E-2</v>
      </c>
      <c r="C1688">
        <f t="shared" si="79"/>
        <v>0</v>
      </c>
      <c r="D1688">
        <f t="shared" si="80"/>
        <v>3</v>
      </c>
    </row>
    <row r="1689" spans="1:4" x14ac:dyDescent="0.25">
      <c r="A1689" s="7">
        <f t="shared" si="81"/>
        <v>44632.04166666259</v>
      </c>
      <c r="B1689" s="8">
        <v>-4.9800999999999998E-2</v>
      </c>
      <c r="C1689">
        <f t="shared" si="79"/>
        <v>1</v>
      </c>
      <c r="D1689">
        <f t="shared" si="80"/>
        <v>3</v>
      </c>
    </row>
    <row r="1690" spans="1:4" x14ac:dyDescent="0.25">
      <c r="A1690" s="7">
        <f t="shared" si="81"/>
        <v>44632.083333329254</v>
      </c>
      <c r="B1690" s="8">
        <v>-4.9800999999999998E-2</v>
      </c>
      <c r="C1690">
        <f t="shared" si="79"/>
        <v>2</v>
      </c>
      <c r="D1690">
        <f t="shared" si="80"/>
        <v>3</v>
      </c>
    </row>
    <row r="1691" spans="1:4" x14ac:dyDescent="0.25">
      <c r="A1691" s="7">
        <f t="shared" si="81"/>
        <v>44632.124999995918</v>
      </c>
      <c r="B1691" s="8">
        <v>-4.9800999999999998E-2</v>
      </c>
      <c r="C1691">
        <f t="shared" si="79"/>
        <v>3</v>
      </c>
      <c r="D1691">
        <f t="shared" si="80"/>
        <v>3</v>
      </c>
    </row>
    <row r="1692" spans="1:4" x14ac:dyDescent="0.25">
      <c r="A1692" s="7">
        <f t="shared" si="81"/>
        <v>44632.166666662582</v>
      </c>
      <c r="B1692" s="8">
        <v>-4.9800999999999998E-2</v>
      </c>
      <c r="C1692">
        <f t="shared" si="79"/>
        <v>4</v>
      </c>
      <c r="D1692">
        <f t="shared" si="80"/>
        <v>3</v>
      </c>
    </row>
    <row r="1693" spans="1:4" x14ac:dyDescent="0.25">
      <c r="A1693" s="7">
        <f t="shared" si="81"/>
        <v>44632.208333329247</v>
      </c>
      <c r="B1693" s="8">
        <v>-4.9800999999999998E-2</v>
      </c>
      <c r="C1693">
        <f t="shared" si="79"/>
        <v>5</v>
      </c>
      <c r="D1693">
        <f t="shared" si="80"/>
        <v>3</v>
      </c>
    </row>
    <row r="1694" spans="1:4" x14ac:dyDescent="0.25">
      <c r="A1694" s="7">
        <f t="shared" si="81"/>
        <v>44632.249999995911</v>
      </c>
      <c r="B1694" s="8">
        <v>-4.9800999999999998E-2</v>
      </c>
      <c r="C1694">
        <f t="shared" si="79"/>
        <v>6</v>
      </c>
      <c r="D1694">
        <f t="shared" si="80"/>
        <v>3</v>
      </c>
    </row>
    <row r="1695" spans="1:4" x14ac:dyDescent="0.25">
      <c r="A1695" s="7">
        <f t="shared" si="81"/>
        <v>44632.291666662575</v>
      </c>
      <c r="B1695" s="8">
        <v>-4.9800999999999998E-2</v>
      </c>
      <c r="C1695">
        <f t="shared" si="79"/>
        <v>7</v>
      </c>
      <c r="D1695">
        <f t="shared" si="80"/>
        <v>3</v>
      </c>
    </row>
    <row r="1696" spans="1:4" x14ac:dyDescent="0.25">
      <c r="A1696" s="7">
        <f t="shared" si="81"/>
        <v>44632.333333329239</v>
      </c>
      <c r="B1696" s="8">
        <v>0.59596073351943546</v>
      </c>
      <c r="C1696">
        <f t="shared" si="79"/>
        <v>8</v>
      </c>
      <c r="D1696">
        <f t="shared" si="80"/>
        <v>3</v>
      </c>
    </row>
    <row r="1697" spans="1:4" x14ac:dyDescent="0.25">
      <c r="A1697" s="7">
        <f t="shared" si="81"/>
        <v>44632.374999995904</v>
      </c>
      <c r="B1697" s="8">
        <v>3.5797765879739978</v>
      </c>
      <c r="C1697">
        <f t="shared" si="79"/>
        <v>9</v>
      </c>
      <c r="D1697">
        <f t="shared" si="80"/>
        <v>3</v>
      </c>
    </row>
    <row r="1698" spans="1:4" x14ac:dyDescent="0.25">
      <c r="A1698" s="7">
        <f t="shared" si="81"/>
        <v>44632.416666662568</v>
      </c>
      <c r="B1698" s="8">
        <v>13.480394400193001</v>
      </c>
      <c r="C1698">
        <f t="shared" si="79"/>
        <v>10</v>
      </c>
      <c r="D1698">
        <f t="shared" si="80"/>
        <v>3</v>
      </c>
    </row>
    <row r="1699" spans="1:4" x14ac:dyDescent="0.25">
      <c r="A1699" s="7">
        <f t="shared" si="81"/>
        <v>44632.458333329232</v>
      </c>
      <c r="B1699" s="8">
        <v>14.228775979050047</v>
      </c>
      <c r="C1699">
        <f t="shared" si="79"/>
        <v>11</v>
      </c>
      <c r="D1699">
        <f t="shared" si="80"/>
        <v>3</v>
      </c>
    </row>
    <row r="1700" spans="1:4" x14ac:dyDescent="0.25">
      <c r="A1700" s="7">
        <f t="shared" si="81"/>
        <v>44632.499999995896</v>
      </c>
      <c r="B1700" s="8">
        <v>2.6939830199838406</v>
      </c>
      <c r="C1700">
        <f t="shared" si="79"/>
        <v>12</v>
      </c>
      <c r="D1700">
        <f t="shared" si="80"/>
        <v>3</v>
      </c>
    </row>
    <row r="1701" spans="1:4" x14ac:dyDescent="0.25">
      <c r="A1701" s="7">
        <f t="shared" si="81"/>
        <v>44632.541666662561</v>
      </c>
      <c r="B1701" s="8">
        <v>2.8682137544239392</v>
      </c>
      <c r="C1701">
        <f t="shared" si="79"/>
        <v>13</v>
      </c>
      <c r="D1701">
        <f t="shared" si="80"/>
        <v>3</v>
      </c>
    </row>
    <row r="1702" spans="1:4" x14ac:dyDescent="0.25">
      <c r="A1702" s="7">
        <f t="shared" si="81"/>
        <v>44632.583333329225</v>
      </c>
      <c r="B1702" s="8">
        <v>2.9156117697260608</v>
      </c>
      <c r="C1702">
        <f t="shared" si="79"/>
        <v>14</v>
      </c>
      <c r="D1702">
        <f t="shared" si="80"/>
        <v>3</v>
      </c>
    </row>
    <row r="1703" spans="1:4" x14ac:dyDescent="0.25">
      <c r="A1703" s="7">
        <f t="shared" si="81"/>
        <v>44632.624999995889</v>
      </c>
      <c r="B1703" s="8">
        <v>2.4548513240821093</v>
      </c>
      <c r="C1703">
        <f t="shared" si="79"/>
        <v>15</v>
      </c>
      <c r="D1703">
        <f t="shared" si="80"/>
        <v>3</v>
      </c>
    </row>
    <row r="1704" spans="1:4" x14ac:dyDescent="0.25">
      <c r="A1704" s="7">
        <f t="shared" si="81"/>
        <v>44632.666666662553</v>
      </c>
      <c r="B1704" s="8">
        <v>2.3164746786688748</v>
      </c>
      <c r="C1704">
        <f t="shared" si="79"/>
        <v>16</v>
      </c>
      <c r="D1704">
        <f t="shared" si="80"/>
        <v>3</v>
      </c>
    </row>
    <row r="1705" spans="1:4" x14ac:dyDescent="0.25">
      <c r="A1705" s="7">
        <f t="shared" si="81"/>
        <v>44632.708333329218</v>
      </c>
      <c r="B1705" s="8">
        <v>1.7903443414271205</v>
      </c>
      <c r="C1705">
        <f t="shared" si="79"/>
        <v>17</v>
      </c>
      <c r="D1705">
        <f t="shared" si="80"/>
        <v>3</v>
      </c>
    </row>
    <row r="1706" spans="1:4" x14ac:dyDescent="0.25">
      <c r="A1706" s="7">
        <f t="shared" si="81"/>
        <v>44632.749999995882</v>
      </c>
      <c r="B1706" s="8">
        <v>3.866481503844112</v>
      </c>
      <c r="C1706">
        <f t="shared" si="79"/>
        <v>18</v>
      </c>
      <c r="D1706">
        <f t="shared" si="80"/>
        <v>3</v>
      </c>
    </row>
    <row r="1707" spans="1:4" x14ac:dyDescent="0.25">
      <c r="A1707" s="7">
        <f t="shared" si="81"/>
        <v>44632.791666662546</v>
      </c>
      <c r="B1707" s="8">
        <v>-4.9800999999999998E-2</v>
      </c>
      <c r="C1707">
        <f t="shared" si="79"/>
        <v>19</v>
      </c>
      <c r="D1707">
        <f t="shared" si="80"/>
        <v>3</v>
      </c>
    </row>
    <row r="1708" spans="1:4" x14ac:dyDescent="0.25">
      <c r="A1708" s="7">
        <f t="shared" si="81"/>
        <v>44632.83333332921</v>
      </c>
      <c r="B1708" s="8">
        <v>-4.9800999999999998E-2</v>
      </c>
      <c r="C1708">
        <f t="shared" si="79"/>
        <v>20</v>
      </c>
      <c r="D1708">
        <f t="shared" si="80"/>
        <v>3</v>
      </c>
    </row>
    <row r="1709" spans="1:4" x14ac:dyDescent="0.25">
      <c r="A1709" s="7">
        <f t="shared" si="81"/>
        <v>44632.874999995875</v>
      </c>
      <c r="B1709" s="8">
        <v>-4.9800999999999998E-2</v>
      </c>
      <c r="C1709">
        <f t="shared" si="79"/>
        <v>21</v>
      </c>
      <c r="D1709">
        <f t="shared" si="80"/>
        <v>3</v>
      </c>
    </row>
    <row r="1710" spans="1:4" x14ac:dyDescent="0.25">
      <c r="A1710" s="7">
        <f t="shared" si="81"/>
        <v>44632.916666662539</v>
      </c>
      <c r="B1710" s="8">
        <v>-4.9800999999999998E-2</v>
      </c>
      <c r="C1710">
        <f t="shared" si="79"/>
        <v>22</v>
      </c>
      <c r="D1710">
        <f t="shared" si="80"/>
        <v>3</v>
      </c>
    </row>
    <row r="1711" spans="1:4" x14ac:dyDescent="0.25">
      <c r="A1711" s="7">
        <f t="shared" si="81"/>
        <v>44632.958333329203</v>
      </c>
      <c r="B1711" s="8">
        <v>-4.9800999999999998E-2</v>
      </c>
      <c r="C1711">
        <f t="shared" si="79"/>
        <v>23</v>
      </c>
      <c r="D1711">
        <f t="shared" si="80"/>
        <v>3</v>
      </c>
    </row>
    <row r="1712" spans="1:4" x14ac:dyDescent="0.25">
      <c r="A1712" s="7">
        <f t="shared" si="81"/>
        <v>44632.999999995867</v>
      </c>
      <c r="B1712" s="8">
        <v>-4.9800999999999998E-2</v>
      </c>
      <c r="C1712">
        <f t="shared" si="79"/>
        <v>0</v>
      </c>
      <c r="D1712">
        <f t="shared" si="80"/>
        <v>3</v>
      </c>
    </row>
    <row r="1713" spans="1:4" x14ac:dyDescent="0.25">
      <c r="A1713" s="7">
        <f t="shared" si="81"/>
        <v>44633.041666662531</v>
      </c>
      <c r="B1713" s="8">
        <v>-4.9800999999999998E-2</v>
      </c>
      <c r="C1713">
        <f t="shared" si="79"/>
        <v>1</v>
      </c>
      <c r="D1713">
        <f t="shared" si="80"/>
        <v>3</v>
      </c>
    </row>
    <row r="1714" spans="1:4" x14ac:dyDescent="0.25">
      <c r="A1714" s="7">
        <f t="shared" si="81"/>
        <v>44633.083333329196</v>
      </c>
      <c r="B1714" s="8">
        <v>-4.9800999999999998E-2</v>
      </c>
      <c r="C1714">
        <f t="shared" si="79"/>
        <v>2</v>
      </c>
      <c r="D1714">
        <f t="shared" si="80"/>
        <v>3</v>
      </c>
    </row>
    <row r="1715" spans="1:4" x14ac:dyDescent="0.25">
      <c r="A1715" s="7">
        <f t="shared" si="81"/>
        <v>44633.12499999586</v>
      </c>
      <c r="B1715" s="8">
        <v>-4.9800999999999998E-2</v>
      </c>
      <c r="C1715">
        <f t="shared" si="79"/>
        <v>3</v>
      </c>
      <c r="D1715">
        <f t="shared" si="80"/>
        <v>3</v>
      </c>
    </row>
    <row r="1716" spans="1:4" x14ac:dyDescent="0.25">
      <c r="A1716" s="7">
        <f t="shared" si="81"/>
        <v>44633.166666662524</v>
      </c>
      <c r="B1716" s="8">
        <v>-4.9800999999999998E-2</v>
      </c>
      <c r="C1716">
        <f t="shared" si="79"/>
        <v>4</v>
      </c>
      <c r="D1716">
        <f t="shared" si="80"/>
        <v>3</v>
      </c>
    </row>
    <row r="1717" spans="1:4" x14ac:dyDescent="0.25">
      <c r="A1717" s="7">
        <f t="shared" si="81"/>
        <v>44633.208333329188</v>
      </c>
      <c r="B1717" s="8">
        <v>-4.9800999999999998E-2</v>
      </c>
      <c r="C1717">
        <f t="shared" si="79"/>
        <v>5</v>
      </c>
      <c r="D1717">
        <f t="shared" si="80"/>
        <v>3</v>
      </c>
    </row>
    <row r="1718" spans="1:4" x14ac:dyDescent="0.25">
      <c r="A1718" s="7">
        <f t="shared" si="81"/>
        <v>44633.249999995853</v>
      </c>
      <c r="B1718" s="8">
        <v>-4.9800999999999998E-2</v>
      </c>
      <c r="C1718">
        <f t="shared" si="79"/>
        <v>6</v>
      </c>
      <c r="D1718">
        <f t="shared" si="80"/>
        <v>3</v>
      </c>
    </row>
    <row r="1719" spans="1:4" x14ac:dyDescent="0.25">
      <c r="A1719" s="7">
        <f t="shared" si="81"/>
        <v>44633.291666662517</v>
      </c>
      <c r="B1719" s="8">
        <v>-4.9800999999999998E-2</v>
      </c>
      <c r="C1719">
        <f t="shared" si="79"/>
        <v>7</v>
      </c>
      <c r="D1719">
        <f t="shared" si="80"/>
        <v>3</v>
      </c>
    </row>
    <row r="1720" spans="1:4" x14ac:dyDescent="0.25">
      <c r="A1720" s="7">
        <f t="shared" si="81"/>
        <v>44633.333333329181</v>
      </c>
      <c r="B1720" s="8">
        <v>1.58130662349499</v>
      </c>
      <c r="C1720">
        <f t="shared" si="79"/>
        <v>8</v>
      </c>
      <c r="D1720">
        <f t="shared" si="80"/>
        <v>3</v>
      </c>
    </row>
    <row r="1721" spans="1:4" x14ac:dyDescent="0.25">
      <c r="A1721" s="7">
        <f t="shared" si="81"/>
        <v>44633.374999995845</v>
      </c>
      <c r="B1721" s="8">
        <v>6.4274769678257817</v>
      </c>
      <c r="C1721">
        <f t="shared" si="79"/>
        <v>9</v>
      </c>
      <c r="D1721">
        <f t="shared" si="80"/>
        <v>3</v>
      </c>
    </row>
    <row r="1722" spans="1:4" x14ac:dyDescent="0.25">
      <c r="A1722" s="7">
        <f t="shared" si="81"/>
        <v>44633.41666666251</v>
      </c>
      <c r="B1722" s="8">
        <v>11.975790318355873</v>
      </c>
      <c r="C1722">
        <f t="shared" si="79"/>
        <v>10</v>
      </c>
      <c r="D1722">
        <f t="shared" si="80"/>
        <v>3</v>
      </c>
    </row>
    <row r="1723" spans="1:4" x14ac:dyDescent="0.25">
      <c r="A1723" s="7">
        <f t="shared" si="81"/>
        <v>44633.458333329174</v>
      </c>
      <c r="B1723" s="8">
        <v>19.673045584444345</v>
      </c>
      <c r="C1723">
        <f t="shared" si="79"/>
        <v>11</v>
      </c>
      <c r="D1723">
        <f t="shared" si="80"/>
        <v>3</v>
      </c>
    </row>
    <row r="1724" spans="1:4" x14ac:dyDescent="0.25">
      <c r="A1724" s="7">
        <f t="shared" si="81"/>
        <v>44633.499999995838</v>
      </c>
      <c r="B1724" s="8">
        <v>20.451306773208739</v>
      </c>
      <c r="C1724">
        <f t="shared" si="79"/>
        <v>12</v>
      </c>
      <c r="D1724">
        <f t="shared" si="80"/>
        <v>3</v>
      </c>
    </row>
    <row r="1725" spans="1:4" x14ac:dyDescent="0.25">
      <c r="A1725" s="7">
        <f t="shared" si="81"/>
        <v>44633.541666662502</v>
      </c>
      <c r="B1725" s="8">
        <v>20.451310895671476</v>
      </c>
      <c r="C1725">
        <f t="shared" si="79"/>
        <v>13</v>
      </c>
      <c r="D1725">
        <f t="shared" si="80"/>
        <v>3</v>
      </c>
    </row>
    <row r="1726" spans="1:4" x14ac:dyDescent="0.25">
      <c r="A1726" s="7">
        <f t="shared" si="81"/>
        <v>44633.583333329167</v>
      </c>
      <c r="B1726" s="8">
        <v>14.546220038307878</v>
      </c>
      <c r="C1726">
        <f t="shared" si="79"/>
        <v>14</v>
      </c>
      <c r="D1726">
        <f t="shared" si="80"/>
        <v>3</v>
      </c>
    </row>
    <row r="1727" spans="1:4" x14ac:dyDescent="0.25">
      <c r="A1727" s="7">
        <f t="shared" si="81"/>
        <v>44633.624999995831</v>
      </c>
      <c r="B1727" s="8">
        <v>7.7403288179809886</v>
      </c>
      <c r="C1727">
        <f t="shared" si="79"/>
        <v>15</v>
      </c>
      <c r="D1727">
        <f t="shared" si="80"/>
        <v>3</v>
      </c>
    </row>
    <row r="1728" spans="1:4" x14ac:dyDescent="0.25">
      <c r="A1728" s="7">
        <f t="shared" si="81"/>
        <v>44633.666666662495</v>
      </c>
      <c r="B1728" s="8">
        <v>3.7246708469721548</v>
      </c>
      <c r="C1728">
        <f t="shared" si="79"/>
        <v>16</v>
      </c>
      <c r="D1728">
        <f t="shared" si="80"/>
        <v>3</v>
      </c>
    </row>
    <row r="1729" spans="1:4" x14ac:dyDescent="0.25">
      <c r="A1729" s="7">
        <f t="shared" si="81"/>
        <v>44633.708333329159</v>
      </c>
      <c r="B1729" s="8">
        <v>1.9527157811926918</v>
      </c>
      <c r="C1729">
        <f t="shared" si="79"/>
        <v>17</v>
      </c>
      <c r="D1729">
        <f t="shared" si="80"/>
        <v>3</v>
      </c>
    </row>
    <row r="1730" spans="1:4" x14ac:dyDescent="0.25">
      <c r="A1730" s="7">
        <f t="shared" si="81"/>
        <v>44633.749999995824</v>
      </c>
      <c r="B1730" s="8">
        <v>0.60759844582192624</v>
      </c>
      <c r="C1730">
        <f t="shared" si="79"/>
        <v>18</v>
      </c>
      <c r="D1730">
        <f t="shared" si="80"/>
        <v>3</v>
      </c>
    </row>
    <row r="1731" spans="1:4" x14ac:dyDescent="0.25">
      <c r="A1731" s="7">
        <f t="shared" si="81"/>
        <v>44633.791666662488</v>
      </c>
      <c r="B1731" s="8">
        <v>-4.9800999999999998E-2</v>
      </c>
      <c r="C1731">
        <f t="shared" si="79"/>
        <v>19</v>
      </c>
      <c r="D1731">
        <f t="shared" si="80"/>
        <v>3</v>
      </c>
    </row>
    <row r="1732" spans="1:4" x14ac:dyDescent="0.25">
      <c r="A1732" s="7">
        <f t="shared" si="81"/>
        <v>44633.833333329152</v>
      </c>
      <c r="B1732" s="8">
        <v>-4.9800999999999998E-2</v>
      </c>
      <c r="C1732">
        <f t="shared" si="79"/>
        <v>20</v>
      </c>
      <c r="D1732">
        <f t="shared" si="80"/>
        <v>3</v>
      </c>
    </row>
    <row r="1733" spans="1:4" x14ac:dyDescent="0.25">
      <c r="A1733" s="7">
        <f t="shared" si="81"/>
        <v>44633.874999995816</v>
      </c>
      <c r="B1733" s="8">
        <v>-4.9800999999999998E-2</v>
      </c>
      <c r="C1733">
        <f t="shared" si="79"/>
        <v>21</v>
      </c>
      <c r="D1733">
        <f t="shared" si="80"/>
        <v>3</v>
      </c>
    </row>
    <row r="1734" spans="1:4" x14ac:dyDescent="0.25">
      <c r="A1734" s="7">
        <f t="shared" si="81"/>
        <v>44633.916666662481</v>
      </c>
      <c r="B1734" s="8">
        <v>-4.9800999999999998E-2</v>
      </c>
      <c r="C1734">
        <f t="shared" si="79"/>
        <v>22</v>
      </c>
      <c r="D1734">
        <f t="shared" si="80"/>
        <v>3</v>
      </c>
    </row>
    <row r="1735" spans="1:4" x14ac:dyDescent="0.25">
      <c r="A1735" s="7">
        <f t="shared" si="81"/>
        <v>44633.958333329145</v>
      </c>
      <c r="B1735" s="8">
        <v>-4.9800999999999998E-2</v>
      </c>
      <c r="C1735">
        <f t="shared" si="79"/>
        <v>23</v>
      </c>
      <c r="D1735">
        <f t="shared" si="80"/>
        <v>3</v>
      </c>
    </row>
    <row r="1736" spans="1:4" x14ac:dyDescent="0.25">
      <c r="A1736" s="7">
        <f t="shared" si="81"/>
        <v>44633.999999995809</v>
      </c>
      <c r="B1736" s="8">
        <v>-4.9800999999999998E-2</v>
      </c>
      <c r="C1736">
        <f t="shared" si="79"/>
        <v>0</v>
      </c>
      <c r="D1736">
        <f t="shared" si="80"/>
        <v>3</v>
      </c>
    </row>
    <row r="1737" spans="1:4" x14ac:dyDescent="0.25">
      <c r="A1737" s="7">
        <f t="shared" si="81"/>
        <v>44634.041666662473</v>
      </c>
      <c r="B1737" s="8">
        <v>-4.9800999999999998E-2</v>
      </c>
      <c r="C1737">
        <f t="shared" si="79"/>
        <v>1</v>
      </c>
      <c r="D1737">
        <f t="shared" si="80"/>
        <v>3</v>
      </c>
    </row>
    <row r="1738" spans="1:4" x14ac:dyDescent="0.25">
      <c r="A1738" s="7">
        <f t="shared" si="81"/>
        <v>44634.083333329138</v>
      </c>
      <c r="B1738" s="8">
        <v>-4.9800999999999998E-2</v>
      </c>
      <c r="C1738">
        <f t="shared" ref="C1738:C1801" si="82">HOUR(A1738)</f>
        <v>2</v>
      </c>
      <c r="D1738">
        <f t="shared" ref="D1738:D1801" si="83">MONTH(A1738)</f>
        <v>3</v>
      </c>
    </row>
    <row r="1739" spans="1:4" x14ac:dyDescent="0.25">
      <c r="A1739" s="7">
        <f t="shared" ref="A1739:A1802" si="84">+A1738+1/24</f>
        <v>44634.124999995802</v>
      </c>
      <c r="B1739" s="8">
        <v>-4.9800999999999998E-2</v>
      </c>
      <c r="C1739">
        <f t="shared" si="82"/>
        <v>3</v>
      </c>
      <c r="D1739">
        <f t="shared" si="83"/>
        <v>3</v>
      </c>
    </row>
    <row r="1740" spans="1:4" x14ac:dyDescent="0.25">
      <c r="A1740" s="7">
        <f t="shared" si="84"/>
        <v>44634.166666662466</v>
      </c>
      <c r="B1740" s="8">
        <v>-4.9800999999999998E-2</v>
      </c>
      <c r="C1740">
        <f t="shared" si="82"/>
        <v>4</v>
      </c>
      <c r="D1740">
        <f t="shared" si="83"/>
        <v>3</v>
      </c>
    </row>
    <row r="1741" spans="1:4" x14ac:dyDescent="0.25">
      <c r="A1741" s="7">
        <f t="shared" si="84"/>
        <v>44634.20833332913</v>
      </c>
      <c r="B1741" s="8">
        <v>-4.9800999999999998E-2</v>
      </c>
      <c r="C1741">
        <f t="shared" si="82"/>
        <v>5</v>
      </c>
      <c r="D1741">
        <f t="shared" si="83"/>
        <v>3</v>
      </c>
    </row>
    <row r="1742" spans="1:4" x14ac:dyDescent="0.25">
      <c r="A1742" s="7">
        <f t="shared" si="84"/>
        <v>44634.249999995794</v>
      </c>
      <c r="B1742" s="8">
        <v>-4.9800999999999998E-2</v>
      </c>
      <c r="C1742">
        <f t="shared" si="82"/>
        <v>6</v>
      </c>
      <c r="D1742">
        <f t="shared" si="83"/>
        <v>3</v>
      </c>
    </row>
    <row r="1743" spans="1:4" x14ac:dyDescent="0.25">
      <c r="A1743" s="7">
        <f t="shared" si="84"/>
        <v>44634.291666662459</v>
      </c>
      <c r="B1743" s="8">
        <v>-4.9800999999999998E-2</v>
      </c>
      <c r="C1743">
        <f t="shared" si="82"/>
        <v>7</v>
      </c>
      <c r="D1743">
        <f t="shared" si="83"/>
        <v>3</v>
      </c>
    </row>
    <row r="1744" spans="1:4" x14ac:dyDescent="0.25">
      <c r="A1744" s="7">
        <f t="shared" si="84"/>
        <v>44634.333333329123</v>
      </c>
      <c r="B1744" s="8">
        <v>0.42370156688261912</v>
      </c>
      <c r="C1744">
        <f t="shared" si="82"/>
        <v>8</v>
      </c>
      <c r="D1744">
        <f t="shared" si="83"/>
        <v>3</v>
      </c>
    </row>
    <row r="1745" spans="1:4" x14ac:dyDescent="0.25">
      <c r="A1745" s="7">
        <f t="shared" si="84"/>
        <v>44634.374999995787</v>
      </c>
      <c r="B1745" s="8">
        <v>10.306693789675728</v>
      </c>
      <c r="C1745">
        <f t="shared" si="82"/>
        <v>9</v>
      </c>
      <c r="D1745">
        <f t="shared" si="83"/>
        <v>3</v>
      </c>
    </row>
    <row r="1746" spans="1:4" x14ac:dyDescent="0.25">
      <c r="A1746" s="7">
        <f t="shared" si="84"/>
        <v>44634.416666662451</v>
      </c>
      <c r="B1746" s="8">
        <v>17.170096457010754</v>
      </c>
      <c r="C1746">
        <f t="shared" si="82"/>
        <v>10</v>
      </c>
      <c r="D1746">
        <f t="shared" si="83"/>
        <v>3</v>
      </c>
    </row>
    <row r="1747" spans="1:4" x14ac:dyDescent="0.25">
      <c r="A1747" s="7">
        <f t="shared" si="84"/>
        <v>44634.458333329116</v>
      </c>
      <c r="B1747" s="8">
        <v>20.451236691342238</v>
      </c>
      <c r="C1747">
        <f t="shared" si="82"/>
        <v>11</v>
      </c>
      <c r="D1747">
        <f t="shared" si="83"/>
        <v>3</v>
      </c>
    </row>
    <row r="1748" spans="1:4" x14ac:dyDescent="0.25">
      <c r="A1748" s="7">
        <f t="shared" si="84"/>
        <v>44634.49999999578</v>
      </c>
      <c r="B1748" s="8">
        <v>20.451313987518528</v>
      </c>
      <c r="C1748">
        <f t="shared" si="82"/>
        <v>12</v>
      </c>
      <c r="D1748">
        <f t="shared" si="83"/>
        <v>3</v>
      </c>
    </row>
    <row r="1749" spans="1:4" x14ac:dyDescent="0.25">
      <c r="A1749" s="7">
        <f t="shared" si="84"/>
        <v>44634.541666662444</v>
      </c>
      <c r="B1749" s="8">
        <v>20.106654459896202</v>
      </c>
      <c r="C1749">
        <f t="shared" si="82"/>
        <v>13</v>
      </c>
      <c r="D1749">
        <f t="shared" si="83"/>
        <v>3</v>
      </c>
    </row>
    <row r="1750" spans="1:4" x14ac:dyDescent="0.25">
      <c r="A1750" s="7">
        <f t="shared" si="84"/>
        <v>44634.583333329108</v>
      </c>
      <c r="B1750" s="8">
        <v>20.451322232443999</v>
      </c>
      <c r="C1750">
        <f t="shared" si="82"/>
        <v>14</v>
      </c>
      <c r="D1750">
        <f t="shared" si="83"/>
        <v>3</v>
      </c>
    </row>
    <row r="1751" spans="1:4" x14ac:dyDescent="0.25">
      <c r="A1751" s="7">
        <f t="shared" si="84"/>
        <v>44634.624999995773</v>
      </c>
      <c r="B1751" s="8">
        <v>20.451282038432328</v>
      </c>
      <c r="C1751">
        <f t="shared" si="82"/>
        <v>15</v>
      </c>
      <c r="D1751">
        <f t="shared" si="83"/>
        <v>3</v>
      </c>
    </row>
    <row r="1752" spans="1:4" x14ac:dyDescent="0.25">
      <c r="A1752" s="7">
        <f t="shared" si="84"/>
        <v>44634.666666662437</v>
      </c>
      <c r="B1752" s="8">
        <v>18.805273362302696</v>
      </c>
      <c r="C1752">
        <f t="shared" si="82"/>
        <v>16</v>
      </c>
      <c r="D1752">
        <f t="shared" si="83"/>
        <v>3</v>
      </c>
    </row>
    <row r="1753" spans="1:4" x14ac:dyDescent="0.25">
      <c r="A1753" s="7">
        <f t="shared" si="84"/>
        <v>44634.708333329101</v>
      </c>
      <c r="B1753" s="8">
        <v>12.647850683358095</v>
      </c>
      <c r="C1753">
        <f t="shared" si="82"/>
        <v>17</v>
      </c>
      <c r="D1753">
        <f t="shared" si="83"/>
        <v>3</v>
      </c>
    </row>
    <row r="1754" spans="1:4" x14ac:dyDescent="0.25">
      <c r="A1754" s="7">
        <f t="shared" si="84"/>
        <v>44634.749999995765</v>
      </c>
      <c r="B1754" s="8">
        <v>5.0078059244980651</v>
      </c>
      <c r="C1754">
        <f t="shared" si="82"/>
        <v>18</v>
      </c>
      <c r="D1754">
        <f t="shared" si="83"/>
        <v>3</v>
      </c>
    </row>
    <row r="1755" spans="1:4" x14ac:dyDescent="0.25">
      <c r="A1755" s="7">
        <f t="shared" si="84"/>
        <v>44634.79166666243</v>
      </c>
      <c r="B1755" s="8">
        <v>-4.9800999999999998E-2</v>
      </c>
      <c r="C1755">
        <f t="shared" si="82"/>
        <v>19</v>
      </c>
      <c r="D1755">
        <f t="shared" si="83"/>
        <v>3</v>
      </c>
    </row>
    <row r="1756" spans="1:4" x14ac:dyDescent="0.25">
      <c r="A1756" s="7">
        <f t="shared" si="84"/>
        <v>44634.833333329094</v>
      </c>
      <c r="B1756" s="8">
        <v>-4.9800999999999998E-2</v>
      </c>
      <c r="C1756">
        <f t="shared" si="82"/>
        <v>20</v>
      </c>
      <c r="D1756">
        <f t="shared" si="83"/>
        <v>3</v>
      </c>
    </row>
    <row r="1757" spans="1:4" x14ac:dyDescent="0.25">
      <c r="A1757" s="7">
        <f t="shared" si="84"/>
        <v>44634.874999995758</v>
      </c>
      <c r="B1757" s="8">
        <v>-4.9800999999999998E-2</v>
      </c>
      <c r="C1757">
        <f t="shared" si="82"/>
        <v>21</v>
      </c>
      <c r="D1757">
        <f t="shared" si="83"/>
        <v>3</v>
      </c>
    </row>
    <row r="1758" spans="1:4" x14ac:dyDescent="0.25">
      <c r="A1758" s="7">
        <f t="shared" si="84"/>
        <v>44634.916666662422</v>
      </c>
      <c r="B1758" s="8">
        <v>-4.9800999999999998E-2</v>
      </c>
      <c r="C1758">
        <f t="shared" si="82"/>
        <v>22</v>
      </c>
      <c r="D1758">
        <f t="shared" si="83"/>
        <v>3</v>
      </c>
    </row>
    <row r="1759" spans="1:4" x14ac:dyDescent="0.25">
      <c r="A1759" s="7">
        <f t="shared" si="84"/>
        <v>44634.958333329087</v>
      </c>
      <c r="B1759" s="8">
        <v>-4.9800999999999998E-2</v>
      </c>
      <c r="C1759">
        <f t="shared" si="82"/>
        <v>23</v>
      </c>
      <c r="D1759">
        <f t="shared" si="83"/>
        <v>3</v>
      </c>
    </row>
    <row r="1760" spans="1:4" x14ac:dyDescent="0.25">
      <c r="A1760" s="7">
        <f t="shared" si="84"/>
        <v>44634.999999995751</v>
      </c>
      <c r="B1760" s="8">
        <v>-4.9800999999999998E-2</v>
      </c>
      <c r="C1760">
        <f t="shared" si="82"/>
        <v>0</v>
      </c>
      <c r="D1760">
        <f t="shared" si="83"/>
        <v>3</v>
      </c>
    </row>
    <row r="1761" spans="1:4" x14ac:dyDescent="0.25">
      <c r="A1761" s="7">
        <f t="shared" si="84"/>
        <v>44635.041666662415</v>
      </c>
      <c r="B1761" s="8">
        <v>-4.9800999999999998E-2</v>
      </c>
      <c r="C1761">
        <f t="shared" si="82"/>
        <v>1</v>
      </c>
      <c r="D1761">
        <f t="shared" si="83"/>
        <v>3</v>
      </c>
    </row>
    <row r="1762" spans="1:4" x14ac:dyDescent="0.25">
      <c r="A1762" s="7">
        <f t="shared" si="84"/>
        <v>44635.083333329079</v>
      </c>
      <c r="B1762" s="8">
        <v>-4.9800999999999998E-2</v>
      </c>
      <c r="C1762">
        <f t="shared" si="82"/>
        <v>2</v>
      </c>
      <c r="D1762">
        <f t="shared" si="83"/>
        <v>3</v>
      </c>
    </row>
    <row r="1763" spans="1:4" x14ac:dyDescent="0.25">
      <c r="A1763" s="7">
        <f t="shared" si="84"/>
        <v>44635.124999995744</v>
      </c>
      <c r="B1763" s="8">
        <v>-4.9800999999999998E-2</v>
      </c>
      <c r="C1763">
        <f t="shared" si="82"/>
        <v>3</v>
      </c>
      <c r="D1763">
        <f t="shared" si="83"/>
        <v>3</v>
      </c>
    </row>
    <row r="1764" spans="1:4" x14ac:dyDescent="0.25">
      <c r="A1764" s="7">
        <f t="shared" si="84"/>
        <v>44635.166666662408</v>
      </c>
      <c r="B1764" s="8">
        <v>-4.9800999999999998E-2</v>
      </c>
      <c r="C1764">
        <f t="shared" si="82"/>
        <v>4</v>
      </c>
      <c r="D1764">
        <f t="shared" si="83"/>
        <v>3</v>
      </c>
    </row>
    <row r="1765" spans="1:4" x14ac:dyDescent="0.25">
      <c r="A1765" s="7">
        <f t="shared" si="84"/>
        <v>44635.208333329072</v>
      </c>
      <c r="B1765" s="8">
        <v>-4.9800999999999998E-2</v>
      </c>
      <c r="C1765">
        <f t="shared" si="82"/>
        <v>5</v>
      </c>
      <c r="D1765">
        <f t="shared" si="83"/>
        <v>3</v>
      </c>
    </row>
    <row r="1766" spans="1:4" x14ac:dyDescent="0.25">
      <c r="A1766" s="7">
        <f t="shared" si="84"/>
        <v>44635.249999995736</v>
      </c>
      <c r="B1766" s="8">
        <v>-4.9800999999999998E-2</v>
      </c>
      <c r="C1766">
        <f t="shared" si="82"/>
        <v>6</v>
      </c>
      <c r="D1766">
        <f t="shared" si="83"/>
        <v>3</v>
      </c>
    </row>
    <row r="1767" spans="1:4" x14ac:dyDescent="0.25">
      <c r="A1767" s="7">
        <f t="shared" si="84"/>
        <v>44635.291666662401</v>
      </c>
      <c r="B1767" s="8">
        <v>-4.9800999999999998E-2</v>
      </c>
      <c r="C1767">
        <f t="shared" si="82"/>
        <v>7</v>
      </c>
      <c r="D1767">
        <f t="shared" si="83"/>
        <v>3</v>
      </c>
    </row>
    <row r="1768" spans="1:4" x14ac:dyDescent="0.25">
      <c r="A1768" s="7">
        <f t="shared" si="84"/>
        <v>44635.333333329065</v>
      </c>
      <c r="B1768" s="8">
        <v>2.8614292113768887</v>
      </c>
      <c r="C1768">
        <f t="shared" si="82"/>
        <v>8</v>
      </c>
      <c r="D1768">
        <f t="shared" si="83"/>
        <v>3</v>
      </c>
    </row>
    <row r="1769" spans="1:4" x14ac:dyDescent="0.25">
      <c r="A1769" s="7">
        <f t="shared" si="84"/>
        <v>44635.374999995729</v>
      </c>
      <c r="B1769" s="8">
        <v>10.531955459703662</v>
      </c>
      <c r="C1769">
        <f t="shared" si="82"/>
        <v>9</v>
      </c>
      <c r="D1769">
        <f t="shared" si="83"/>
        <v>3</v>
      </c>
    </row>
    <row r="1770" spans="1:4" x14ac:dyDescent="0.25">
      <c r="A1770" s="7">
        <f t="shared" si="84"/>
        <v>44635.416666662393</v>
      </c>
      <c r="B1770" s="8">
        <v>16.902307461402764</v>
      </c>
      <c r="C1770">
        <f t="shared" si="82"/>
        <v>10</v>
      </c>
      <c r="D1770">
        <f t="shared" si="83"/>
        <v>3</v>
      </c>
    </row>
    <row r="1771" spans="1:4" x14ac:dyDescent="0.25">
      <c r="A1771" s="7">
        <f t="shared" si="84"/>
        <v>44635.458333329057</v>
      </c>
      <c r="B1771" s="8">
        <v>13.792618391011926</v>
      </c>
      <c r="C1771">
        <f t="shared" si="82"/>
        <v>11</v>
      </c>
      <c r="D1771">
        <f t="shared" si="83"/>
        <v>3</v>
      </c>
    </row>
    <row r="1772" spans="1:4" x14ac:dyDescent="0.25">
      <c r="A1772" s="7">
        <f t="shared" si="84"/>
        <v>44635.499999995722</v>
      </c>
      <c r="B1772" s="8">
        <v>20.451241844420657</v>
      </c>
      <c r="C1772">
        <f t="shared" si="82"/>
        <v>12</v>
      </c>
      <c r="D1772">
        <f t="shared" si="83"/>
        <v>3</v>
      </c>
    </row>
    <row r="1773" spans="1:4" x14ac:dyDescent="0.25">
      <c r="A1773" s="7">
        <f t="shared" si="84"/>
        <v>44635.541666662386</v>
      </c>
      <c r="B1773" s="8">
        <v>20.451313987518528</v>
      </c>
      <c r="C1773">
        <f t="shared" si="82"/>
        <v>13</v>
      </c>
      <c r="D1773">
        <f t="shared" si="83"/>
        <v>3</v>
      </c>
    </row>
    <row r="1774" spans="1:4" x14ac:dyDescent="0.25">
      <c r="A1774" s="7">
        <f t="shared" si="84"/>
        <v>44635.58333332905</v>
      </c>
      <c r="B1774" s="8">
        <v>20.451329446753785</v>
      </c>
      <c r="C1774">
        <f t="shared" si="82"/>
        <v>14</v>
      </c>
      <c r="D1774">
        <f t="shared" si="83"/>
        <v>3</v>
      </c>
    </row>
    <row r="1775" spans="1:4" x14ac:dyDescent="0.25">
      <c r="A1775" s="7">
        <f t="shared" si="84"/>
        <v>44635.624999995714</v>
      </c>
      <c r="B1775" s="8">
        <v>20.451267609812753</v>
      </c>
      <c r="C1775">
        <f t="shared" si="82"/>
        <v>15</v>
      </c>
      <c r="D1775">
        <f t="shared" si="83"/>
        <v>3</v>
      </c>
    </row>
    <row r="1776" spans="1:4" x14ac:dyDescent="0.25">
      <c r="A1776" s="7">
        <f t="shared" si="84"/>
        <v>44635.666666662379</v>
      </c>
      <c r="B1776" s="8">
        <v>18.545397433915618</v>
      </c>
      <c r="C1776">
        <f t="shared" si="82"/>
        <v>16</v>
      </c>
      <c r="D1776">
        <f t="shared" si="83"/>
        <v>3</v>
      </c>
    </row>
    <row r="1777" spans="1:4" x14ac:dyDescent="0.25">
      <c r="A1777" s="7">
        <f t="shared" si="84"/>
        <v>44635.708333329043</v>
      </c>
      <c r="B1777" s="8">
        <v>12.434473042781102</v>
      </c>
      <c r="C1777">
        <f t="shared" si="82"/>
        <v>17</v>
      </c>
      <c r="D1777">
        <f t="shared" si="83"/>
        <v>3</v>
      </c>
    </row>
    <row r="1778" spans="1:4" x14ac:dyDescent="0.25">
      <c r="A1778" s="7">
        <f t="shared" si="84"/>
        <v>44635.749999995707</v>
      </c>
      <c r="B1778" s="8">
        <v>5.3021590393583304</v>
      </c>
      <c r="C1778">
        <f t="shared" si="82"/>
        <v>18</v>
      </c>
      <c r="D1778">
        <f t="shared" si="83"/>
        <v>3</v>
      </c>
    </row>
    <row r="1779" spans="1:4" x14ac:dyDescent="0.25">
      <c r="A1779" s="7">
        <f t="shared" si="84"/>
        <v>44635.791666662371</v>
      </c>
      <c r="B1779" s="8">
        <v>-4.9800999999999998E-2</v>
      </c>
      <c r="C1779">
        <f t="shared" si="82"/>
        <v>19</v>
      </c>
      <c r="D1779">
        <f t="shared" si="83"/>
        <v>3</v>
      </c>
    </row>
    <row r="1780" spans="1:4" x14ac:dyDescent="0.25">
      <c r="A1780" s="7">
        <f t="shared" si="84"/>
        <v>44635.833333329036</v>
      </c>
      <c r="B1780" s="8">
        <v>-4.9800999999999998E-2</v>
      </c>
      <c r="C1780">
        <f t="shared" si="82"/>
        <v>20</v>
      </c>
      <c r="D1780">
        <f t="shared" si="83"/>
        <v>3</v>
      </c>
    </row>
    <row r="1781" spans="1:4" x14ac:dyDescent="0.25">
      <c r="A1781" s="7">
        <f t="shared" si="84"/>
        <v>44635.8749999957</v>
      </c>
      <c r="B1781" s="8">
        <v>-4.9800999999999998E-2</v>
      </c>
      <c r="C1781">
        <f t="shared" si="82"/>
        <v>21</v>
      </c>
      <c r="D1781">
        <f t="shared" si="83"/>
        <v>3</v>
      </c>
    </row>
    <row r="1782" spans="1:4" x14ac:dyDescent="0.25">
      <c r="A1782" s="7">
        <f t="shared" si="84"/>
        <v>44635.916666662364</v>
      </c>
      <c r="B1782" s="8">
        <v>-4.9800999999999998E-2</v>
      </c>
      <c r="C1782">
        <f t="shared" si="82"/>
        <v>22</v>
      </c>
      <c r="D1782">
        <f t="shared" si="83"/>
        <v>3</v>
      </c>
    </row>
    <row r="1783" spans="1:4" x14ac:dyDescent="0.25">
      <c r="A1783" s="7">
        <f t="shared" si="84"/>
        <v>44635.958333329028</v>
      </c>
      <c r="B1783" s="8">
        <v>-4.9800999999999998E-2</v>
      </c>
      <c r="C1783">
        <f t="shared" si="82"/>
        <v>23</v>
      </c>
      <c r="D1783">
        <f t="shared" si="83"/>
        <v>3</v>
      </c>
    </row>
    <row r="1784" spans="1:4" x14ac:dyDescent="0.25">
      <c r="A1784" s="7">
        <f t="shared" si="84"/>
        <v>44635.999999995693</v>
      </c>
      <c r="B1784" s="8">
        <v>-4.9800999999999998E-2</v>
      </c>
      <c r="C1784">
        <f t="shared" si="82"/>
        <v>0</v>
      </c>
      <c r="D1784">
        <f t="shared" si="83"/>
        <v>3</v>
      </c>
    </row>
    <row r="1785" spans="1:4" x14ac:dyDescent="0.25">
      <c r="A1785" s="7">
        <f t="shared" si="84"/>
        <v>44636.041666662357</v>
      </c>
      <c r="B1785" s="8">
        <v>-4.9800999999999998E-2</v>
      </c>
      <c r="C1785">
        <f t="shared" si="82"/>
        <v>1</v>
      </c>
      <c r="D1785">
        <f t="shared" si="83"/>
        <v>3</v>
      </c>
    </row>
    <row r="1786" spans="1:4" x14ac:dyDescent="0.25">
      <c r="A1786" s="7">
        <f t="shared" si="84"/>
        <v>44636.083333329021</v>
      </c>
      <c r="B1786" s="8">
        <v>-4.9800999999999998E-2</v>
      </c>
      <c r="C1786">
        <f t="shared" si="82"/>
        <v>2</v>
      </c>
      <c r="D1786">
        <f t="shared" si="83"/>
        <v>3</v>
      </c>
    </row>
    <row r="1787" spans="1:4" x14ac:dyDescent="0.25">
      <c r="A1787" s="7">
        <f t="shared" si="84"/>
        <v>44636.124999995685</v>
      </c>
      <c r="B1787" s="8">
        <v>-4.9800999999999998E-2</v>
      </c>
      <c r="C1787">
        <f t="shared" si="82"/>
        <v>3</v>
      </c>
      <c r="D1787">
        <f t="shared" si="83"/>
        <v>3</v>
      </c>
    </row>
    <row r="1788" spans="1:4" x14ac:dyDescent="0.25">
      <c r="A1788" s="7">
        <f t="shared" si="84"/>
        <v>44636.16666666235</v>
      </c>
      <c r="B1788" s="8">
        <v>-4.9800999999999998E-2</v>
      </c>
      <c r="C1788">
        <f t="shared" si="82"/>
        <v>4</v>
      </c>
      <c r="D1788">
        <f t="shared" si="83"/>
        <v>3</v>
      </c>
    </row>
    <row r="1789" spans="1:4" x14ac:dyDescent="0.25">
      <c r="A1789" s="7">
        <f t="shared" si="84"/>
        <v>44636.208333329014</v>
      </c>
      <c r="B1789" s="8">
        <v>-4.9800999999999998E-2</v>
      </c>
      <c r="C1789">
        <f t="shared" si="82"/>
        <v>5</v>
      </c>
      <c r="D1789">
        <f t="shared" si="83"/>
        <v>3</v>
      </c>
    </row>
    <row r="1790" spans="1:4" x14ac:dyDescent="0.25">
      <c r="A1790" s="7">
        <f t="shared" si="84"/>
        <v>44636.249999995678</v>
      </c>
      <c r="B1790" s="8">
        <v>-4.9800999999999998E-2</v>
      </c>
      <c r="C1790">
        <f t="shared" si="82"/>
        <v>6</v>
      </c>
      <c r="D1790">
        <f t="shared" si="83"/>
        <v>3</v>
      </c>
    </row>
    <row r="1791" spans="1:4" x14ac:dyDescent="0.25">
      <c r="A1791" s="7">
        <f t="shared" si="84"/>
        <v>44636.291666662342</v>
      </c>
      <c r="B1791" s="8">
        <v>-4.9800999999999998E-2</v>
      </c>
      <c r="C1791">
        <f t="shared" si="82"/>
        <v>7</v>
      </c>
      <c r="D1791">
        <f t="shared" si="83"/>
        <v>3</v>
      </c>
    </row>
    <row r="1792" spans="1:4" x14ac:dyDescent="0.25">
      <c r="A1792" s="7">
        <f t="shared" si="84"/>
        <v>44636.333333329007</v>
      </c>
      <c r="B1792" s="8">
        <v>1.405929844414405</v>
      </c>
      <c r="C1792">
        <f t="shared" si="82"/>
        <v>8</v>
      </c>
      <c r="D1792">
        <f t="shared" si="83"/>
        <v>3</v>
      </c>
    </row>
    <row r="1793" spans="1:4" x14ac:dyDescent="0.25">
      <c r="A1793" s="7">
        <f t="shared" si="84"/>
        <v>44636.374999995671</v>
      </c>
      <c r="B1793" s="8">
        <v>9.1920437641522277</v>
      </c>
      <c r="C1793">
        <f t="shared" si="82"/>
        <v>9</v>
      </c>
      <c r="D1793">
        <f t="shared" si="83"/>
        <v>3</v>
      </c>
    </row>
    <row r="1794" spans="1:4" x14ac:dyDescent="0.25">
      <c r="A1794" s="7">
        <f t="shared" si="84"/>
        <v>44636.416666662335</v>
      </c>
      <c r="B1794" s="8">
        <v>14.300383156766753</v>
      </c>
      <c r="C1794">
        <f t="shared" si="82"/>
        <v>10</v>
      </c>
      <c r="D1794">
        <f t="shared" si="83"/>
        <v>3</v>
      </c>
    </row>
    <row r="1795" spans="1:4" x14ac:dyDescent="0.25">
      <c r="A1795" s="7">
        <f t="shared" si="84"/>
        <v>44636.458333328999</v>
      </c>
      <c r="B1795" s="8">
        <v>20.451276885353909</v>
      </c>
      <c r="C1795">
        <f t="shared" si="82"/>
        <v>11</v>
      </c>
      <c r="D1795">
        <f t="shared" si="83"/>
        <v>3</v>
      </c>
    </row>
    <row r="1796" spans="1:4" x14ac:dyDescent="0.25">
      <c r="A1796" s="7">
        <f t="shared" si="84"/>
        <v>44636.499999995664</v>
      </c>
      <c r="B1796" s="8">
        <v>20.451339752910627</v>
      </c>
      <c r="C1796">
        <f t="shared" si="82"/>
        <v>12</v>
      </c>
      <c r="D1796">
        <f t="shared" si="83"/>
        <v>3</v>
      </c>
    </row>
    <row r="1797" spans="1:4" x14ac:dyDescent="0.25">
      <c r="A1797" s="7">
        <f t="shared" si="84"/>
        <v>44636.541666662328</v>
      </c>
      <c r="B1797" s="8">
        <v>20.451286160895062</v>
      </c>
      <c r="C1797">
        <f t="shared" si="82"/>
        <v>13</v>
      </c>
      <c r="D1797">
        <f t="shared" si="83"/>
        <v>3</v>
      </c>
    </row>
    <row r="1798" spans="1:4" x14ac:dyDescent="0.25">
      <c r="A1798" s="7">
        <f t="shared" si="84"/>
        <v>44636.583333328992</v>
      </c>
      <c r="B1798" s="8">
        <v>20.451341814141994</v>
      </c>
      <c r="C1798">
        <f t="shared" si="82"/>
        <v>14</v>
      </c>
      <c r="D1798">
        <f t="shared" si="83"/>
        <v>3</v>
      </c>
    </row>
    <row r="1799" spans="1:4" x14ac:dyDescent="0.25">
      <c r="A1799" s="7">
        <f t="shared" si="84"/>
        <v>44636.624999995656</v>
      </c>
      <c r="B1799" s="8">
        <v>20.451288222126433</v>
      </c>
      <c r="C1799">
        <f t="shared" si="82"/>
        <v>15</v>
      </c>
      <c r="D1799">
        <f t="shared" si="83"/>
        <v>3</v>
      </c>
    </row>
    <row r="1800" spans="1:4" x14ac:dyDescent="0.25">
      <c r="A1800" s="7">
        <f t="shared" si="84"/>
        <v>44636.66666666232</v>
      </c>
      <c r="B1800" s="8">
        <v>18.280183946901669</v>
      </c>
      <c r="C1800">
        <f t="shared" si="82"/>
        <v>16</v>
      </c>
      <c r="D1800">
        <f t="shared" si="83"/>
        <v>3</v>
      </c>
    </row>
    <row r="1801" spans="1:4" x14ac:dyDescent="0.25">
      <c r="A1801" s="7">
        <f t="shared" si="84"/>
        <v>44636.708333328985</v>
      </c>
      <c r="B1801" s="8">
        <v>8.0769474820376015</v>
      </c>
      <c r="C1801">
        <f t="shared" si="82"/>
        <v>17</v>
      </c>
      <c r="D1801">
        <f t="shared" si="83"/>
        <v>3</v>
      </c>
    </row>
    <row r="1802" spans="1:4" x14ac:dyDescent="0.25">
      <c r="A1802" s="7">
        <f t="shared" si="84"/>
        <v>44636.749999995649</v>
      </c>
      <c r="B1802" s="8">
        <v>4.6530937714950724</v>
      </c>
      <c r="C1802">
        <f t="shared" ref="C1802:C1865" si="85">HOUR(A1802)</f>
        <v>18</v>
      </c>
      <c r="D1802">
        <f t="shared" ref="D1802:D1865" si="86">MONTH(A1802)</f>
        <v>3</v>
      </c>
    </row>
    <row r="1803" spans="1:4" x14ac:dyDescent="0.25">
      <c r="A1803" s="7">
        <f t="shared" ref="A1803:A1866" si="87">+A1802+1/24</f>
        <v>44636.791666662313</v>
      </c>
      <c r="B1803" s="8">
        <v>-4.9800999999999998E-2</v>
      </c>
      <c r="C1803">
        <f t="shared" si="85"/>
        <v>19</v>
      </c>
      <c r="D1803">
        <f t="shared" si="86"/>
        <v>3</v>
      </c>
    </row>
    <row r="1804" spans="1:4" x14ac:dyDescent="0.25">
      <c r="A1804" s="7">
        <f t="shared" si="87"/>
        <v>44636.833333328977</v>
      </c>
      <c r="B1804" s="8">
        <v>-4.9800999999999998E-2</v>
      </c>
      <c r="C1804">
        <f t="shared" si="85"/>
        <v>20</v>
      </c>
      <c r="D1804">
        <f t="shared" si="86"/>
        <v>3</v>
      </c>
    </row>
    <row r="1805" spans="1:4" x14ac:dyDescent="0.25">
      <c r="A1805" s="7">
        <f t="shared" si="87"/>
        <v>44636.874999995642</v>
      </c>
      <c r="B1805" s="8">
        <v>-4.9800999999999998E-2</v>
      </c>
      <c r="C1805">
        <f t="shared" si="85"/>
        <v>21</v>
      </c>
      <c r="D1805">
        <f t="shared" si="86"/>
        <v>3</v>
      </c>
    </row>
    <row r="1806" spans="1:4" x14ac:dyDescent="0.25">
      <c r="A1806" s="7">
        <f t="shared" si="87"/>
        <v>44636.916666662306</v>
      </c>
      <c r="B1806" s="8">
        <v>-4.9800999999999998E-2</v>
      </c>
      <c r="C1806">
        <f t="shared" si="85"/>
        <v>22</v>
      </c>
      <c r="D1806">
        <f t="shared" si="86"/>
        <v>3</v>
      </c>
    </row>
    <row r="1807" spans="1:4" x14ac:dyDescent="0.25">
      <c r="A1807" s="7">
        <f t="shared" si="87"/>
        <v>44636.95833332897</v>
      </c>
      <c r="B1807" s="8">
        <v>-4.9800999999999998E-2</v>
      </c>
      <c r="C1807">
        <f t="shared" si="85"/>
        <v>23</v>
      </c>
      <c r="D1807">
        <f t="shared" si="86"/>
        <v>3</v>
      </c>
    </row>
    <row r="1808" spans="1:4" x14ac:dyDescent="0.25">
      <c r="A1808" s="7">
        <f t="shared" si="87"/>
        <v>44636.999999995634</v>
      </c>
      <c r="B1808" s="8">
        <v>-4.9800999999999998E-2</v>
      </c>
      <c r="C1808">
        <f t="shared" si="85"/>
        <v>0</v>
      </c>
      <c r="D1808">
        <f t="shared" si="86"/>
        <v>3</v>
      </c>
    </row>
    <row r="1809" spans="1:4" x14ac:dyDescent="0.25">
      <c r="A1809" s="7">
        <f t="shared" si="87"/>
        <v>44637.041666662299</v>
      </c>
      <c r="B1809" s="8">
        <v>-4.9800999999999998E-2</v>
      </c>
      <c r="C1809">
        <f t="shared" si="85"/>
        <v>1</v>
      </c>
      <c r="D1809">
        <f t="shared" si="86"/>
        <v>3</v>
      </c>
    </row>
    <row r="1810" spans="1:4" x14ac:dyDescent="0.25">
      <c r="A1810" s="7">
        <f t="shared" si="87"/>
        <v>44637.083333328963</v>
      </c>
      <c r="B1810" s="8">
        <v>-4.9800999999999998E-2</v>
      </c>
      <c r="C1810">
        <f t="shared" si="85"/>
        <v>2</v>
      </c>
      <c r="D1810">
        <f t="shared" si="86"/>
        <v>3</v>
      </c>
    </row>
    <row r="1811" spans="1:4" x14ac:dyDescent="0.25">
      <c r="A1811" s="7">
        <f t="shared" si="87"/>
        <v>44637.124999995627</v>
      </c>
      <c r="B1811" s="8">
        <v>-4.9800999999999998E-2</v>
      </c>
      <c r="C1811">
        <f t="shared" si="85"/>
        <v>3</v>
      </c>
      <c r="D1811">
        <f t="shared" si="86"/>
        <v>3</v>
      </c>
    </row>
    <row r="1812" spans="1:4" x14ac:dyDescent="0.25">
      <c r="A1812" s="7">
        <f t="shared" si="87"/>
        <v>44637.166666662291</v>
      </c>
      <c r="B1812" s="8">
        <v>-4.9800999999999998E-2</v>
      </c>
      <c r="C1812">
        <f t="shared" si="85"/>
        <v>4</v>
      </c>
      <c r="D1812">
        <f t="shared" si="86"/>
        <v>3</v>
      </c>
    </row>
    <row r="1813" spans="1:4" x14ac:dyDescent="0.25">
      <c r="A1813" s="7">
        <f t="shared" si="87"/>
        <v>44637.208333328956</v>
      </c>
      <c r="B1813" s="8">
        <v>-4.9800999999999998E-2</v>
      </c>
      <c r="C1813">
        <f t="shared" si="85"/>
        <v>5</v>
      </c>
      <c r="D1813">
        <f t="shared" si="86"/>
        <v>3</v>
      </c>
    </row>
    <row r="1814" spans="1:4" x14ac:dyDescent="0.25">
      <c r="A1814" s="7">
        <f t="shared" si="87"/>
        <v>44637.24999999562</v>
      </c>
      <c r="B1814" s="8">
        <v>-4.9800999999999998E-2</v>
      </c>
      <c r="C1814">
        <f t="shared" si="85"/>
        <v>6</v>
      </c>
      <c r="D1814">
        <f t="shared" si="86"/>
        <v>3</v>
      </c>
    </row>
    <row r="1815" spans="1:4" x14ac:dyDescent="0.25">
      <c r="A1815" s="7">
        <f t="shared" si="87"/>
        <v>44637.291666662284</v>
      </c>
      <c r="B1815" s="8">
        <v>-4.9800999999999998E-2</v>
      </c>
      <c r="C1815">
        <f t="shared" si="85"/>
        <v>7</v>
      </c>
      <c r="D1815">
        <f t="shared" si="86"/>
        <v>3</v>
      </c>
    </row>
    <row r="1816" spans="1:4" x14ac:dyDescent="0.25">
      <c r="A1816" s="7">
        <f t="shared" si="87"/>
        <v>44637.333333328948</v>
      </c>
      <c r="B1816" s="8">
        <v>1.5155636490196185</v>
      </c>
      <c r="C1816">
        <f t="shared" si="85"/>
        <v>8</v>
      </c>
      <c r="D1816">
        <f t="shared" si="86"/>
        <v>3</v>
      </c>
    </row>
    <row r="1817" spans="1:4" x14ac:dyDescent="0.25">
      <c r="A1817" s="7">
        <f t="shared" si="87"/>
        <v>44637.374999995613</v>
      </c>
      <c r="B1817" s="8">
        <v>2.028280523135539</v>
      </c>
      <c r="C1817">
        <f t="shared" si="85"/>
        <v>9</v>
      </c>
      <c r="D1817">
        <f t="shared" si="86"/>
        <v>3</v>
      </c>
    </row>
    <row r="1818" spans="1:4" x14ac:dyDescent="0.25">
      <c r="A1818" s="7">
        <f t="shared" si="87"/>
        <v>44637.416666662277</v>
      </c>
      <c r="B1818" s="8">
        <v>2.1674703243233626</v>
      </c>
      <c r="C1818">
        <f t="shared" si="85"/>
        <v>10</v>
      </c>
      <c r="D1818">
        <f t="shared" si="86"/>
        <v>3</v>
      </c>
    </row>
    <row r="1819" spans="1:4" x14ac:dyDescent="0.25">
      <c r="A1819" s="7">
        <f t="shared" si="87"/>
        <v>44637.458333328941</v>
      </c>
      <c r="B1819" s="8">
        <v>3.1536468905401329</v>
      </c>
      <c r="C1819">
        <f t="shared" si="85"/>
        <v>11</v>
      </c>
      <c r="D1819">
        <f t="shared" si="86"/>
        <v>3</v>
      </c>
    </row>
    <row r="1820" spans="1:4" x14ac:dyDescent="0.25">
      <c r="A1820" s="7">
        <f t="shared" si="87"/>
        <v>44637.499999995605</v>
      </c>
      <c r="B1820" s="8">
        <v>3.3274540419341525</v>
      </c>
      <c r="C1820">
        <f t="shared" si="85"/>
        <v>12</v>
      </c>
      <c r="D1820">
        <f t="shared" si="86"/>
        <v>3</v>
      </c>
    </row>
    <row r="1821" spans="1:4" x14ac:dyDescent="0.25">
      <c r="A1821" s="7">
        <f t="shared" si="87"/>
        <v>44637.54166666227</v>
      </c>
      <c r="B1821" s="8">
        <v>3.1046421453868258</v>
      </c>
      <c r="C1821">
        <f t="shared" si="85"/>
        <v>13</v>
      </c>
      <c r="D1821">
        <f t="shared" si="86"/>
        <v>3</v>
      </c>
    </row>
    <row r="1822" spans="1:4" x14ac:dyDescent="0.25">
      <c r="A1822" s="7">
        <f t="shared" si="87"/>
        <v>44637.583333328934</v>
      </c>
      <c r="B1822" s="8">
        <v>3.0521116639789301</v>
      </c>
      <c r="C1822">
        <f t="shared" si="85"/>
        <v>14</v>
      </c>
      <c r="D1822">
        <f t="shared" si="86"/>
        <v>3</v>
      </c>
    </row>
    <row r="1823" spans="1:4" x14ac:dyDescent="0.25">
      <c r="A1823" s="7">
        <f t="shared" si="87"/>
        <v>44637.624999995598</v>
      </c>
      <c r="B1823" s="8">
        <v>2.6813373655425048</v>
      </c>
      <c r="C1823">
        <f t="shared" si="85"/>
        <v>15</v>
      </c>
      <c r="D1823">
        <f t="shared" si="86"/>
        <v>3</v>
      </c>
    </row>
    <row r="1824" spans="1:4" x14ac:dyDescent="0.25">
      <c r="A1824" s="7">
        <f t="shared" si="87"/>
        <v>44637.666666662262</v>
      </c>
      <c r="B1824" s="8">
        <v>3.0313993805797841</v>
      </c>
      <c r="C1824">
        <f t="shared" si="85"/>
        <v>16</v>
      </c>
      <c r="D1824">
        <f t="shared" si="86"/>
        <v>3</v>
      </c>
    </row>
    <row r="1825" spans="1:4" x14ac:dyDescent="0.25">
      <c r="A1825" s="7">
        <f t="shared" si="87"/>
        <v>44637.708333328927</v>
      </c>
      <c r="B1825" s="8">
        <v>2.6338795745307175</v>
      </c>
      <c r="C1825">
        <f t="shared" si="85"/>
        <v>17</v>
      </c>
      <c r="D1825">
        <f t="shared" si="86"/>
        <v>3</v>
      </c>
    </row>
    <row r="1826" spans="1:4" x14ac:dyDescent="0.25">
      <c r="A1826" s="7">
        <f t="shared" si="87"/>
        <v>44637.749999995591</v>
      </c>
      <c r="B1826" s="8">
        <v>1.0995752099152354</v>
      </c>
      <c r="C1826">
        <f t="shared" si="85"/>
        <v>18</v>
      </c>
      <c r="D1826">
        <f t="shared" si="86"/>
        <v>3</v>
      </c>
    </row>
    <row r="1827" spans="1:4" x14ac:dyDescent="0.25">
      <c r="A1827" s="7">
        <f t="shared" si="87"/>
        <v>44637.791666662255</v>
      </c>
      <c r="B1827" s="8">
        <v>-4.9800999999999998E-2</v>
      </c>
      <c r="C1827">
        <f t="shared" si="85"/>
        <v>19</v>
      </c>
      <c r="D1827">
        <f t="shared" si="86"/>
        <v>3</v>
      </c>
    </row>
    <row r="1828" spans="1:4" x14ac:dyDescent="0.25">
      <c r="A1828" s="7">
        <f t="shared" si="87"/>
        <v>44637.833333328919</v>
      </c>
      <c r="B1828" s="8">
        <v>-4.9800999999999998E-2</v>
      </c>
      <c r="C1828">
        <f t="shared" si="85"/>
        <v>20</v>
      </c>
      <c r="D1828">
        <f t="shared" si="86"/>
        <v>3</v>
      </c>
    </row>
    <row r="1829" spans="1:4" x14ac:dyDescent="0.25">
      <c r="A1829" s="7">
        <f t="shared" si="87"/>
        <v>44637.874999995583</v>
      </c>
      <c r="B1829" s="8">
        <v>-4.9800999999999998E-2</v>
      </c>
      <c r="C1829">
        <f t="shared" si="85"/>
        <v>21</v>
      </c>
      <c r="D1829">
        <f t="shared" si="86"/>
        <v>3</v>
      </c>
    </row>
    <row r="1830" spans="1:4" x14ac:dyDescent="0.25">
      <c r="A1830" s="7">
        <f t="shared" si="87"/>
        <v>44637.916666662248</v>
      </c>
      <c r="B1830" s="8">
        <v>-4.9800999999999998E-2</v>
      </c>
      <c r="C1830">
        <f t="shared" si="85"/>
        <v>22</v>
      </c>
      <c r="D1830">
        <f t="shared" si="86"/>
        <v>3</v>
      </c>
    </row>
    <row r="1831" spans="1:4" x14ac:dyDescent="0.25">
      <c r="A1831" s="7">
        <f t="shared" si="87"/>
        <v>44637.958333328912</v>
      </c>
      <c r="B1831" s="8">
        <v>-4.9800999999999998E-2</v>
      </c>
      <c r="C1831">
        <f t="shared" si="85"/>
        <v>23</v>
      </c>
      <c r="D1831">
        <f t="shared" si="86"/>
        <v>3</v>
      </c>
    </row>
    <row r="1832" spans="1:4" x14ac:dyDescent="0.25">
      <c r="A1832" s="7">
        <f t="shared" si="87"/>
        <v>44637.999999995576</v>
      </c>
      <c r="B1832" s="8">
        <v>-4.9800999999999998E-2</v>
      </c>
      <c r="C1832">
        <f t="shared" si="85"/>
        <v>0</v>
      </c>
      <c r="D1832">
        <f t="shared" si="86"/>
        <v>3</v>
      </c>
    </row>
    <row r="1833" spans="1:4" x14ac:dyDescent="0.25">
      <c r="A1833" s="7">
        <f t="shared" si="87"/>
        <v>44638.04166666224</v>
      </c>
      <c r="B1833" s="8">
        <v>-4.9800999999999998E-2</v>
      </c>
      <c r="C1833">
        <f t="shared" si="85"/>
        <v>1</v>
      </c>
      <c r="D1833">
        <f t="shared" si="86"/>
        <v>3</v>
      </c>
    </row>
    <row r="1834" spans="1:4" x14ac:dyDescent="0.25">
      <c r="A1834" s="7">
        <f t="shared" si="87"/>
        <v>44638.083333328905</v>
      </c>
      <c r="B1834" s="8">
        <v>-4.9800999999999998E-2</v>
      </c>
      <c r="C1834">
        <f t="shared" si="85"/>
        <v>2</v>
      </c>
      <c r="D1834">
        <f t="shared" si="86"/>
        <v>3</v>
      </c>
    </row>
    <row r="1835" spans="1:4" x14ac:dyDescent="0.25">
      <c r="A1835" s="7">
        <f t="shared" si="87"/>
        <v>44638.124999995569</v>
      </c>
      <c r="B1835" s="8">
        <v>-4.9800999999999998E-2</v>
      </c>
      <c r="C1835">
        <f t="shared" si="85"/>
        <v>3</v>
      </c>
      <c r="D1835">
        <f t="shared" si="86"/>
        <v>3</v>
      </c>
    </row>
    <row r="1836" spans="1:4" x14ac:dyDescent="0.25">
      <c r="A1836" s="7">
        <f t="shared" si="87"/>
        <v>44638.166666662233</v>
      </c>
      <c r="B1836" s="8">
        <v>-4.9800999999999998E-2</v>
      </c>
      <c r="C1836">
        <f t="shared" si="85"/>
        <v>4</v>
      </c>
      <c r="D1836">
        <f t="shared" si="86"/>
        <v>3</v>
      </c>
    </row>
    <row r="1837" spans="1:4" x14ac:dyDescent="0.25">
      <c r="A1837" s="7">
        <f t="shared" si="87"/>
        <v>44638.208333328897</v>
      </c>
      <c r="B1837" s="8">
        <v>-4.9800999999999998E-2</v>
      </c>
      <c r="C1837">
        <f t="shared" si="85"/>
        <v>5</v>
      </c>
      <c r="D1837">
        <f t="shared" si="86"/>
        <v>3</v>
      </c>
    </row>
    <row r="1838" spans="1:4" x14ac:dyDescent="0.25">
      <c r="A1838" s="7">
        <f t="shared" si="87"/>
        <v>44638.249999995562</v>
      </c>
      <c r="B1838" s="8">
        <v>-4.9800999999999998E-2</v>
      </c>
      <c r="C1838">
        <f t="shared" si="85"/>
        <v>6</v>
      </c>
      <c r="D1838">
        <f t="shared" si="86"/>
        <v>3</v>
      </c>
    </row>
    <row r="1839" spans="1:4" x14ac:dyDescent="0.25">
      <c r="A1839" s="7">
        <f t="shared" si="87"/>
        <v>44638.291666662226</v>
      </c>
      <c r="B1839" s="8">
        <v>-4.9800999999999998E-2</v>
      </c>
      <c r="C1839">
        <f t="shared" si="85"/>
        <v>7</v>
      </c>
      <c r="D1839">
        <f t="shared" si="86"/>
        <v>3</v>
      </c>
    </row>
    <row r="1840" spans="1:4" x14ac:dyDescent="0.25">
      <c r="A1840" s="7">
        <f t="shared" si="87"/>
        <v>44638.33333332889</v>
      </c>
      <c r="B1840" s="8">
        <v>3.0599474350235494</v>
      </c>
      <c r="C1840">
        <f t="shared" si="85"/>
        <v>8</v>
      </c>
      <c r="D1840">
        <f t="shared" si="86"/>
        <v>3</v>
      </c>
    </row>
    <row r="1841" spans="1:4" x14ac:dyDescent="0.25">
      <c r="A1841" s="7">
        <f t="shared" si="87"/>
        <v>44638.374999995554</v>
      </c>
      <c r="B1841" s="8">
        <v>11.142339659719145</v>
      </c>
      <c r="C1841">
        <f t="shared" si="85"/>
        <v>9</v>
      </c>
      <c r="D1841">
        <f t="shared" si="86"/>
        <v>3</v>
      </c>
    </row>
    <row r="1842" spans="1:4" x14ac:dyDescent="0.25">
      <c r="A1842" s="7">
        <f t="shared" si="87"/>
        <v>44638.416666662219</v>
      </c>
      <c r="B1842" s="8">
        <v>17.792570809613952</v>
      </c>
      <c r="C1842">
        <f t="shared" si="85"/>
        <v>10</v>
      </c>
      <c r="D1842">
        <f t="shared" si="86"/>
        <v>3</v>
      </c>
    </row>
    <row r="1843" spans="1:4" x14ac:dyDescent="0.25">
      <c r="A1843" s="7">
        <f t="shared" si="87"/>
        <v>44638.458333328883</v>
      </c>
      <c r="B1843" s="8">
        <v>20.451236691342238</v>
      </c>
      <c r="C1843">
        <f t="shared" si="85"/>
        <v>11</v>
      </c>
      <c r="D1843">
        <f t="shared" si="86"/>
        <v>3</v>
      </c>
    </row>
    <row r="1844" spans="1:4" x14ac:dyDescent="0.25">
      <c r="A1844" s="7">
        <f t="shared" si="87"/>
        <v>44638.499999995547</v>
      </c>
      <c r="B1844" s="8">
        <v>20.451297497667586</v>
      </c>
      <c r="C1844">
        <f t="shared" si="85"/>
        <v>12</v>
      </c>
      <c r="D1844">
        <f t="shared" si="86"/>
        <v>3</v>
      </c>
    </row>
    <row r="1845" spans="1:4" x14ac:dyDescent="0.25">
      <c r="A1845" s="7">
        <f t="shared" si="87"/>
        <v>44638.541666662211</v>
      </c>
      <c r="B1845" s="8">
        <v>20.45129234458917</v>
      </c>
      <c r="C1845">
        <f t="shared" si="85"/>
        <v>13</v>
      </c>
      <c r="D1845">
        <f t="shared" si="86"/>
        <v>3</v>
      </c>
    </row>
    <row r="1846" spans="1:4" x14ac:dyDescent="0.25">
      <c r="A1846" s="7">
        <f t="shared" si="87"/>
        <v>44638.583333328876</v>
      </c>
      <c r="B1846" s="8">
        <v>20.451312956902846</v>
      </c>
      <c r="C1846">
        <f t="shared" si="85"/>
        <v>14</v>
      </c>
      <c r="D1846">
        <f t="shared" si="86"/>
        <v>3</v>
      </c>
    </row>
    <row r="1847" spans="1:4" x14ac:dyDescent="0.25">
      <c r="A1847" s="7">
        <f t="shared" si="87"/>
        <v>44638.62499999554</v>
      </c>
      <c r="B1847" s="8">
        <v>20.451282038432328</v>
      </c>
      <c r="C1847">
        <f t="shared" si="85"/>
        <v>15</v>
      </c>
      <c r="D1847">
        <f t="shared" si="86"/>
        <v>3</v>
      </c>
    </row>
    <row r="1848" spans="1:4" x14ac:dyDescent="0.25">
      <c r="A1848" s="7">
        <f t="shared" si="87"/>
        <v>44638.666666662204</v>
      </c>
      <c r="B1848" s="8">
        <v>18.89641070722913</v>
      </c>
      <c r="C1848">
        <f t="shared" si="85"/>
        <v>16</v>
      </c>
      <c r="D1848">
        <f t="shared" si="86"/>
        <v>3</v>
      </c>
    </row>
    <row r="1849" spans="1:4" x14ac:dyDescent="0.25">
      <c r="A1849" s="7">
        <f t="shared" si="87"/>
        <v>44638.708333328868</v>
      </c>
      <c r="B1849" s="8">
        <v>12.857957149754421</v>
      </c>
      <c r="C1849">
        <f t="shared" si="85"/>
        <v>17</v>
      </c>
      <c r="D1849">
        <f t="shared" si="86"/>
        <v>3</v>
      </c>
    </row>
    <row r="1850" spans="1:4" x14ac:dyDescent="0.25">
      <c r="A1850" s="7">
        <f t="shared" si="87"/>
        <v>44638.749999995533</v>
      </c>
      <c r="B1850" s="8">
        <v>5.4614159585271853</v>
      </c>
      <c r="C1850">
        <f t="shared" si="85"/>
        <v>18</v>
      </c>
      <c r="D1850">
        <f t="shared" si="86"/>
        <v>3</v>
      </c>
    </row>
    <row r="1851" spans="1:4" x14ac:dyDescent="0.25">
      <c r="A1851" s="7">
        <f t="shared" si="87"/>
        <v>44638.791666662197</v>
      </c>
      <c r="B1851" s="8">
        <v>0.41798474168407879</v>
      </c>
      <c r="C1851">
        <f t="shared" si="85"/>
        <v>19</v>
      </c>
      <c r="D1851">
        <f t="shared" si="86"/>
        <v>3</v>
      </c>
    </row>
    <row r="1852" spans="1:4" x14ac:dyDescent="0.25">
      <c r="A1852" s="7">
        <f t="shared" si="87"/>
        <v>44638.833333328861</v>
      </c>
      <c r="B1852" s="8">
        <v>-4.9800999999999998E-2</v>
      </c>
      <c r="C1852">
        <f t="shared" si="85"/>
        <v>20</v>
      </c>
      <c r="D1852">
        <f t="shared" si="86"/>
        <v>3</v>
      </c>
    </row>
    <row r="1853" spans="1:4" x14ac:dyDescent="0.25">
      <c r="A1853" s="7">
        <f t="shared" si="87"/>
        <v>44638.874999995525</v>
      </c>
      <c r="B1853" s="8">
        <v>-4.9800999999999998E-2</v>
      </c>
      <c r="C1853">
        <f t="shared" si="85"/>
        <v>21</v>
      </c>
      <c r="D1853">
        <f t="shared" si="86"/>
        <v>3</v>
      </c>
    </row>
    <row r="1854" spans="1:4" x14ac:dyDescent="0.25">
      <c r="A1854" s="7">
        <f t="shared" si="87"/>
        <v>44638.91666666219</v>
      </c>
      <c r="B1854" s="8">
        <v>-4.9800999999999998E-2</v>
      </c>
      <c r="C1854">
        <f t="shared" si="85"/>
        <v>22</v>
      </c>
      <c r="D1854">
        <f t="shared" si="86"/>
        <v>3</v>
      </c>
    </row>
    <row r="1855" spans="1:4" x14ac:dyDescent="0.25">
      <c r="A1855" s="7">
        <f t="shared" si="87"/>
        <v>44638.958333328854</v>
      </c>
      <c r="B1855" s="8">
        <v>-4.9800999999999998E-2</v>
      </c>
      <c r="C1855">
        <f t="shared" si="85"/>
        <v>23</v>
      </c>
      <c r="D1855">
        <f t="shared" si="86"/>
        <v>3</v>
      </c>
    </row>
    <row r="1856" spans="1:4" x14ac:dyDescent="0.25">
      <c r="A1856" s="7">
        <f t="shared" si="87"/>
        <v>44638.999999995518</v>
      </c>
      <c r="B1856" s="8">
        <v>-4.9800999999999998E-2</v>
      </c>
      <c r="C1856">
        <f t="shared" si="85"/>
        <v>0</v>
      </c>
      <c r="D1856">
        <f t="shared" si="86"/>
        <v>3</v>
      </c>
    </row>
    <row r="1857" spans="1:4" x14ac:dyDescent="0.25">
      <c r="A1857" s="7">
        <f t="shared" si="87"/>
        <v>44639.041666662182</v>
      </c>
      <c r="B1857" s="8">
        <v>-4.9800999999999998E-2</v>
      </c>
      <c r="C1857">
        <f t="shared" si="85"/>
        <v>1</v>
      </c>
      <c r="D1857">
        <f t="shared" si="86"/>
        <v>3</v>
      </c>
    </row>
    <row r="1858" spans="1:4" x14ac:dyDescent="0.25">
      <c r="A1858" s="7">
        <f t="shared" si="87"/>
        <v>44639.083333328846</v>
      </c>
      <c r="B1858" s="8">
        <v>-4.9800999999999998E-2</v>
      </c>
      <c r="C1858">
        <f t="shared" si="85"/>
        <v>2</v>
      </c>
      <c r="D1858">
        <f t="shared" si="86"/>
        <v>3</v>
      </c>
    </row>
    <row r="1859" spans="1:4" x14ac:dyDescent="0.25">
      <c r="A1859" s="7">
        <f t="shared" si="87"/>
        <v>44639.124999995511</v>
      </c>
      <c r="B1859" s="8">
        <v>-4.9800999999999998E-2</v>
      </c>
      <c r="C1859">
        <f t="shared" si="85"/>
        <v>3</v>
      </c>
      <c r="D1859">
        <f t="shared" si="86"/>
        <v>3</v>
      </c>
    </row>
    <row r="1860" spans="1:4" x14ac:dyDescent="0.25">
      <c r="A1860" s="7">
        <f t="shared" si="87"/>
        <v>44639.166666662175</v>
      </c>
      <c r="B1860" s="8">
        <v>-4.9800999999999998E-2</v>
      </c>
      <c r="C1860">
        <f t="shared" si="85"/>
        <v>4</v>
      </c>
      <c r="D1860">
        <f t="shared" si="86"/>
        <v>3</v>
      </c>
    </row>
    <row r="1861" spans="1:4" x14ac:dyDescent="0.25">
      <c r="A1861" s="7">
        <f t="shared" si="87"/>
        <v>44639.208333328839</v>
      </c>
      <c r="B1861" s="8">
        <v>-4.9800999999999998E-2</v>
      </c>
      <c r="C1861">
        <f t="shared" si="85"/>
        <v>5</v>
      </c>
      <c r="D1861">
        <f t="shared" si="86"/>
        <v>3</v>
      </c>
    </row>
    <row r="1862" spans="1:4" x14ac:dyDescent="0.25">
      <c r="A1862" s="7">
        <f t="shared" si="87"/>
        <v>44639.249999995503</v>
      </c>
      <c r="B1862" s="8">
        <v>-4.9800999999999998E-2</v>
      </c>
      <c r="C1862">
        <f t="shared" si="85"/>
        <v>6</v>
      </c>
      <c r="D1862">
        <f t="shared" si="86"/>
        <v>3</v>
      </c>
    </row>
    <row r="1863" spans="1:4" x14ac:dyDescent="0.25">
      <c r="A1863" s="7">
        <f t="shared" si="87"/>
        <v>44639.291666662168</v>
      </c>
      <c r="B1863" s="8">
        <v>-4.9800999999999998E-2</v>
      </c>
      <c r="C1863">
        <f t="shared" si="85"/>
        <v>7</v>
      </c>
      <c r="D1863">
        <f t="shared" si="86"/>
        <v>3</v>
      </c>
    </row>
    <row r="1864" spans="1:4" x14ac:dyDescent="0.25">
      <c r="A1864" s="7">
        <f t="shared" si="87"/>
        <v>44639.333333328832</v>
      </c>
      <c r="B1864" s="8">
        <v>3.044145004742457</v>
      </c>
      <c r="C1864">
        <f t="shared" si="85"/>
        <v>8</v>
      </c>
      <c r="D1864">
        <f t="shared" si="86"/>
        <v>3</v>
      </c>
    </row>
    <row r="1865" spans="1:4" x14ac:dyDescent="0.25">
      <c r="A1865" s="7">
        <f t="shared" si="87"/>
        <v>44639.374999995496</v>
      </c>
      <c r="B1865" s="8">
        <v>9.9211909625008232</v>
      </c>
      <c r="C1865">
        <f t="shared" si="85"/>
        <v>9</v>
      </c>
      <c r="D1865">
        <f t="shared" si="86"/>
        <v>3</v>
      </c>
    </row>
    <row r="1866" spans="1:4" x14ac:dyDescent="0.25">
      <c r="A1866" s="7">
        <f t="shared" si="87"/>
        <v>44639.41666666216</v>
      </c>
      <c r="B1866" s="8">
        <v>16.202839933518845</v>
      </c>
      <c r="C1866">
        <f t="shared" ref="C1866:C1929" si="88">HOUR(A1866)</f>
        <v>10</v>
      </c>
      <c r="D1866">
        <f t="shared" ref="D1866:D1929" si="89">MONTH(A1866)</f>
        <v>3</v>
      </c>
    </row>
    <row r="1867" spans="1:4" x14ac:dyDescent="0.25">
      <c r="A1867" s="7">
        <f t="shared" ref="A1867:A1930" si="90">+A1866+1/24</f>
        <v>44639.458333328825</v>
      </c>
      <c r="B1867" s="8">
        <v>20.451215048412873</v>
      </c>
      <c r="C1867">
        <f t="shared" si="88"/>
        <v>11</v>
      </c>
      <c r="D1867">
        <f t="shared" si="89"/>
        <v>3</v>
      </c>
    </row>
    <row r="1868" spans="1:4" x14ac:dyDescent="0.25">
      <c r="A1868" s="7">
        <f t="shared" si="90"/>
        <v>44639.499999995489</v>
      </c>
      <c r="B1868" s="8">
        <v>20.451294405820537</v>
      </c>
      <c r="C1868">
        <f t="shared" si="88"/>
        <v>12</v>
      </c>
      <c r="D1868">
        <f t="shared" si="89"/>
        <v>3</v>
      </c>
    </row>
    <row r="1869" spans="1:4" x14ac:dyDescent="0.25">
      <c r="A1869" s="7">
        <f t="shared" si="90"/>
        <v>44639.541666662153</v>
      </c>
      <c r="B1869" s="8">
        <v>20.451285130279381</v>
      </c>
      <c r="C1869">
        <f t="shared" si="88"/>
        <v>13</v>
      </c>
      <c r="D1869">
        <f t="shared" si="89"/>
        <v>3</v>
      </c>
    </row>
    <row r="1870" spans="1:4" x14ac:dyDescent="0.25">
      <c r="A1870" s="7">
        <f t="shared" si="90"/>
        <v>44639.583333328817</v>
      </c>
      <c r="B1870" s="8">
        <v>20.451234630110871</v>
      </c>
      <c r="C1870">
        <f t="shared" si="88"/>
        <v>14</v>
      </c>
      <c r="D1870">
        <f t="shared" si="89"/>
        <v>3</v>
      </c>
    </row>
    <row r="1871" spans="1:4" x14ac:dyDescent="0.25">
      <c r="A1871" s="7">
        <f t="shared" si="90"/>
        <v>44639.624999995482</v>
      </c>
      <c r="B1871" s="8">
        <v>15.442274416046846</v>
      </c>
      <c r="C1871">
        <f t="shared" si="88"/>
        <v>15</v>
      </c>
      <c r="D1871">
        <f t="shared" si="89"/>
        <v>3</v>
      </c>
    </row>
    <row r="1872" spans="1:4" x14ac:dyDescent="0.25">
      <c r="A1872" s="7">
        <f t="shared" si="90"/>
        <v>44639.666666662146</v>
      </c>
      <c r="B1872" s="8">
        <v>11.622548853933791</v>
      </c>
      <c r="C1872">
        <f t="shared" si="88"/>
        <v>16</v>
      </c>
      <c r="D1872">
        <f t="shared" si="89"/>
        <v>3</v>
      </c>
    </row>
    <row r="1873" spans="1:4" x14ac:dyDescent="0.25">
      <c r="A1873" s="7">
        <f t="shared" si="90"/>
        <v>44639.70833332881</v>
      </c>
      <c r="B1873" s="8">
        <v>6.4231452901063903</v>
      </c>
      <c r="C1873">
        <f t="shared" si="88"/>
        <v>17</v>
      </c>
      <c r="D1873">
        <f t="shared" si="89"/>
        <v>3</v>
      </c>
    </row>
    <row r="1874" spans="1:4" x14ac:dyDescent="0.25">
      <c r="A1874" s="7">
        <f t="shared" si="90"/>
        <v>44639.749999995474</v>
      </c>
      <c r="B1874" s="8">
        <v>3.7703229993057659</v>
      </c>
      <c r="C1874">
        <f t="shared" si="88"/>
        <v>18</v>
      </c>
      <c r="D1874">
        <f t="shared" si="89"/>
        <v>3</v>
      </c>
    </row>
    <row r="1875" spans="1:4" x14ac:dyDescent="0.25">
      <c r="A1875" s="7">
        <f t="shared" si="90"/>
        <v>44639.791666662139</v>
      </c>
      <c r="B1875" s="8">
        <v>0.38956139173806437</v>
      </c>
      <c r="C1875">
        <f t="shared" si="88"/>
        <v>19</v>
      </c>
      <c r="D1875">
        <f t="shared" si="89"/>
        <v>3</v>
      </c>
    </row>
    <row r="1876" spans="1:4" x14ac:dyDescent="0.25">
      <c r="A1876" s="7">
        <f t="shared" si="90"/>
        <v>44639.833333328803</v>
      </c>
      <c r="B1876" s="8">
        <v>-4.9800999999999998E-2</v>
      </c>
      <c r="C1876">
        <f t="shared" si="88"/>
        <v>20</v>
      </c>
      <c r="D1876">
        <f t="shared" si="89"/>
        <v>3</v>
      </c>
    </row>
    <row r="1877" spans="1:4" x14ac:dyDescent="0.25">
      <c r="A1877" s="7">
        <f t="shared" si="90"/>
        <v>44639.874999995467</v>
      </c>
      <c r="B1877" s="8">
        <v>-4.9800999999999998E-2</v>
      </c>
      <c r="C1877">
        <f t="shared" si="88"/>
        <v>21</v>
      </c>
      <c r="D1877">
        <f t="shared" si="89"/>
        <v>3</v>
      </c>
    </row>
    <row r="1878" spans="1:4" x14ac:dyDescent="0.25">
      <c r="A1878" s="7">
        <f t="shared" si="90"/>
        <v>44639.916666662131</v>
      </c>
      <c r="B1878" s="8">
        <v>-4.9800999999999998E-2</v>
      </c>
      <c r="C1878">
        <f t="shared" si="88"/>
        <v>22</v>
      </c>
      <c r="D1878">
        <f t="shared" si="89"/>
        <v>3</v>
      </c>
    </row>
    <row r="1879" spans="1:4" x14ac:dyDescent="0.25">
      <c r="A1879" s="7">
        <f t="shared" si="90"/>
        <v>44639.958333328796</v>
      </c>
      <c r="B1879" s="8">
        <v>-4.9800999999999998E-2</v>
      </c>
      <c r="C1879">
        <f t="shared" si="88"/>
        <v>23</v>
      </c>
      <c r="D1879">
        <f t="shared" si="89"/>
        <v>3</v>
      </c>
    </row>
    <row r="1880" spans="1:4" x14ac:dyDescent="0.25">
      <c r="A1880" s="7">
        <f t="shared" si="90"/>
        <v>44639.99999999546</v>
      </c>
      <c r="B1880" s="8">
        <v>-4.9800999999999998E-2</v>
      </c>
      <c r="C1880">
        <f t="shared" si="88"/>
        <v>0</v>
      </c>
      <c r="D1880">
        <f t="shared" si="89"/>
        <v>3</v>
      </c>
    </row>
    <row r="1881" spans="1:4" x14ac:dyDescent="0.25">
      <c r="A1881" s="7">
        <f t="shared" si="90"/>
        <v>44640.041666662124</v>
      </c>
      <c r="B1881" s="8">
        <v>-4.9800999999999998E-2</v>
      </c>
      <c r="C1881">
        <f t="shared" si="88"/>
        <v>1</v>
      </c>
      <c r="D1881">
        <f t="shared" si="89"/>
        <v>3</v>
      </c>
    </row>
    <row r="1882" spans="1:4" x14ac:dyDescent="0.25">
      <c r="A1882" s="7">
        <f t="shared" si="90"/>
        <v>44640.083333328788</v>
      </c>
      <c r="B1882" s="8">
        <v>-4.9800999999999998E-2</v>
      </c>
      <c r="C1882">
        <f t="shared" si="88"/>
        <v>2</v>
      </c>
      <c r="D1882">
        <f t="shared" si="89"/>
        <v>3</v>
      </c>
    </row>
    <row r="1883" spans="1:4" x14ac:dyDescent="0.25">
      <c r="A1883" s="7">
        <f t="shared" si="90"/>
        <v>44640.124999995453</v>
      </c>
      <c r="B1883" s="8">
        <v>-4.9800999999999998E-2</v>
      </c>
      <c r="C1883">
        <f t="shared" si="88"/>
        <v>3</v>
      </c>
      <c r="D1883">
        <f t="shared" si="89"/>
        <v>3</v>
      </c>
    </row>
    <row r="1884" spans="1:4" x14ac:dyDescent="0.25">
      <c r="A1884" s="7">
        <f t="shared" si="90"/>
        <v>44640.166666662117</v>
      </c>
      <c r="B1884" s="8">
        <v>-4.9800999999999998E-2</v>
      </c>
      <c r="C1884">
        <f t="shared" si="88"/>
        <v>4</v>
      </c>
      <c r="D1884">
        <f t="shared" si="89"/>
        <v>3</v>
      </c>
    </row>
    <row r="1885" spans="1:4" x14ac:dyDescent="0.25">
      <c r="A1885" s="7">
        <f t="shared" si="90"/>
        <v>44640.208333328781</v>
      </c>
      <c r="B1885" s="8">
        <v>-4.9800999999999998E-2</v>
      </c>
      <c r="C1885">
        <f t="shared" si="88"/>
        <v>5</v>
      </c>
      <c r="D1885">
        <f t="shared" si="89"/>
        <v>3</v>
      </c>
    </row>
    <row r="1886" spans="1:4" x14ac:dyDescent="0.25">
      <c r="A1886" s="7">
        <f t="shared" si="90"/>
        <v>44640.249999995445</v>
      </c>
      <c r="B1886" s="8">
        <v>-4.9800999999999998E-2</v>
      </c>
      <c r="C1886">
        <f t="shared" si="88"/>
        <v>6</v>
      </c>
      <c r="D1886">
        <f t="shared" si="89"/>
        <v>3</v>
      </c>
    </row>
    <row r="1887" spans="1:4" x14ac:dyDescent="0.25">
      <c r="A1887" s="7">
        <f t="shared" si="90"/>
        <v>44640.291666662109</v>
      </c>
      <c r="B1887" s="8">
        <v>-4.9800999999999998E-2</v>
      </c>
      <c r="C1887">
        <f t="shared" si="88"/>
        <v>7</v>
      </c>
      <c r="D1887">
        <f t="shared" si="89"/>
        <v>3</v>
      </c>
    </row>
    <row r="1888" spans="1:4" x14ac:dyDescent="0.25">
      <c r="A1888" s="7">
        <f t="shared" si="90"/>
        <v>44640.333333328774</v>
      </c>
      <c r="B1888" s="8">
        <v>0.80023391514494047</v>
      </c>
      <c r="C1888">
        <f t="shared" si="88"/>
        <v>8</v>
      </c>
      <c r="D1888">
        <f t="shared" si="89"/>
        <v>3</v>
      </c>
    </row>
    <row r="1889" spans="1:4" x14ac:dyDescent="0.25">
      <c r="A1889" s="7">
        <f t="shared" si="90"/>
        <v>44640.374999995438</v>
      </c>
      <c r="B1889" s="8">
        <v>1.7909627108374546</v>
      </c>
      <c r="C1889">
        <f t="shared" si="88"/>
        <v>9</v>
      </c>
      <c r="D1889">
        <f t="shared" si="89"/>
        <v>3</v>
      </c>
    </row>
    <row r="1890" spans="1:4" x14ac:dyDescent="0.25">
      <c r="A1890" s="7">
        <f t="shared" si="90"/>
        <v>44640.416666662102</v>
      </c>
      <c r="B1890" s="8">
        <v>4.5417398693134459</v>
      </c>
      <c r="C1890">
        <f t="shared" si="88"/>
        <v>10</v>
      </c>
      <c r="D1890">
        <f t="shared" si="89"/>
        <v>3</v>
      </c>
    </row>
    <row r="1891" spans="1:4" x14ac:dyDescent="0.25">
      <c r="A1891" s="7">
        <f t="shared" si="90"/>
        <v>44640.458333328766</v>
      </c>
      <c r="B1891" s="8">
        <v>4.6143725096356247</v>
      </c>
      <c r="C1891">
        <f t="shared" si="88"/>
        <v>11</v>
      </c>
      <c r="D1891">
        <f t="shared" si="89"/>
        <v>3</v>
      </c>
    </row>
    <row r="1892" spans="1:4" x14ac:dyDescent="0.25">
      <c r="A1892" s="7">
        <f t="shared" si="90"/>
        <v>44640.499999995431</v>
      </c>
      <c r="B1892" s="8">
        <v>3.6780066300369638</v>
      </c>
      <c r="C1892">
        <f t="shared" si="88"/>
        <v>12</v>
      </c>
      <c r="D1892">
        <f t="shared" si="89"/>
        <v>3</v>
      </c>
    </row>
    <row r="1893" spans="1:4" x14ac:dyDescent="0.25">
      <c r="A1893" s="7">
        <f t="shared" si="90"/>
        <v>44640.541666662095</v>
      </c>
      <c r="B1893" s="8">
        <v>3.2512461958045575</v>
      </c>
      <c r="C1893">
        <f t="shared" si="88"/>
        <v>13</v>
      </c>
      <c r="D1893">
        <f t="shared" si="89"/>
        <v>3</v>
      </c>
    </row>
    <row r="1894" spans="1:4" x14ac:dyDescent="0.25">
      <c r="A1894" s="7">
        <f t="shared" si="90"/>
        <v>44640.583333328759</v>
      </c>
      <c r="B1894" s="8">
        <v>3.1980891000608564</v>
      </c>
      <c r="C1894">
        <f t="shared" si="88"/>
        <v>14</v>
      </c>
      <c r="D1894">
        <f t="shared" si="89"/>
        <v>3</v>
      </c>
    </row>
    <row r="1895" spans="1:4" x14ac:dyDescent="0.25">
      <c r="A1895" s="7">
        <f t="shared" si="90"/>
        <v>44640.624999995423</v>
      </c>
      <c r="B1895" s="8">
        <v>2.893051592405699</v>
      </c>
      <c r="C1895">
        <f t="shared" si="88"/>
        <v>15</v>
      </c>
      <c r="D1895">
        <f t="shared" si="89"/>
        <v>3</v>
      </c>
    </row>
    <row r="1896" spans="1:4" x14ac:dyDescent="0.25">
      <c r="A1896" s="7">
        <f t="shared" si="90"/>
        <v>44640.666666662088</v>
      </c>
      <c r="B1896" s="8">
        <v>3.0996436593199577</v>
      </c>
      <c r="C1896">
        <f t="shared" si="88"/>
        <v>16</v>
      </c>
      <c r="D1896">
        <f t="shared" si="89"/>
        <v>3</v>
      </c>
    </row>
    <row r="1897" spans="1:4" x14ac:dyDescent="0.25">
      <c r="A1897" s="7">
        <f t="shared" si="90"/>
        <v>44640.708333328752</v>
      </c>
      <c r="B1897" s="8">
        <v>2.0910110079668986</v>
      </c>
      <c r="C1897">
        <f t="shared" si="88"/>
        <v>17</v>
      </c>
      <c r="D1897">
        <f t="shared" si="89"/>
        <v>3</v>
      </c>
    </row>
    <row r="1898" spans="1:4" x14ac:dyDescent="0.25">
      <c r="A1898" s="7">
        <f t="shared" si="90"/>
        <v>44640.749999995416</v>
      </c>
      <c r="B1898" s="8">
        <v>1.7397060704148475</v>
      </c>
      <c r="C1898">
        <f t="shared" si="88"/>
        <v>18</v>
      </c>
      <c r="D1898">
        <f t="shared" si="89"/>
        <v>3</v>
      </c>
    </row>
    <row r="1899" spans="1:4" x14ac:dyDescent="0.25">
      <c r="A1899" s="7">
        <f t="shared" si="90"/>
        <v>44640.79166666208</v>
      </c>
      <c r="B1899" s="8">
        <v>-4.9800999999999998E-2</v>
      </c>
      <c r="C1899">
        <f t="shared" si="88"/>
        <v>19</v>
      </c>
      <c r="D1899">
        <f t="shared" si="89"/>
        <v>3</v>
      </c>
    </row>
    <row r="1900" spans="1:4" x14ac:dyDescent="0.25">
      <c r="A1900" s="7">
        <f t="shared" si="90"/>
        <v>44640.833333328745</v>
      </c>
      <c r="B1900" s="8">
        <v>-4.9800999999999998E-2</v>
      </c>
      <c r="C1900">
        <f t="shared" si="88"/>
        <v>20</v>
      </c>
      <c r="D1900">
        <f t="shared" si="89"/>
        <v>3</v>
      </c>
    </row>
    <row r="1901" spans="1:4" x14ac:dyDescent="0.25">
      <c r="A1901" s="7">
        <f t="shared" si="90"/>
        <v>44640.874999995409</v>
      </c>
      <c r="B1901" s="8">
        <v>-4.9800999999999998E-2</v>
      </c>
      <c r="C1901">
        <f t="shared" si="88"/>
        <v>21</v>
      </c>
      <c r="D1901">
        <f t="shared" si="89"/>
        <v>3</v>
      </c>
    </row>
    <row r="1902" spans="1:4" x14ac:dyDescent="0.25">
      <c r="A1902" s="7">
        <f t="shared" si="90"/>
        <v>44640.916666662073</v>
      </c>
      <c r="B1902" s="8">
        <v>-4.9800999999999998E-2</v>
      </c>
      <c r="C1902">
        <f t="shared" si="88"/>
        <v>22</v>
      </c>
      <c r="D1902">
        <f t="shared" si="89"/>
        <v>3</v>
      </c>
    </row>
    <row r="1903" spans="1:4" x14ac:dyDescent="0.25">
      <c r="A1903" s="7">
        <f t="shared" si="90"/>
        <v>44640.958333328737</v>
      </c>
      <c r="B1903" s="8">
        <v>-4.9800999999999998E-2</v>
      </c>
      <c r="C1903">
        <f t="shared" si="88"/>
        <v>23</v>
      </c>
      <c r="D1903">
        <f t="shared" si="89"/>
        <v>3</v>
      </c>
    </row>
    <row r="1904" spans="1:4" x14ac:dyDescent="0.25">
      <c r="A1904" s="7">
        <f t="shared" si="90"/>
        <v>44640.999999995402</v>
      </c>
      <c r="B1904" s="8">
        <v>-4.9800999999999998E-2</v>
      </c>
      <c r="C1904">
        <f t="shared" si="88"/>
        <v>0</v>
      </c>
      <c r="D1904">
        <f t="shared" si="89"/>
        <v>3</v>
      </c>
    </row>
    <row r="1905" spans="1:4" x14ac:dyDescent="0.25">
      <c r="A1905" s="7">
        <f t="shared" si="90"/>
        <v>44641.041666662066</v>
      </c>
      <c r="B1905" s="8">
        <v>-4.9800999999999998E-2</v>
      </c>
      <c r="C1905">
        <f t="shared" si="88"/>
        <v>1</v>
      </c>
      <c r="D1905">
        <f t="shared" si="89"/>
        <v>3</v>
      </c>
    </row>
    <row r="1906" spans="1:4" x14ac:dyDescent="0.25">
      <c r="A1906" s="7">
        <f t="shared" si="90"/>
        <v>44641.08333332873</v>
      </c>
      <c r="B1906" s="8">
        <v>-4.9800999999999998E-2</v>
      </c>
      <c r="C1906">
        <f t="shared" si="88"/>
        <v>2</v>
      </c>
      <c r="D1906">
        <f t="shared" si="89"/>
        <v>3</v>
      </c>
    </row>
    <row r="1907" spans="1:4" x14ac:dyDescent="0.25">
      <c r="A1907" s="7">
        <f t="shared" si="90"/>
        <v>44641.124999995394</v>
      </c>
      <c r="B1907" s="8">
        <v>-4.9800999999999998E-2</v>
      </c>
      <c r="C1907">
        <f t="shared" si="88"/>
        <v>3</v>
      </c>
      <c r="D1907">
        <f t="shared" si="89"/>
        <v>3</v>
      </c>
    </row>
    <row r="1908" spans="1:4" x14ac:dyDescent="0.25">
      <c r="A1908" s="7">
        <f t="shared" si="90"/>
        <v>44641.166666662059</v>
      </c>
      <c r="B1908" s="8">
        <v>-4.9800999999999998E-2</v>
      </c>
      <c r="C1908">
        <f t="shared" si="88"/>
        <v>4</v>
      </c>
      <c r="D1908">
        <f t="shared" si="89"/>
        <v>3</v>
      </c>
    </row>
    <row r="1909" spans="1:4" x14ac:dyDescent="0.25">
      <c r="A1909" s="7">
        <f t="shared" si="90"/>
        <v>44641.208333328723</v>
      </c>
      <c r="B1909" s="8">
        <v>-4.9800999999999998E-2</v>
      </c>
      <c r="C1909">
        <f t="shared" si="88"/>
        <v>5</v>
      </c>
      <c r="D1909">
        <f t="shared" si="89"/>
        <v>3</v>
      </c>
    </row>
    <row r="1910" spans="1:4" x14ac:dyDescent="0.25">
      <c r="A1910" s="7">
        <f t="shared" si="90"/>
        <v>44641.249999995387</v>
      </c>
      <c r="B1910" s="8">
        <v>-4.9800999999999998E-2</v>
      </c>
      <c r="C1910">
        <f t="shared" si="88"/>
        <v>6</v>
      </c>
      <c r="D1910">
        <f t="shared" si="89"/>
        <v>3</v>
      </c>
    </row>
    <row r="1911" spans="1:4" x14ac:dyDescent="0.25">
      <c r="A1911" s="7">
        <f t="shared" si="90"/>
        <v>44641.291666662051</v>
      </c>
      <c r="B1911" s="8">
        <v>-4.9800999999999998E-2</v>
      </c>
      <c r="C1911">
        <f t="shared" si="88"/>
        <v>7</v>
      </c>
      <c r="D1911">
        <f t="shared" si="89"/>
        <v>3</v>
      </c>
    </row>
    <row r="1912" spans="1:4" x14ac:dyDescent="0.25">
      <c r="A1912" s="7">
        <f t="shared" si="90"/>
        <v>44641.333333328716</v>
      </c>
      <c r="B1912" s="8">
        <v>0.46733783493854042</v>
      </c>
      <c r="C1912">
        <f t="shared" si="88"/>
        <v>8</v>
      </c>
      <c r="D1912">
        <f t="shared" si="89"/>
        <v>3</v>
      </c>
    </row>
    <row r="1913" spans="1:4" x14ac:dyDescent="0.25">
      <c r="A1913" s="7">
        <f t="shared" si="90"/>
        <v>44641.37499999538</v>
      </c>
      <c r="B1913" s="8">
        <v>1.6013809557858079</v>
      </c>
      <c r="C1913">
        <f t="shared" si="88"/>
        <v>9</v>
      </c>
      <c r="D1913">
        <f t="shared" si="89"/>
        <v>3</v>
      </c>
    </row>
    <row r="1914" spans="1:4" x14ac:dyDescent="0.25">
      <c r="A1914" s="7">
        <f t="shared" si="90"/>
        <v>44641.416666662044</v>
      </c>
      <c r="B1914" s="8">
        <v>2.0442736173181508</v>
      </c>
      <c r="C1914">
        <f t="shared" si="88"/>
        <v>10</v>
      </c>
      <c r="D1914">
        <f t="shared" si="89"/>
        <v>3</v>
      </c>
    </row>
    <row r="1915" spans="1:4" x14ac:dyDescent="0.25">
      <c r="A1915" s="7">
        <f t="shared" si="90"/>
        <v>44641.458333328708</v>
      </c>
      <c r="B1915" s="8">
        <v>2.6806468530342982</v>
      </c>
      <c r="C1915">
        <f t="shared" si="88"/>
        <v>11</v>
      </c>
      <c r="D1915">
        <f t="shared" si="89"/>
        <v>3</v>
      </c>
    </row>
    <row r="1916" spans="1:4" x14ac:dyDescent="0.25">
      <c r="A1916" s="7">
        <f t="shared" si="90"/>
        <v>44641.499999995372</v>
      </c>
      <c r="B1916" s="8">
        <v>3.0663032419461018</v>
      </c>
      <c r="C1916">
        <f t="shared" si="88"/>
        <v>12</v>
      </c>
      <c r="D1916">
        <f t="shared" si="89"/>
        <v>3</v>
      </c>
    </row>
    <row r="1917" spans="1:4" x14ac:dyDescent="0.25">
      <c r="A1917" s="7">
        <f t="shared" si="90"/>
        <v>44641.541666662037</v>
      </c>
      <c r="B1917" s="8">
        <v>3.1544384033853605</v>
      </c>
      <c r="C1917">
        <f t="shared" si="88"/>
        <v>13</v>
      </c>
      <c r="D1917">
        <f t="shared" si="89"/>
        <v>3</v>
      </c>
    </row>
    <row r="1918" spans="1:4" x14ac:dyDescent="0.25">
      <c r="A1918" s="7">
        <f t="shared" si="90"/>
        <v>44641.583333328701</v>
      </c>
      <c r="B1918" s="8">
        <v>3.0799815733026956</v>
      </c>
      <c r="C1918">
        <f t="shared" si="88"/>
        <v>14</v>
      </c>
      <c r="D1918">
        <f t="shared" si="89"/>
        <v>3</v>
      </c>
    </row>
    <row r="1919" spans="1:4" x14ac:dyDescent="0.25">
      <c r="A1919" s="7">
        <f t="shared" si="90"/>
        <v>44641.624999995365</v>
      </c>
      <c r="B1919" s="8">
        <v>2.7445264743531954</v>
      </c>
      <c r="C1919">
        <f t="shared" si="88"/>
        <v>15</v>
      </c>
      <c r="D1919">
        <f t="shared" si="89"/>
        <v>3</v>
      </c>
    </row>
    <row r="1920" spans="1:4" x14ac:dyDescent="0.25">
      <c r="A1920" s="7">
        <f t="shared" si="90"/>
        <v>44641.666666662029</v>
      </c>
      <c r="B1920" s="8">
        <v>2.845752516209231</v>
      </c>
      <c r="C1920">
        <f t="shared" si="88"/>
        <v>16</v>
      </c>
      <c r="D1920">
        <f t="shared" si="89"/>
        <v>3</v>
      </c>
    </row>
    <row r="1921" spans="1:4" x14ac:dyDescent="0.25">
      <c r="A1921" s="7">
        <f t="shared" si="90"/>
        <v>44641.708333328694</v>
      </c>
      <c r="B1921" s="8">
        <v>1.8560780403613366</v>
      </c>
      <c r="C1921">
        <f t="shared" si="88"/>
        <v>17</v>
      </c>
      <c r="D1921">
        <f t="shared" si="89"/>
        <v>3</v>
      </c>
    </row>
    <row r="1922" spans="1:4" x14ac:dyDescent="0.25">
      <c r="A1922" s="7">
        <f t="shared" si="90"/>
        <v>44641.749999995358</v>
      </c>
      <c r="B1922" s="8">
        <v>2.1614123653334549</v>
      </c>
      <c r="C1922">
        <f t="shared" si="88"/>
        <v>18</v>
      </c>
      <c r="D1922">
        <f t="shared" si="89"/>
        <v>3</v>
      </c>
    </row>
    <row r="1923" spans="1:4" x14ac:dyDescent="0.25">
      <c r="A1923" s="7">
        <f t="shared" si="90"/>
        <v>44641.791666662022</v>
      </c>
      <c r="B1923" s="8">
        <v>0.23365706538890549</v>
      </c>
      <c r="C1923">
        <f t="shared" si="88"/>
        <v>19</v>
      </c>
      <c r="D1923">
        <f t="shared" si="89"/>
        <v>3</v>
      </c>
    </row>
    <row r="1924" spans="1:4" x14ac:dyDescent="0.25">
      <c r="A1924" s="7">
        <f t="shared" si="90"/>
        <v>44641.833333328686</v>
      </c>
      <c r="B1924" s="8">
        <v>-4.9800999999999998E-2</v>
      </c>
      <c r="C1924">
        <f t="shared" si="88"/>
        <v>20</v>
      </c>
      <c r="D1924">
        <f t="shared" si="89"/>
        <v>3</v>
      </c>
    </row>
    <row r="1925" spans="1:4" x14ac:dyDescent="0.25">
      <c r="A1925" s="7">
        <f t="shared" si="90"/>
        <v>44641.874999995351</v>
      </c>
      <c r="B1925" s="8">
        <v>-4.9800999999999998E-2</v>
      </c>
      <c r="C1925">
        <f t="shared" si="88"/>
        <v>21</v>
      </c>
      <c r="D1925">
        <f t="shared" si="89"/>
        <v>3</v>
      </c>
    </row>
    <row r="1926" spans="1:4" x14ac:dyDescent="0.25">
      <c r="A1926" s="7">
        <f t="shared" si="90"/>
        <v>44641.916666662015</v>
      </c>
      <c r="B1926" s="8">
        <v>-4.9800999999999998E-2</v>
      </c>
      <c r="C1926">
        <f t="shared" si="88"/>
        <v>22</v>
      </c>
      <c r="D1926">
        <f t="shared" si="89"/>
        <v>3</v>
      </c>
    </row>
    <row r="1927" spans="1:4" x14ac:dyDescent="0.25">
      <c r="A1927" s="7">
        <f t="shared" si="90"/>
        <v>44641.958333328679</v>
      </c>
      <c r="B1927" s="8">
        <v>-4.9800999999999998E-2</v>
      </c>
      <c r="C1927">
        <f t="shared" si="88"/>
        <v>23</v>
      </c>
      <c r="D1927">
        <f t="shared" si="89"/>
        <v>3</v>
      </c>
    </row>
    <row r="1928" spans="1:4" x14ac:dyDescent="0.25">
      <c r="A1928" s="7">
        <f t="shared" si="90"/>
        <v>44641.999999995343</v>
      </c>
      <c r="B1928" s="8">
        <v>-4.9800999999999998E-2</v>
      </c>
      <c r="C1928">
        <f t="shared" si="88"/>
        <v>0</v>
      </c>
      <c r="D1928">
        <f t="shared" si="89"/>
        <v>3</v>
      </c>
    </row>
    <row r="1929" spans="1:4" x14ac:dyDescent="0.25">
      <c r="A1929" s="7">
        <f t="shared" si="90"/>
        <v>44642.041666662008</v>
      </c>
      <c r="B1929" s="8">
        <v>-4.9800999999999998E-2</v>
      </c>
      <c r="C1929">
        <f t="shared" si="88"/>
        <v>1</v>
      </c>
      <c r="D1929">
        <f t="shared" si="89"/>
        <v>3</v>
      </c>
    </row>
    <row r="1930" spans="1:4" x14ac:dyDescent="0.25">
      <c r="A1930" s="7">
        <f t="shared" si="90"/>
        <v>44642.083333328672</v>
      </c>
      <c r="B1930" s="8">
        <v>-4.9800999999999998E-2</v>
      </c>
      <c r="C1930">
        <f t="shared" ref="C1930:C1993" si="91">HOUR(A1930)</f>
        <v>2</v>
      </c>
      <c r="D1930">
        <f t="shared" ref="D1930:D1993" si="92">MONTH(A1930)</f>
        <v>3</v>
      </c>
    </row>
    <row r="1931" spans="1:4" x14ac:dyDescent="0.25">
      <c r="A1931" s="7">
        <f t="shared" ref="A1931:A1994" si="93">+A1930+1/24</f>
        <v>44642.124999995336</v>
      </c>
      <c r="B1931" s="8">
        <v>-4.9800999999999998E-2</v>
      </c>
      <c r="C1931">
        <f t="shared" si="91"/>
        <v>3</v>
      </c>
      <c r="D1931">
        <f t="shared" si="92"/>
        <v>3</v>
      </c>
    </row>
    <row r="1932" spans="1:4" x14ac:dyDescent="0.25">
      <c r="A1932" s="7">
        <f t="shared" si="93"/>
        <v>44642.166666662</v>
      </c>
      <c r="B1932" s="8">
        <v>-4.9800999999999998E-2</v>
      </c>
      <c r="C1932">
        <f t="shared" si="91"/>
        <v>4</v>
      </c>
      <c r="D1932">
        <f t="shared" si="92"/>
        <v>3</v>
      </c>
    </row>
    <row r="1933" spans="1:4" x14ac:dyDescent="0.25">
      <c r="A1933" s="7">
        <f t="shared" si="93"/>
        <v>44642.208333328665</v>
      </c>
      <c r="B1933" s="8">
        <v>-4.9800999999999998E-2</v>
      </c>
      <c r="C1933">
        <f t="shared" si="91"/>
        <v>5</v>
      </c>
      <c r="D1933">
        <f t="shared" si="92"/>
        <v>3</v>
      </c>
    </row>
    <row r="1934" spans="1:4" x14ac:dyDescent="0.25">
      <c r="A1934" s="7">
        <f t="shared" si="93"/>
        <v>44642.249999995329</v>
      </c>
      <c r="B1934" s="8">
        <v>-4.9800999999999998E-2</v>
      </c>
      <c r="C1934">
        <f t="shared" si="91"/>
        <v>6</v>
      </c>
      <c r="D1934">
        <f t="shared" si="92"/>
        <v>3</v>
      </c>
    </row>
    <row r="1935" spans="1:4" x14ac:dyDescent="0.25">
      <c r="A1935" s="7">
        <f t="shared" si="93"/>
        <v>44642.291666661993</v>
      </c>
      <c r="B1935" s="8">
        <v>-4.9800999999999998E-2</v>
      </c>
      <c r="C1935">
        <f t="shared" si="91"/>
        <v>7</v>
      </c>
      <c r="D1935">
        <f t="shared" si="92"/>
        <v>3</v>
      </c>
    </row>
    <row r="1936" spans="1:4" x14ac:dyDescent="0.25">
      <c r="A1936" s="7">
        <f t="shared" si="93"/>
        <v>44642.333333328657</v>
      </c>
      <c r="B1936" s="8">
        <v>2.4373782657774306</v>
      </c>
      <c r="C1936">
        <f t="shared" si="91"/>
        <v>8</v>
      </c>
      <c r="D1936">
        <f t="shared" si="92"/>
        <v>3</v>
      </c>
    </row>
    <row r="1937" spans="1:4" x14ac:dyDescent="0.25">
      <c r="A1937" s="7">
        <f t="shared" si="93"/>
        <v>44642.374999995322</v>
      </c>
      <c r="B1937" s="8">
        <v>10.225470967628322</v>
      </c>
      <c r="C1937">
        <f t="shared" si="91"/>
        <v>9</v>
      </c>
      <c r="D1937">
        <f t="shared" si="92"/>
        <v>3</v>
      </c>
    </row>
    <row r="1938" spans="1:4" x14ac:dyDescent="0.25">
      <c r="A1938" s="7">
        <f t="shared" si="93"/>
        <v>44642.416666661986</v>
      </c>
      <c r="B1938" s="8">
        <v>12.240843029323134</v>
      </c>
      <c r="C1938">
        <f t="shared" si="91"/>
        <v>10</v>
      </c>
      <c r="D1938">
        <f t="shared" si="92"/>
        <v>3</v>
      </c>
    </row>
    <row r="1939" spans="1:4" x14ac:dyDescent="0.25">
      <c r="A1939" s="7">
        <f t="shared" si="93"/>
        <v>44642.45833332865</v>
      </c>
      <c r="B1939" s="8">
        <v>20.451144966546373</v>
      </c>
      <c r="C1939">
        <f t="shared" si="91"/>
        <v>11</v>
      </c>
      <c r="D1939">
        <f t="shared" si="92"/>
        <v>3</v>
      </c>
    </row>
    <row r="1940" spans="1:4" x14ac:dyDescent="0.25">
      <c r="A1940" s="7">
        <f t="shared" si="93"/>
        <v>44642.499999995314</v>
      </c>
      <c r="B1940" s="8">
        <v>16.509229608951266</v>
      </c>
      <c r="C1940">
        <f t="shared" si="91"/>
        <v>12</v>
      </c>
      <c r="D1940">
        <f t="shared" si="92"/>
        <v>3</v>
      </c>
    </row>
    <row r="1941" spans="1:4" x14ac:dyDescent="0.25">
      <c r="A1941" s="7">
        <f t="shared" si="93"/>
        <v>44642.541666661979</v>
      </c>
      <c r="B1941" s="8">
        <v>20.451233599495186</v>
      </c>
      <c r="C1941">
        <f t="shared" si="91"/>
        <v>13</v>
      </c>
      <c r="D1941">
        <f t="shared" si="92"/>
        <v>3</v>
      </c>
    </row>
    <row r="1942" spans="1:4" x14ac:dyDescent="0.25">
      <c r="A1942" s="7">
        <f t="shared" si="93"/>
        <v>44642.583333328643</v>
      </c>
      <c r="B1942" s="8">
        <v>20.451278946585276</v>
      </c>
      <c r="C1942">
        <f t="shared" si="91"/>
        <v>14</v>
      </c>
      <c r="D1942">
        <f t="shared" si="92"/>
        <v>3</v>
      </c>
    </row>
    <row r="1943" spans="1:4" x14ac:dyDescent="0.25">
      <c r="A1943" s="7">
        <f t="shared" si="93"/>
        <v>44642.624999995307</v>
      </c>
      <c r="B1943" s="8">
        <v>20.451270701659809</v>
      </c>
      <c r="C1943">
        <f t="shared" si="91"/>
        <v>15</v>
      </c>
      <c r="D1943">
        <f t="shared" si="92"/>
        <v>3</v>
      </c>
    </row>
    <row r="1944" spans="1:4" x14ac:dyDescent="0.25">
      <c r="A1944" s="7">
        <f t="shared" si="93"/>
        <v>44642.666666661971</v>
      </c>
      <c r="B1944" s="8">
        <v>19.387918541186266</v>
      </c>
      <c r="C1944">
        <f t="shared" si="91"/>
        <v>16</v>
      </c>
      <c r="D1944">
        <f t="shared" si="92"/>
        <v>3</v>
      </c>
    </row>
    <row r="1945" spans="1:4" x14ac:dyDescent="0.25">
      <c r="A1945" s="7">
        <f t="shared" si="93"/>
        <v>44642.708333328635</v>
      </c>
      <c r="B1945" s="8">
        <v>13.213203161681669</v>
      </c>
      <c r="C1945">
        <f t="shared" si="91"/>
        <v>17</v>
      </c>
      <c r="D1945">
        <f t="shared" si="92"/>
        <v>3</v>
      </c>
    </row>
    <row r="1946" spans="1:4" x14ac:dyDescent="0.25">
      <c r="A1946" s="7">
        <f t="shared" si="93"/>
        <v>44642.7499999953</v>
      </c>
      <c r="B1946" s="8">
        <v>5.8448214827853722</v>
      </c>
      <c r="C1946">
        <f t="shared" si="91"/>
        <v>18</v>
      </c>
      <c r="D1946">
        <f t="shared" si="92"/>
        <v>3</v>
      </c>
    </row>
    <row r="1947" spans="1:4" x14ac:dyDescent="0.25">
      <c r="A1947" s="7">
        <f t="shared" si="93"/>
        <v>44642.791666661964</v>
      </c>
      <c r="B1947" s="8">
        <v>0.36122873597223215</v>
      </c>
      <c r="C1947">
        <f t="shared" si="91"/>
        <v>19</v>
      </c>
      <c r="D1947">
        <f t="shared" si="92"/>
        <v>3</v>
      </c>
    </row>
    <row r="1948" spans="1:4" x14ac:dyDescent="0.25">
      <c r="A1948" s="7">
        <f t="shared" si="93"/>
        <v>44642.833333328628</v>
      </c>
      <c r="B1948" s="8">
        <v>-4.9800999999999998E-2</v>
      </c>
      <c r="C1948">
        <f t="shared" si="91"/>
        <v>20</v>
      </c>
      <c r="D1948">
        <f t="shared" si="92"/>
        <v>3</v>
      </c>
    </row>
    <row r="1949" spans="1:4" x14ac:dyDescent="0.25">
      <c r="A1949" s="7">
        <f t="shared" si="93"/>
        <v>44642.874999995292</v>
      </c>
      <c r="B1949" s="8">
        <v>-4.9800999999999998E-2</v>
      </c>
      <c r="C1949">
        <f t="shared" si="91"/>
        <v>21</v>
      </c>
      <c r="D1949">
        <f t="shared" si="92"/>
        <v>3</v>
      </c>
    </row>
    <row r="1950" spans="1:4" x14ac:dyDescent="0.25">
      <c r="A1950" s="7">
        <f t="shared" si="93"/>
        <v>44642.916666661957</v>
      </c>
      <c r="B1950" s="8">
        <v>-4.9800999999999998E-2</v>
      </c>
      <c r="C1950">
        <f t="shared" si="91"/>
        <v>22</v>
      </c>
      <c r="D1950">
        <f t="shared" si="92"/>
        <v>3</v>
      </c>
    </row>
    <row r="1951" spans="1:4" x14ac:dyDescent="0.25">
      <c r="A1951" s="7">
        <f t="shared" si="93"/>
        <v>44642.958333328621</v>
      </c>
      <c r="B1951" s="8">
        <v>-4.9800999999999998E-2</v>
      </c>
      <c r="C1951">
        <f t="shared" si="91"/>
        <v>23</v>
      </c>
      <c r="D1951">
        <f t="shared" si="92"/>
        <v>3</v>
      </c>
    </row>
    <row r="1952" spans="1:4" x14ac:dyDescent="0.25">
      <c r="A1952" s="7">
        <f t="shared" si="93"/>
        <v>44642.999999995285</v>
      </c>
      <c r="B1952" s="8">
        <v>-4.9800999999999998E-2</v>
      </c>
      <c r="C1952">
        <f t="shared" si="91"/>
        <v>0</v>
      </c>
      <c r="D1952">
        <f t="shared" si="92"/>
        <v>3</v>
      </c>
    </row>
    <row r="1953" spans="1:4" x14ac:dyDescent="0.25">
      <c r="A1953" s="7">
        <f t="shared" si="93"/>
        <v>44643.041666661949</v>
      </c>
      <c r="B1953" s="8">
        <v>-4.9800999999999998E-2</v>
      </c>
      <c r="C1953">
        <f t="shared" si="91"/>
        <v>1</v>
      </c>
      <c r="D1953">
        <f t="shared" si="92"/>
        <v>3</v>
      </c>
    </row>
    <row r="1954" spans="1:4" x14ac:dyDescent="0.25">
      <c r="A1954" s="7">
        <f t="shared" si="93"/>
        <v>44643.083333328614</v>
      </c>
      <c r="B1954" s="8">
        <v>-4.9800999999999998E-2</v>
      </c>
      <c r="C1954">
        <f t="shared" si="91"/>
        <v>2</v>
      </c>
      <c r="D1954">
        <f t="shared" si="92"/>
        <v>3</v>
      </c>
    </row>
    <row r="1955" spans="1:4" x14ac:dyDescent="0.25">
      <c r="A1955" s="7">
        <f t="shared" si="93"/>
        <v>44643.124999995278</v>
      </c>
      <c r="B1955" s="8">
        <v>-4.9800999999999998E-2</v>
      </c>
      <c r="C1955">
        <f t="shared" si="91"/>
        <v>3</v>
      </c>
      <c r="D1955">
        <f t="shared" si="92"/>
        <v>3</v>
      </c>
    </row>
    <row r="1956" spans="1:4" x14ac:dyDescent="0.25">
      <c r="A1956" s="7">
        <f t="shared" si="93"/>
        <v>44643.166666661942</v>
      </c>
      <c r="B1956" s="8">
        <v>-4.9800999999999998E-2</v>
      </c>
      <c r="C1956">
        <f t="shared" si="91"/>
        <v>4</v>
      </c>
      <c r="D1956">
        <f t="shared" si="92"/>
        <v>3</v>
      </c>
    </row>
    <row r="1957" spans="1:4" x14ac:dyDescent="0.25">
      <c r="A1957" s="7">
        <f t="shared" si="93"/>
        <v>44643.208333328606</v>
      </c>
      <c r="B1957" s="8">
        <v>-4.9800999999999998E-2</v>
      </c>
      <c r="C1957">
        <f t="shared" si="91"/>
        <v>5</v>
      </c>
      <c r="D1957">
        <f t="shared" si="92"/>
        <v>3</v>
      </c>
    </row>
    <row r="1958" spans="1:4" x14ac:dyDescent="0.25">
      <c r="A1958" s="7">
        <f t="shared" si="93"/>
        <v>44643.249999995271</v>
      </c>
      <c r="B1958" s="8">
        <v>-4.9800999999999998E-2</v>
      </c>
      <c r="C1958">
        <f t="shared" si="91"/>
        <v>6</v>
      </c>
      <c r="D1958">
        <f t="shared" si="92"/>
        <v>3</v>
      </c>
    </row>
    <row r="1959" spans="1:4" x14ac:dyDescent="0.25">
      <c r="A1959" s="7">
        <f t="shared" si="93"/>
        <v>44643.291666661935</v>
      </c>
      <c r="B1959" s="8">
        <v>-4.9800999999999998E-2</v>
      </c>
      <c r="C1959">
        <f t="shared" si="91"/>
        <v>7</v>
      </c>
      <c r="D1959">
        <f t="shared" si="92"/>
        <v>3</v>
      </c>
    </row>
    <row r="1960" spans="1:4" x14ac:dyDescent="0.25">
      <c r="A1960" s="7">
        <f t="shared" si="93"/>
        <v>44643.333333328599</v>
      </c>
      <c r="B1960" s="8">
        <v>3.7799025720875279</v>
      </c>
      <c r="C1960">
        <f t="shared" si="91"/>
        <v>8</v>
      </c>
      <c r="D1960">
        <f t="shared" si="92"/>
        <v>3</v>
      </c>
    </row>
    <row r="1961" spans="1:4" x14ac:dyDescent="0.25">
      <c r="A1961" s="7">
        <f t="shared" si="93"/>
        <v>44643.374999995263</v>
      </c>
      <c r="B1961" s="8">
        <v>8.5194041931356583</v>
      </c>
      <c r="C1961">
        <f t="shared" si="91"/>
        <v>9</v>
      </c>
      <c r="D1961">
        <f t="shared" si="92"/>
        <v>3</v>
      </c>
    </row>
    <row r="1962" spans="1:4" x14ac:dyDescent="0.25">
      <c r="A1962" s="7">
        <f t="shared" si="93"/>
        <v>44643.416666661928</v>
      </c>
      <c r="B1962" s="8">
        <v>13.753198371718801</v>
      </c>
      <c r="C1962">
        <f t="shared" si="91"/>
        <v>10</v>
      </c>
      <c r="D1962">
        <f t="shared" si="92"/>
        <v>3</v>
      </c>
    </row>
    <row r="1963" spans="1:4" x14ac:dyDescent="0.25">
      <c r="A1963" s="7">
        <f t="shared" si="93"/>
        <v>44643.458333328592</v>
      </c>
      <c r="B1963" s="8">
        <v>20.451235660726553</v>
      </c>
      <c r="C1963">
        <f t="shared" si="91"/>
        <v>11</v>
      </c>
      <c r="D1963">
        <f t="shared" si="92"/>
        <v>3</v>
      </c>
    </row>
    <row r="1964" spans="1:4" x14ac:dyDescent="0.25">
      <c r="A1964" s="7">
        <f t="shared" si="93"/>
        <v>44643.499999995256</v>
      </c>
      <c r="B1964" s="8">
        <v>20.451312956902846</v>
      </c>
      <c r="C1964">
        <f t="shared" si="91"/>
        <v>12</v>
      </c>
      <c r="D1964">
        <f t="shared" si="92"/>
        <v>3</v>
      </c>
    </row>
    <row r="1965" spans="1:4" x14ac:dyDescent="0.25">
      <c r="A1965" s="7">
        <f t="shared" si="93"/>
        <v>44643.54166666192</v>
      </c>
      <c r="B1965" s="8">
        <v>20.451250089346125</v>
      </c>
      <c r="C1965">
        <f t="shared" si="91"/>
        <v>13</v>
      </c>
      <c r="D1965">
        <f t="shared" si="92"/>
        <v>3</v>
      </c>
    </row>
    <row r="1966" spans="1:4" x14ac:dyDescent="0.25">
      <c r="A1966" s="7">
        <f t="shared" si="93"/>
        <v>44643.583333328585</v>
      </c>
      <c r="B1966" s="8">
        <v>20.451277915969595</v>
      </c>
      <c r="C1966">
        <f t="shared" si="91"/>
        <v>14</v>
      </c>
      <c r="D1966">
        <f t="shared" si="92"/>
        <v>3</v>
      </c>
    </row>
    <row r="1967" spans="1:4" x14ac:dyDescent="0.25">
      <c r="A1967" s="7">
        <f t="shared" si="93"/>
        <v>44643.624999995249</v>
      </c>
      <c r="B1967" s="8">
        <v>20.451276885353909</v>
      </c>
      <c r="C1967">
        <f t="shared" si="91"/>
        <v>15</v>
      </c>
      <c r="D1967">
        <f t="shared" si="92"/>
        <v>3</v>
      </c>
    </row>
    <row r="1968" spans="1:4" x14ac:dyDescent="0.25">
      <c r="A1968" s="7">
        <f t="shared" si="93"/>
        <v>44643.666666661913</v>
      </c>
      <c r="B1968" s="8">
        <v>18.868001785902688</v>
      </c>
      <c r="C1968">
        <f t="shared" si="91"/>
        <v>16</v>
      </c>
      <c r="D1968">
        <f t="shared" si="92"/>
        <v>3</v>
      </c>
    </row>
    <row r="1969" spans="1:4" x14ac:dyDescent="0.25">
      <c r="A1969" s="7">
        <f t="shared" si="93"/>
        <v>44643.708333328577</v>
      </c>
      <c r="B1969" s="8">
        <v>10.05789388804342</v>
      </c>
      <c r="C1969">
        <f t="shared" si="91"/>
        <v>17</v>
      </c>
      <c r="D1969">
        <f t="shared" si="92"/>
        <v>3</v>
      </c>
    </row>
    <row r="1970" spans="1:4" x14ac:dyDescent="0.25">
      <c r="A1970" s="7">
        <f t="shared" si="93"/>
        <v>44643.749999995242</v>
      </c>
      <c r="B1970" s="8">
        <v>2.4438927875153018</v>
      </c>
      <c r="C1970">
        <f t="shared" si="91"/>
        <v>18</v>
      </c>
      <c r="D1970">
        <f t="shared" si="92"/>
        <v>3</v>
      </c>
    </row>
    <row r="1971" spans="1:4" x14ac:dyDescent="0.25">
      <c r="A1971" s="7">
        <f t="shared" si="93"/>
        <v>44643.791666661906</v>
      </c>
      <c r="B1971" s="8">
        <v>0.23411156690550117</v>
      </c>
      <c r="C1971">
        <f t="shared" si="91"/>
        <v>19</v>
      </c>
      <c r="D1971">
        <f t="shared" si="92"/>
        <v>3</v>
      </c>
    </row>
    <row r="1972" spans="1:4" x14ac:dyDescent="0.25">
      <c r="A1972" s="7">
        <f t="shared" si="93"/>
        <v>44643.83333332857</v>
      </c>
      <c r="B1972" s="8">
        <v>-4.9800999999999998E-2</v>
      </c>
      <c r="C1972">
        <f t="shared" si="91"/>
        <v>20</v>
      </c>
      <c r="D1972">
        <f t="shared" si="92"/>
        <v>3</v>
      </c>
    </row>
    <row r="1973" spans="1:4" x14ac:dyDescent="0.25">
      <c r="A1973" s="7">
        <f t="shared" si="93"/>
        <v>44643.874999995234</v>
      </c>
      <c r="B1973" s="8">
        <v>-4.9800999999999998E-2</v>
      </c>
      <c r="C1973">
        <f t="shared" si="91"/>
        <v>21</v>
      </c>
      <c r="D1973">
        <f t="shared" si="92"/>
        <v>3</v>
      </c>
    </row>
    <row r="1974" spans="1:4" x14ac:dyDescent="0.25">
      <c r="A1974" s="7">
        <f t="shared" si="93"/>
        <v>44643.916666661898</v>
      </c>
      <c r="B1974" s="8">
        <v>-4.9800999999999998E-2</v>
      </c>
      <c r="C1974">
        <f t="shared" si="91"/>
        <v>22</v>
      </c>
      <c r="D1974">
        <f t="shared" si="92"/>
        <v>3</v>
      </c>
    </row>
    <row r="1975" spans="1:4" x14ac:dyDescent="0.25">
      <c r="A1975" s="7">
        <f t="shared" si="93"/>
        <v>44643.958333328563</v>
      </c>
      <c r="B1975" s="8">
        <v>-4.9800999999999998E-2</v>
      </c>
      <c r="C1975">
        <f t="shared" si="91"/>
        <v>23</v>
      </c>
      <c r="D1975">
        <f t="shared" si="92"/>
        <v>3</v>
      </c>
    </row>
    <row r="1976" spans="1:4" x14ac:dyDescent="0.25">
      <c r="A1976" s="7">
        <f t="shared" si="93"/>
        <v>44643.999999995227</v>
      </c>
      <c r="B1976" s="8">
        <v>-4.9800999999999998E-2</v>
      </c>
      <c r="C1976">
        <f t="shared" si="91"/>
        <v>0</v>
      </c>
      <c r="D1976">
        <f t="shared" si="92"/>
        <v>3</v>
      </c>
    </row>
    <row r="1977" spans="1:4" x14ac:dyDescent="0.25">
      <c r="A1977" s="7">
        <f t="shared" si="93"/>
        <v>44644.041666661891</v>
      </c>
      <c r="B1977" s="8">
        <v>-4.9800999999999998E-2</v>
      </c>
      <c r="C1977">
        <f t="shared" si="91"/>
        <v>1</v>
      </c>
      <c r="D1977">
        <f t="shared" si="92"/>
        <v>3</v>
      </c>
    </row>
    <row r="1978" spans="1:4" x14ac:dyDescent="0.25">
      <c r="A1978" s="7">
        <f t="shared" si="93"/>
        <v>44644.083333328555</v>
      </c>
      <c r="B1978" s="8">
        <v>-4.9800999999999998E-2</v>
      </c>
      <c r="C1978">
        <f t="shared" si="91"/>
        <v>2</v>
      </c>
      <c r="D1978">
        <f t="shared" si="92"/>
        <v>3</v>
      </c>
    </row>
    <row r="1979" spans="1:4" x14ac:dyDescent="0.25">
      <c r="A1979" s="7">
        <f t="shared" si="93"/>
        <v>44644.12499999522</v>
      </c>
      <c r="B1979" s="8">
        <v>-4.9800999999999998E-2</v>
      </c>
      <c r="C1979">
        <f t="shared" si="91"/>
        <v>3</v>
      </c>
      <c r="D1979">
        <f t="shared" si="92"/>
        <v>3</v>
      </c>
    </row>
    <row r="1980" spans="1:4" x14ac:dyDescent="0.25">
      <c r="A1980" s="7">
        <f t="shared" si="93"/>
        <v>44644.166666661884</v>
      </c>
      <c r="B1980" s="8">
        <v>-4.9800999999999998E-2</v>
      </c>
      <c r="C1980">
        <f t="shared" si="91"/>
        <v>4</v>
      </c>
      <c r="D1980">
        <f t="shared" si="92"/>
        <v>3</v>
      </c>
    </row>
    <row r="1981" spans="1:4" x14ac:dyDescent="0.25">
      <c r="A1981" s="7">
        <f t="shared" si="93"/>
        <v>44644.208333328548</v>
      </c>
      <c r="B1981" s="8">
        <v>-4.9800999999999998E-2</v>
      </c>
      <c r="C1981">
        <f t="shared" si="91"/>
        <v>5</v>
      </c>
      <c r="D1981">
        <f t="shared" si="92"/>
        <v>3</v>
      </c>
    </row>
    <row r="1982" spans="1:4" x14ac:dyDescent="0.25">
      <c r="A1982" s="7">
        <f t="shared" si="93"/>
        <v>44644.249999995212</v>
      </c>
      <c r="B1982" s="8">
        <v>-4.9800999999999998E-2</v>
      </c>
      <c r="C1982">
        <f t="shared" si="91"/>
        <v>6</v>
      </c>
      <c r="D1982">
        <f t="shared" si="92"/>
        <v>3</v>
      </c>
    </row>
    <row r="1983" spans="1:4" x14ac:dyDescent="0.25">
      <c r="A1983" s="7">
        <f t="shared" si="93"/>
        <v>44644.291666661877</v>
      </c>
      <c r="B1983" s="8">
        <v>-4.9800999999999998E-2</v>
      </c>
      <c r="C1983">
        <f t="shared" si="91"/>
        <v>7</v>
      </c>
      <c r="D1983">
        <f t="shared" si="92"/>
        <v>3</v>
      </c>
    </row>
    <row r="1984" spans="1:4" x14ac:dyDescent="0.25">
      <c r="A1984" s="7">
        <f t="shared" si="93"/>
        <v>44644.333333328541</v>
      </c>
      <c r="B1984" s="8">
        <v>1.4669763032182874</v>
      </c>
      <c r="C1984">
        <f t="shared" si="91"/>
        <v>8</v>
      </c>
      <c r="D1984">
        <f t="shared" si="92"/>
        <v>3</v>
      </c>
    </row>
    <row r="1985" spans="1:4" x14ac:dyDescent="0.25">
      <c r="A1985" s="7">
        <f t="shared" si="93"/>
        <v>44644.374999995205</v>
      </c>
      <c r="B1985" s="8">
        <v>2.3028179902416426</v>
      </c>
      <c r="C1985">
        <f t="shared" si="91"/>
        <v>9</v>
      </c>
      <c r="D1985">
        <f t="shared" si="92"/>
        <v>3</v>
      </c>
    </row>
    <row r="1986" spans="1:4" x14ac:dyDescent="0.25">
      <c r="A1986" s="7">
        <f t="shared" si="93"/>
        <v>44644.416666661869</v>
      </c>
      <c r="B1986" s="8">
        <v>2.86980605565555</v>
      </c>
      <c r="C1986">
        <f t="shared" si="91"/>
        <v>10</v>
      </c>
      <c r="D1986">
        <f t="shared" si="92"/>
        <v>3</v>
      </c>
    </row>
    <row r="1987" spans="1:4" x14ac:dyDescent="0.25">
      <c r="A1987" s="7">
        <f t="shared" si="93"/>
        <v>44644.458333328534</v>
      </c>
      <c r="B1987" s="8">
        <v>3.3860950437318347</v>
      </c>
      <c r="C1987">
        <f t="shared" si="91"/>
        <v>11</v>
      </c>
      <c r="D1987">
        <f t="shared" si="92"/>
        <v>3</v>
      </c>
    </row>
    <row r="1988" spans="1:4" x14ac:dyDescent="0.25">
      <c r="A1988" s="7">
        <f t="shared" si="93"/>
        <v>44644.499999995198</v>
      </c>
      <c r="B1988" s="8">
        <v>4.8585274263806379</v>
      </c>
      <c r="C1988">
        <f t="shared" si="91"/>
        <v>12</v>
      </c>
      <c r="D1988">
        <f t="shared" si="92"/>
        <v>3</v>
      </c>
    </row>
    <row r="1989" spans="1:4" x14ac:dyDescent="0.25">
      <c r="A1989" s="7">
        <f t="shared" si="93"/>
        <v>44644.541666661862</v>
      </c>
      <c r="B1989" s="8">
        <v>5.473917326772777</v>
      </c>
      <c r="C1989">
        <f t="shared" si="91"/>
        <v>13</v>
      </c>
      <c r="D1989">
        <f t="shared" si="92"/>
        <v>3</v>
      </c>
    </row>
    <row r="1990" spans="1:4" x14ac:dyDescent="0.25">
      <c r="A1990" s="7">
        <f t="shared" si="93"/>
        <v>44644.583333328526</v>
      </c>
      <c r="B1990" s="8">
        <v>3.9662121223428222</v>
      </c>
      <c r="C1990">
        <f t="shared" si="91"/>
        <v>14</v>
      </c>
      <c r="D1990">
        <f t="shared" si="92"/>
        <v>3</v>
      </c>
    </row>
    <row r="1991" spans="1:4" x14ac:dyDescent="0.25">
      <c r="A1991" s="7">
        <f t="shared" si="93"/>
        <v>44644.624999995191</v>
      </c>
      <c r="B1991" s="8">
        <v>8.6460338809839108</v>
      </c>
      <c r="C1991">
        <f t="shared" si="91"/>
        <v>15</v>
      </c>
      <c r="D1991">
        <f t="shared" si="92"/>
        <v>3</v>
      </c>
    </row>
    <row r="1992" spans="1:4" x14ac:dyDescent="0.25">
      <c r="A1992" s="7">
        <f t="shared" si="93"/>
        <v>44644.666666661855</v>
      </c>
      <c r="B1992" s="8">
        <v>3.5858582511246353</v>
      </c>
      <c r="C1992">
        <f t="shared" si="91"/>
        <v>16</v>
      </c>
      <c r="D1992">
        <f t="shared" si="92"/>
        <v>3</v>
      </c>
    </row>
    <row r="1993" spans="1:4" x14ac:dyDescent="0.25">
      <c r="A1993" s="7">
        <f t="shared" si="93"/>
        <v>44644.708333328519</v>
      </c>
      <c r="B1993" s="8">
        <v>7.6032095237021018</v>
      </c>
      <c r="C1993">
        <f t="shared" si="91"/>
        <v>17</v>
      </c>
      <c r="D1993">
        <f t="shared" si="92"/>
        <v>3</v>
      </c>
    </row>
    <row r="1994" spans="1:4" x14ac:dyDescent="0.25">
      <c r="A1994" s="7">
        <f t="shared" si="93"/>
        <v>44644.749999995183</v>
      </c>
      <c r="B1994" s="8">
        <v>2.208051847492233</v>
      </c>
      <c r="C1994">
        <f t="shared" ref="C1994:C2057" si="94">HOUR(A1994)</f>
        <v>18</v>
      </c>
      <c r="D1994">
        <f t="shared" ref="D1994:D2057" si="95">MONTH(A1994)</f>
        <v>3</v>
      </c>
    </row>
    <row r="1995" spans="1:4" x14ac:dyDescent="0.25">
      <c r="A1995" s="7">
        <f t="shared" ref="A1995:A2058" si="96">+A1994+1/24</f>
        <v>44644.791666661848</v>
      </c>
      <c r="B1995" s="8">
        <v>0.33115949277904466</v>
      </c>
      <c r="C1995">
        <f t="shared" si="94"/>
        <v>19</v>
      </c>
      <c r="D1995">
        <f t="shared" si="95"/>
        <v>3</v>
      </c>
    </row>
    <row r="1996" spans="1:4" x14ac:dyDescent="0.25">
      <c r="A1996" s="7">
        <f t="shared" si="96"/>
        <v>44644.833333328512</v>
      </c>
      <c r="B1996" s="8">
        <v>-4.9800999999999998E-2</v>
      </c>
      <c r="C1996">
        <f t="shared" si="94"/>
        <v>20</v>
      </c>
      <c r="D1996">
        <f t="shared" si="95"/>
        <v>3</v>
      </c>
    </row>
    <row r="1997" spans="1:4" x14ac:dyDescent="0.25">
      <c r="A1997" s="7">
        <f t="shared" si="96"/>
        <v>44644.874999995176</v>
      </c>
      <c r="B1997" s="8">
        <v>-4.9800999999999998E-2</v>
      </c>
      <c r="C1997">
        <f t="shared" si="94"/>
        <v>21</v>
      </c>
      <c r="D1997">
        <f t="shared" si="95"/>
        <v>3</v>
      </c>
    </row>
    <row r="1998" spans="1:4" x14ac:dyDescent="0.25">
      <c r="A1998" s="7">
        <f t="shared" si="96"/>
        <v>44644.91666666184</v>
      </c>
      <c r="B1998" s="8">
        <v>-4.9800999999999998E-2</v>
      </c>
      <c r="C1998">
        <f t="shared" si="94"/>
        <v>22</v>
      </c>
      <c r="D1998">
        <f t="shared" si="95"/>
        <v>3</v>
      </c>
    </row>
    <row r="1999" spans="1:4" x14ac:dyDescent="0.25">
      <c r="A1999" s="7">
        <f t="shared" si="96"/>
        <v>44644.958333328505</v>
      </c>
      <c r="B1999" s="8">
        <v>-4.9800999999999998E-2</v>
      </c>
      <c r="C1999">
        <f t="shared" si="94"/>
        <v>23</v>
      </c>
      <c r="D1999">
        <f t="shared" si="95"/>
        <v>3</v>
      </c>
    </row>
    <row r="2000" spans="1:4" x14ac:dyDescent="0.25">
      <c r="A2000" s="7">
        <f t="shared" si="96"/>
        <v>44644.999999995169</v>
      </c>
      <c r="B2000" s="8">
        <v>-4.9800999999999998E-2</v>
      </c>
      <c r="C2000">
        <f t="shared" si="94"/>
        <v>0</v>
      </c>
      <c r="D2000">
        <f t="shared" si="95"/>
        <v>3</v>
      </c>
    </row>
    <row r="2001" spans="1:4" x14ac:dyDescent="0.25">
      <c r="A2001" s="7">
        <f t="shared" si="96"/>
        <v>44645.041666661833</v>
      </c>
      <c r="B2001" s="8">
        <v>-4.9800999999999998E-2</v>
      </c>
      <c r="C2001">
        <f t="shared" si="94"/>
        <v>1</v>
      </c>
      <c r="D2001">
        <f t="shared" si="95"/>
        <v>3</v>
      </c>
    </row>
    <row r="2002" spans="1:4" x14ac:dyDescent="0.25">
      <c r="A2002" s="7">
        <f t="shared" si="96"/>
        <v>44645.083333328497</v>
      </c>
      <c r="B2002" s="8">
        <v>-4.9800999999999998E-2</v>
      </c>
      <c r="C2002">
        <f t="shared" si="94"/>
        <v>2</v>
      </c>
      <c r="D2002">
        <f t="shared" si="95"/>
        <v>3</v>
      </c>
    </row>
    <row r="2003" spans="1:4" x14ac:dyDescent="0.25">
      <c r="A2003" s="7">
        <f t="shared" si="96"/>
        <v>44645.124999995161</v>
      </c>
      <c r="B2003" s="8">
        <v>-4.9800999999999998E-2</v>
      </c>
      <c r="C2003">
        <f t="shared" si="94"/>
        <v>3</v>
      </c>
      <c r="D2003">
        <f t="shared" si="95"/>
        <v>3</v>
      </c>
    </row>
    <row r="2004" spans="1:4" x14ac:dyDescent="0.25">
      <c r="A2004" s="7">
        <f t="shared" si="96"/>
        <v>44645.166666661826</v>
      </c>
      <c r="B2004" s="8">
        <v>-4.9800999999999998E-2</v>
      </c>
      <c r="C2004">
        <f t="shared" si="94"/>
        <v>4</v>
      </c>
      <c r="D2004">
        <f t="shared" si="95"/>
        <v>3</v>
      </c>
    </row>
    <row r="2005" spans="1:4" x14ac:dyDescent="0.25">
      <c r="A2005" s="7">
        <f t="shared" si="96"/>
        <v>44645.20833332849</v>
      </c>
      <c r="B2005" s="8">
        <v>-4.9800999999999998E-2</v>
      </c>
      <c r="C2005">
        <f t="shared" si="94"/>
        <v>5</v>
      </c>
      <c r="D2005">
        <f t="shared" si="95"/>
        <v>3</v>
      </c>
    </row>
    <row r="2006" spans="1:4" x14ac:dyDescent="0.25">
      <c r="A2006" s="7">
        <f t="shared" si="96"/>
        <v>44645.249999995154</v>
      </c>
      <c r="B2006" s="8">
        <v>-4.9800999999999998E-2</v>
      </c>
      <c r="C2006">
        <f t="shared" si="94"/>
        <v>6</v>
      </c>
      <c r="D2006">
        <f t="shared" si="95"/>
        <v>3</v>
      </c>
    </row>
    <row r="2007" spans="1:4" x14ac:dyDescent="0.25">
      <c r="A2007" s="7">
        <f t="shared" si="96"/>
        <v>44645.291666661818</v>
      </c>
      <c r="B2007" s="8">
        <v>-4.9800999999999998E-2</v>
      </c>
      <c r="C2007">
        <f t="shared" si="94"/>
        <v>7</v>
      </c>
      <c r="D2007">
        <f t="shared" si="95"/>
        <v>3</v>
      </c>
    </row>
    <row r="2008" spans="1:4" x14ac:dyDescent="0.25">
      <c r="A2008" s="7">
        <f t="shared" si="96"/>
        <v>44645.333333328483</v>
      </c>
      <c r="B2008" s="8">
        <v>0.8289180108589792</v>
      </c>
      <c r="C2008">
        <f t="shared" si="94"/>
        <v>8</v>
      </c>
      <c r="D2008">
        <f t="shared" si="95"/>
        <v>3</v>
      </c>
    </row>
    <row r="2009" spans="1:4" x14ac:dyDescent="0.25">
      <c r="A2009" s="7">
        <f t="shared" si="96"/>
        <v>44645.374999995147</v>
      </c>
      <c r="B2009" s="8">
        <v>1.8084605039185466</v>
      </c>
      <c r="C2009">
        <f t="shared" si="94"/>
        <v>9</v>
      </c>
      <c r="D2009">
        <f t="shared" si="95"/>
        <v>3</v>
      </c>
    </row>
    <row r="2010" spans="1:4" x14ac:dyDescent="0.25">
      <c r="A2010" s="7">
        <f t="shared" si="96"/>
        <v>44645.416666661811</v>
      </c>
      <c r="B2010" s="8">
        <v>2.6418977645513855</v>
      </c>
      <c r="C2010">
        <f t="shared" si="94"/>
        <v>10</v>
      </c>
      <c r="D2010">
        <f t="shared" si="95"/>
        <v>3</v>
      </c>
    </row>
    <row r="2011" spans="1:4" x14ac:dyDescent="0.25">
      <c r="A2011" s="7">
        <f t="shared" si="96"/>
        <v>44645.458333328475</v>
      </c>
      <c r="B2011" s="8">
        <v>3.2336824433196965</v>
      </c>
      <c r="C2011">
        <f t="shared" si="94"/>
        <v>11</v>
      </c>
      <c r="D2011">
        <f t="shared" si="95"/>
        <v>3</v>
      </c>
    </row>
    <row r="2012" spans="1:4" x14ac:dyDescent="0.25">
      <c r="A2012" s="7">
        <f t="shared" si="96"/>
        <v>44645.49999999514</v>
      </c>
      <c r="B2012" s="8">
        <v>3.9288028342489669</v>
      </c>
      <c r="C2012">
        <f t="shared" si="94"/>
        <v>12</v>
      </c>
      <c r="D2012">
        <f t="shared" si="95"/>
        <v>3</v>
      </c>
    </row>
    <row r="2013" spans="1:4" x14ac:dyDescent="0.25">
      <c r="A2013" s="7">
        <f t="shared" si="96"/>
        <v>44645.541666661804</v>
      </c>
      <c r="B2013" s="8">
        <v>9.4802750218501828</v>
      </c>
      <c r="C2013">
        <f t="shared" si="94"/>
        <v>13</v>
      </c>
      <c r="D2013">
        <f t="shared" si="95"/>
        <v>3</v>
      </c>
    </row>
    <row r="2014" spans="1:4" x14ac:dyDescent="0.25">
      <c r="A2014" s="7">
        <f t="shared" si="96"/>
        <v>44645.583333328468</v>
      </c>
      <c r="B2014" s="8">
        <v>10.453939913664524</v>
      </c>
      <c r="C2014">
        <f t="shared" si="94"/>
        <v>14</v>
      </c>
      <c r="D2014">
        <f t="shared" si="95"/>
        <v>3</v>
      </c>
    </row>
    <row r="2015" spans="1:4" x14ac:dyDescent="0.25">
      <c r="A2015" s="7">
        <f t="shared" si="96"/>
        <v>44645.624999995132</v>
      </c>
      <c r="B2015" s="8">
        <v>3.2684399572589018</v>
      </c>
      <c r="C2015">
        <f t="shared" si="94"/>
        <v>15</v>
      </c>
      <c r="D2015">
        <f t="shared" si="95"/>
        <v>3</v>
      </c>
    </row>
    <row r="2016" spans="1:4" x14ac:dyDescent="0.25">
      <c r="A2016" s="7">
        <f t="shared" si="96"/>
        <v>44645.666666661797</v>
      </c>
      <c r="B2016" s="8">
        <v>3.5592054989235447</v>
      </c>
      <c r="C2016">
        <f t="shared" si="94"/>
        <v>16</v>
      </c>
      <c r="D2016">
        <f t="shared" si="95"/>
        <v>3</v>
      </c>
    </row>
    <row r="2017" spans="1:4" x14ac:dyDescent="0.25">
      <c r="A2017" s="7">
        <f t="shared" si="96"/>
        <v>44645.708333328461</v>
      </c>
      <c r="B2017" s="8">
        <v>7.1242247009199149</v>
      </c>
      <c r="C2017">
        <f t="shared" si="94"/>
        <v>17</v>
      </c>
      <c r="D2017">
        <f t="shared" si="95"/>
        <v>3</v>
      </c>
    </row>
    <row r="2018" spans="1:4" x14ac:dyDescent="0.25">
      <c r="A2018" s="7">
        <f t="shared" si="96"/>
        <v>44645.749999995125</v>
      </c>
      <c r="B2018" s="8">
        <v>4.5151819337552723</v>
      </c>
      <c r="C2018">
        <f t="shared" si="94"/>
        <v>18</v>
      </c>
      <c r="D2018">
        <f t="shared" si="95"/>
        <v>3</v>
      </c>
    </row>
    <row r="2019" spans="1:4" x14ac:dyDescent="0.25">
      <c r="A2019" s="7">
        <f t="shared" si="96"/>
        <v>44645.791666661789</v>
      </c>
      <c r="B2019" s="8">
        <v>-4.9800999999999998E-2</v>
      </c>
      <c r="C2019">
        <f t="shared" si="94"/>
        <v>19</v>
      </c>
      <c r="D2019">
        <f t="shared" si="95"/>
        <v>3</v>
      </c>
    </row>
    <row r="2020" spans="1:4" x14ac:dyDescent="0.25">
      <c r="A2020" s="7">
        <f t="shared" si="96"/>
        <v>44645.833333328454</v>
      </c>
      <c r="B2020" s="8">
        <v>-4.9800999999999998E-2</v>
      </c>
      <c r="C2020">
        <f t="shared" si="94"/>
        <v>20</v>
      </c>
      <c r="D2020">
        <f t="shared" si="95"/>
        <v>3</v>
      </c>
    </row>
    <row r="2021" spans="1:4" x14ac:dyDescent="0.25">
      <c r="A2021" s="7">
        <f t="shared" si="96"/>
        <v>44645.874999995118</v>
      </c>
      <c r="B2021" s="8">
        <v>-4.9800999999999998E-2</v>
      </c>
      <c r="C2021">
        <f t="shared" si="94"/>
        <v>21</v>
      </c>
      <c r="D2021">
        <f t="shared" si="95"/>
        <v>3</v>
      </c>
    </row>
    <row r="2022" spans="1:4" x14ac:dyDescent="0.25">
      <c r="A2022" s="7">
        <f t="shared" si="96"/>
        <v>44645.916666661782</v>
      </c>
      <c r="B2022" s="8">
        <v>-4.9800999999999998E-2</v>
      </c>
      <c r="C2022">
        <f t="shared" si="94"/>
        <v>22</v>
      </c>
      <c r="D2022">
        <f t="shared" si="95"/>
        <v>3</v>
      </c>
    </row>
    <row r="2023" spans="1:4" x14ac:dyDescent="0.25">
      <c r="A2023" s="7">
        <f t="shared" si="96"/>
        <v>44645.958333328446</v>
      </c>
      <c r="B2023" s="8">
        <v>-4.9800999999999998E-2</v>
      </c>
      <c r="C2023">
        <f t="shared" si="94"/>
        <v>23</v>
      </c>
      <c r="D2023">
        <f t="shared" si="95"/>
        <v>3</v>
      </c>
    </row>
    <row r="2024" spans="1:4" x14ac:dyDescent="0.25">
      <c r="A2024" s="7">
        <f t="shared" si="96"/>
        <v>44645.999999995111</v>
      </c>
      <c r="B2024" s="8">
        <v>-4.9800999999999998E-2</v>
      </c>
      <c r="C2024">
        <f t="shared" si="94"/>
        <v>0</v>
      </c>
      <c r="D2024">
        <f t="shared" si="95"/>
        <v>3</v>
      </c>
    </row>
    <row r="2025" spans="1:4" x14ac:dyDescent="0.25">
      <c r="A2025" s="7">
        <f t="shared" si="96"/>
        <v>44646.041666661775</v>
      </c>
      <c r="B2025" s="8">
        <v>-4.9800999999999998E-2</v>
      </c>
      <c r="C2025">
        <f t="shared" si="94"/>
        <v>1</v>
      </c>
      <c r="D2025">
        <f t="shared" si="95"/>
        <v>3</v>
      </c>
    </row>
    <row r="2026" spans="1:4" x14ac:dyDescent="0.25">
      <c r="A2026" s="7">
        <f t="shared" si="96"/>
        <v>44646.083333328439</v>
      </c>
      <c r="B2026" s="8">
        <v>-4.9800999999999998E-2</v>
      </c>
      <c r="C2026">
        <f t="shared" si="94"/>
        <v>2</v>
      </c>
      <c r="D2026">
        <f t="shared" si="95"/>
        <v>3</v>
      </c>
    </row>
    <row r="2027" spans="1:4" x14ac:dyDescent="0.25">
      <c r="A2027" s="7">
        <f t="shared" si="96"/>
        <v>44646.124999995103</v>
      </c>
      <c r="B2027" s="8">
        <v>-4.9800999999999998E-2</v>
      </c>
      <c r="C2027">
        <f t="shared" si="94"/>
        <v>3</v>
      </c>
      <c r="D2027">
        <f t="shared" si="95"/>
        <v>3</v>
      </c>
    </row>
    <row r="2028" spans="1:4" x14ac:dyDescent="0.25">
      <c r="A2028" s="7">
        <f t="shared" si="96"/>
        <v>44646.166666661768</v>
      </c>
      <c r="B2028" s="8">
        <v>-4.9800999999999998E-2</v>
      </c>
      <c r="C2028">
        <f t="shared" si="94"/>
        <v>4</v>
      </c>
      <c r="D2028">
        <f t="shared" si="95"/>
        <v>3</v>
      </c>
    </row>
    <row r="2029" spans="1:4" x14ac:dyDescent="0.25">
      <c r="A2029" s="7">
        <f t="shared" si="96"/>
        <v>44646.208333328432</v>
      </c>
      <c r="B2029" s="8">
        <v>-4.9800999999999998E-2</v>
      </c>
      <c r="C2029">
        <f t="shared" si="94"/>
        <v>5</v>
      </c>
      <c r="D2029">
        <f t="shared" si="95"/>
        <v>3</v>
      </c>
    </row>
    <row r="2030" spans="1:4" x14ac:dyDescent="0.25">
      <c r="A2030" s="7">
        <f t="shared" si="96"/>
        <v>44646.249999995096</v>
      </c>
      <c r="B2030" s="8">
        <v>-4.9800999999999998E-2</v>
      </c>
      <c r="C2030">
        <f t="shared" si="94"/>
        <v>6</v>
      </c>
      <c r="D2030">
        <f t="shared" si="95"/>
        <v>3</v>
      </c>
    </row>
    <row r="2031" spans="1:4" x14ac:dyDescent="0.25">
      <c r="A2031" s="7">
        <f t="shared" si="96"/>
        <v>44646.29166666176</v>
      </c>
      <c r="B2031" s="8">
        <v>-4.9800999999999998E-2</v>
      </c>
      <c r="C2031">
        <f t="shared" si="94"/>
        <v>7</v>
      </c>
      <c r="D2031">
        <f t="shared" si="95"/>
        <v>3</v>
      </c>
    </row>
    <row r="2032" spans="1:4" x14ac:dyDescent="0.25">
      <c r="A2032" s="7">
        <f t="shared" si="96"/>
        <v>44646.333333328424</v>
      </c>
      <c r="B2032" s="8">
        <v>1.4848183219377988</v>
      </c>
      <c r="C2032">
        <f t="shared" si="94"/>
        <v>8</v>
      </c>
      <c r="D2032">
        <f t="shared" si="95"/>
        <v>3</v>
      </c>
    </row>
    <row r="2033" spans="1:4" x14ac:dyDescent="0.25">
      <c r="A2033" s="7">
        <f t="shared" si="96"/>
        <v>44646.374999995089</v>
      </c>
      <c r="B2033" s="8">
        <v>2.4105090842827228</v>
      </c>
      <c r="C2033">
        <f t="shared" si="94"/>
        <v>9</v>
      </c>
      <c r="D2033">
        <f t="shared" si="95"/>
        <v>3</v>
      </c>
    </row>
    <row r="2034" spans="1:4" x14ac:dyDescent="0.25">
      <c r="A2034" s="7">
        <f t="shared" si="96"/>
        <v>44646.416666661753</v>
      </c>
      <c r="B2034" s="8">
        <v>2.9808621099045323</v>
      </c>
      <c r="C2034">
        <f t="shared" si="94"/>
        <v>10</v>
      </c>
      <c r="D2034">
        <f t="shared" si="95"/>
        <v>3</v>
      </c>
    </row>
    <row r="2035" spans="1:4" x14ac:dyDescent="0.25">
      <c r="A2035" s="7">
        <f t="shared" si="96"/>
        <v>44646.458333328417</v>
      </c>
      <c r="B2035" s="8">
        <v>2.8310332630119075</v>
      </c>
      <c r="C2035">
        <f t="shared" si="94"/>
        <v>11</v>
      </c>
      <c r="D2035">
        <f t="shared" si="95"/>
        <v>3</v>
      </c>
    </row>
    <row r="2036" spans="1:4" x14ac:dyDescent="0.25">
      <c r="A2036" s="7">
        <f t="shared" si="96"/>
        <v>44646.499999995081</v>
      </c>
      <c r="B2036" s="8">
        <v>6.8590070914432326</v>
      </c>
      <c r="C2036">
        <f t="shared" si="94"/>
        <v>12</v>
      </c>
      <c r="D2036">
        <f t="shared" si="95"/>
        <v>3</v>
      </c>
    </row>
    <row r="2037" spans="1:4" x14ac:dyDescent="0.25">
      <c r="A2037" s="7">
        <f t="shared" si="96"/>
        <v>44646.541666661746</v>
      </c>
      <c r="B2037" s="8">
        <v>7.8163161123542313</v>
      </c>
      <c r="C2037">
        <f t="shared" si="94"/>
        <v>13</v>
      </c>
      <c r="D2037">
        <f t="shared" si="95"/>
        <v>3</v>
      </c>
    </row>
    <row r="2038" spans="1:4" x14ac:dyDescent="0.25">
      <c r="A2038" s="7">
        <f t="shared" si="96"/>
        <v>44646.58333332841</v>
      </c>
      <c r="B2038" s="8">
        <v>5.545551300497265</v>
      </c>
      <c r="C2038">
        <f t="shared" si="94"/>
        <v>14</v>
      </c>
      <c r="D2038">
        <f t="shared" si="95"/>
        <v>3</v>
      </c>
    </row>
    <row r="2039" spans="1:4" x14ac:dyDescent="0.25">
      <c r="A2039" s="7">
        <f t="shared" si="96"/>
        <v>44646.624999995074</v>
      </c>
      <c r="B2039" s="8">
        <v>8.4846549241219265</v>
      </c>
      <c r="C2039">
        <f t="shared" si="94"/>
        <v>15</v>
      </c>
      <c r="D2039">
        <f t="shared" si="95"/>
        <v>3</v>
      </c>
    </row>
    <row r="2040" spans="1:4" x14ac:dyDescent="0.25">
      <c r="A2040" s="7">
        <f t="shared" si="96"/>
        <v>44646.666666661738</v>
      </c>
      <c r="B2040" s="8">
        <v>6.7268172319803936</v>
      </c>
      <c r="C2040">
        <f t="shared" si="94"/>
        <v>16</v>
      </c>
      <c r="D2040">
        <f t="shared" si="95"/>
        <v>3</v>
      </c>
    </row>
    <row r="2041" spans="1:4" x14ac:dyDescent="0.25">
      <c r="A2041" s="7">
        <f t="shared" si="96"/>
        <v>44646.708333328403</v>
      </c>
      <c r="B2041" s="8">
        <v>5.8136412358849503</v>
      </c>
      <c r="C2041">
        <f t="shared" si="94"/>
        <v>17</v>
      </c>
      <c r="D2041">
        <f t="shared" si="95"/>
        <v>3</v>
      </c>
    </row>
    <row r="2042" spans="1:4" x14ac:dyDescent="0.25">
      <c r="A2042" s="7">
        <f t="shared" si="96"/>
        <v>44646.749999995067</v>
      </c>
      <c r="B2042" s="8">
        <v>5.4554208670939941</v>
      </c>
      <c r="C2042">
        <f t="shared" si="94"/>
        <v>18</v>
      </c>
      <c r="D2042">
        <f t="shared" si="95"/>
        <v>3</v>
      </c>
    </row>
    <row r="2043" spans="1:4" x14ac:dyDescent="0.25">
      <c r="A2043" s="7">
        <f t="shared" si="96"/>
        <v>44646.791666661731</v>
      </c>
      <c r="B2043" s="8">
        <v>0.44624628496772251</v>
      </c>
      <c r="C2043">
        <f t="shared" si="94"/>
        <v>19</v>
      </c>
      <c r="D2043">
        <f t="shared" si="95"/>
        <v>3</v>
      </c>
    </row>
    <row r="2044" spans="1:4" x14ac:dyDescent="0.25">
      <c r="A2044" s="7">
        <f t="shared" si="96"/>
        <v>44646.833333328395</v>
      </c>
      <c r="B2044" s="8">
        <v>-4.9800999999999998E-2</v>
      </c>
      <c r="C2044">
        <f t="shared" si="94"/>
        <v>20</v>
      </c>
      <c r="D2044">
        <f t="shared" si="95"/>
        <v>3</v>
      </c>
    </row>
    <row r="2045" spans="1:4" x14ac:dyDescent="0.25">
      <c r="A2045" s="7">
        <f t="shared" si="96"/>
        <v>44646.87499999506</v>
      </c>
      <c r="B2045" s="8">
        <v>-4.9800999999999998E-2</v>
      </c>
      <c r="C2045">
        <f t="shared" si="94"/>
        <v>21</v>
      </c>
      <c r="D2045">
        <f t="shared" si="95"/>
        <v>3</v>
      </c>
    </row>
    <row r="2046" spans="1:4" x14ac:dyDescent="0.25">
      <c r="A2046" s="7">
        <f t="shared" si="96"/>
        <v>44646.916666661724</v>
      </c>
      <c r="B2046" s="8">
        <v>-4.9800999999999998E-2</v>
      </c>
      <c r="C2046">
        <f t="shared" si="94"/>
        <v>22</v>
      </c>
      <c r="D2046">
        <f t="shared" si="95"/>
        <v>3</v>
      </c>
    </row>
    <row r="2047" spans="1:4" x14ac:dyDescent="0.25">
      <c r="A2047" s="7">
        <f t="shared" si="96"/>
        <v>44646.958333328388</v>
      </c>
      <c r="B2047" s="8">
        <v>-4.9800999999999998E-2</v>
      </c>
      <c r="C2047">
        <f t="shared" si="94"/>
        <v>23</v>
      </c>
      <c r="D2047">
        <f t="shared" si="95"/>
        <v>3</v>
      </c>
    </row>
    <row r="2048" spans="1:4" x14ac:dyDescent="0.25">
      <c r="A2048" s="7">
        <f t="shared" si="96"/>
        <v>44646.999999995052</v>
      </c>
      <c r="B2048" s="8">
        <v>-4.9800999999999998E-2</v>
      </c>
      <c r="C2048">
        <f t="shared" si="94"/>
        <v>0</v>
      </c>
      <c r="D2048">
        <f t="shared" si="95"/>
        <v>3</v>
      </c>
    </row>
    <row r="2049" spans="1:4" x14ac:dyDescent="0.25">
      <c r="A2049" s="7">
        <f t="shared" si="96"/>
        <v>44647.041666661717</v>
      </c>
      <c r="B2049" s="8">
        <v>-4.9800999999999998E-2</v>
      </c>
      <c r="C2049">
        <f t="shared" si="94"/>
        <v>1</v>
      </c>
      <c r="D2049">
        <f t="shared" si="95"/>
        <v>3</v>
      </c>
    </row>
    <row r="2050" spans="1:4" x14ac:dyDescent="0.25">
      <c r="A2050" s="7">
        <f t="shared" si="96"/>
        <v>44647.083333328381</v>
      </c>
      <c r="B2050" s="8">
        <v>-4.9800999999999998E-2</v>
      </c>
      <c r="C2050">
        <f t="shared" si="94"/>
        <v>2</v>
      </c>
      <c r="D2050">
        <f t="shared" si="95"/>
        <v>3</v>
      </c>
    </row>
    <row r="2051" spans="1:4" x14ac:dyDescent="0.25">
      <c r="A2051" s="7">
        <f t="shared" si="96"/>
        <v>44647.124999995045</v>
      </c>
      <c r="B2051" s="8">
        <v>-4.9800999999999998E-2</v>
      </c>
      <c r="C2051">
        <f t="shared" si="94"/>
        <v>3</v>
      </c>
      <c r="D2051">
        <f t="shared" si="95"/>
        <v>3</v>
      </c>
    </row>
    <row r="2052" spans="1:4" x14ac:dyDescent="0.25">
      <c r="A2052" s="7">
        <f t="shared" si="96"/>
        <v>44647.166666661709</v>
      </c>
      <c r="B2052" s="8">
        <v>-4.9800999999999998E-2</v>
      </c>
      <c r="C2052">
        <f t="shared" si="94"/>
        <v>4</v>
      </c>
      <c r="D2052">
        <f t="shared" si="95"/>
        <v>3</v>
      </c>
    </row>
    <row r="2053" spans="1:4" x14ac:dyDescent="0.25">
      <c r="A2053" s="7">
        <f t="shared" si="96"/>
        <v>44647.208333328374</v>
      </c>
      <c r="B2053" s="8">
        <v>-4.9800999999999998E-2</v>
      </c>
      <c r="C2053">
        <f t="shared" si="94"/>
        <v>5</v>
      </c>
      <c r="D2053">
        <f t="shared" si="95"/>
        <v>3</v>
      </c>
    </row>
    <row r="2054" spans="1:4" x14ac:dyDescent="0.25">
      <c r="A2054" s="7">
        <f t="shared" si="96"/>
        <v>44647.249999995038</v>
      </c>
      <c r="B2054" s="8">
        <v>-4.9800999999999998E-2</v>
      </c>
      <c r="C2054">
        <f t="shared" si="94"/>
        <v>6</v>
      </c>
      <c r="D2054">
        <f t="shared" si="95"/>
        <v>3</v>
      </c>
    </row>
    <row r="2055" spans="1:4" x14ac:dyDescent="0.25">
      <c r="A2055" s="7">
        <f t="shared" si="96"/>
        <v>44647.291666661702</v>
      </c>
      <c r="B2055" s="8">
        <v>-4.9800999999999998E-2</v>
      </c>
      <c r="C2055">
        <f t="shared" si="94"/>
        <v>7</v>
      </c>
      <c r="D2055">
        <f t="shared" si="95"/>
        <v>3</v>
      </c>
    </row>
    <row r="2056" spans="1:4" x14ac:dyDescent="0.25">
      <c r="A2056" s="7">
        <f t="shared" si="96"/>
        <v>44647.333333328366</v>
      </c>
      <c r="B2056" s="8">
        <v>3.9103074051858693</v>
      </c>
      <c r="C2056">
        <f t="shared" si="94"/>
        <v>8</v>
      </c>
      <c r="D2056">
        <f t="shared" si="95"/>
        <v>3</v>
      </c>
    </row>
    <row r="2057" spans="1:4" x14ac:dyDescent="0.25">
      <c r="A2057" s="7">
        <f t="shared" si="96"/>
        <v>44647.374999995031</v>
      </c>
      <c r="B2057" s="8">
        <v>11.348003141902216</v>
      </c>
      <c r="C2057">
        <f t="shared" si="94"/>
        <v>9</v>
      </c>
      <c r="D2057">
        <f t="shared" si="95"/>
        <v>3</v>
      </c>
    </row>
    <row r="2058" spans="1:4" x14ac:dyDescent="0.25">
      <c r="A2058" s="7">
        <f t="shared" si="96"/>
        <v>44647.416666661695</v>
      </c>
      <c r="B2058" s="8">
        <v>18.237816366752618</v>
      </c>
      <c r="C2058">
        <f t="shared" ref="C2058:C2121" si="97">HOUR(A2058)</f>
        <v>10</v>
      </c>
      <c r="D2058">
        <f t="shared" ref="D2058:D2121" si="98">MONTH(A2058)</f>
        <v>3</v>
      </c>
    </row>
    <row r="2059" spans="1:4" x14ac:dyDescent="0.25">
      <c r="A2059" s="7">
        <f t="shared" ref="A2059:A2122" si="99">+A2058+1/24</f>
        <v>44647.458333328359</v>
      </c>
      <c r="B2059" s="8">
        <v>20.451221232106978</v>
      </c>
      <c r="C2059">
        <f t="shared" si="97"/>
        <v>11</v>
      </c>
      <c r="D2059">
        <f t="shared" si="98"/>
        <v>3</v>
      </c>
    </row>
    <row r="2060" spans="1:4" x14ac:dyDescent="0.25">
      <c r="A2060" s="7">
        <f t="shared" si="99"/>
        <v>44647.499999995023</v>
      </c>
      <c r="B2060" s="8">
        <v>17.17482492176844</v>
      </c>
      <c r="C2060">
        <f t="shared" si="97"/>
        <v>12</v>
      </c>
      <c r="D2060">
        <f t="shared" si="98"/>
        <v>3</v>
      </c>
    </row>
    <row r="2061" spans="1:4" x14ac:dyDescent="0.25">
      <c r="A2061" s="7">
        <f t="shared" si="99"/>
        <v>44647.541666661687</v>
      </c>
      <c r="B2061" s="8">
        <v>20.451311926287161</v>
      </c>
      <c r="C2061">
        <f t="shared" si="97"/>
        <v>13</v>
      </c>
      <c r="D2061">
        <f t="shared" si="98"/>
        <v>3</v>
      </c>
    </row>
    <row r="2062" spans="1:4" x14ac:dyDescent="0.25">
      <c r="A2062" s="7">
        <f t="shared" si="99"/>
        <v>44647.583333328352</v>
      </c>
      <c r="B2062" s="8">
        <v>20.451338722294945</v>
      </c>
      <c r="C2062">
        <f t="shared" si="97"/>
        <v>14</v>
      </c>
      <c r="D2062">
        <f t="shared" si="98"/>
        <v>3</v>
      </c>
    </row>
    <row r="2063" spans="1:4" x14ac:dyDescent="0.25">
      <c r="A2063" s="7">
        <f t="shared" si="99"/>
        <v>44647.624999995016</v>
      </c>
      <c r="B2063" s="8">
        <v>20.451259364887285</v>
      </c>
      <c r="C2063">
        <f t="shared" si="97"/>
        <v>15</v>
      </c>
      <c r="D2063">
        <f t="shared" si="98"/>
        <v>3</v>
      </c>
    </row>
    <row r="2064" spans="1:4" x14ac:dyDescent="0.25">
      <c r="A2064" s="7">
        <f t="shared" si="99"/>
        <v>44647.66666666168</v>
      </c>
      <c r="B2064" s="8">
        <v>15.480813258930246</v>
      </c>
      <c r="C2064">
        <f t="shared" si="97"/>
        <v>16</v>
      </c>
      <c r="D2064">
        <f t="shared" si="98"/>
        <v>3</v>
      </c>
    </row>
    <row r="2065" spans="1:4" x14ac:dyDescent="0.25">
      <c r="A2065" s="7">
        <f t="shared" si="99"/>
        <v>44647.708333328344</v>
      </c>
      <c r="B2065" s="8">
        <v>8.3592691894041291</v>
      </c>
      <c r="C2065">
        <f t="shared" si="97"/>
        <v>17</v>
      </c>
      <c r="D2065">
        <f t="shared" si="98"/>
        <v>3</v>
      </c>
    </row>
    <row r="2066" spans="1:4" x14ac:dyDescent="0.25">
      <c r="A2066" s="7">
        <f t="shared" si="99"/>
        <v>44647.749999995009</v>
      </c>
      <c r="B2066" s="8">
        <v>3.3783293545537205</v>
      </c>
      <c r="C2066">
        <f t="shared" si="97"/>
        <v>18</v>
      </c>
      <c r="D2066">
        <f t="shared" si="98"/>
        <v>3</v>
      </c>
    </row>
    <row r="2067" spans="1:4" x14ac:dyDescent="0.25">
      <c r="A2067" s="7">
        <f t="shared" si="99"/>
        <v>44647.791666661673</v>
      </c>
      <c r="B2067" s="8">
        <v>0.46549200224869264</v>
      </c>
      <c r="C2067">
        <f t="shared" si="97"/>
        <v>19</v>
      </c>
      <c r="D2067">
        <f t="shared" si="98"/>
        <v>3</v>
      </c>
    </row>
    <row r="2068" spans="1:4" x14ac:dyDescent="0.25">
      <c r="A2068" s="7">
        <f t="shared" si="99"/>
        <v>44647.833333328337</v>
      </c>
      <c r="B2068" s="8">
        <v>-4.9800999999999998E-2</v>
      </c>
      <c r="C2068">
        <f t="shared" si="97"/>
        <v>20</v>
      </c>
      <c r="D2068">
        <f t="shared" si="98"/>
        <v>3</v>
      </c>
    </row>
    <row r="2069" spans="1:4" x14ac:dyDescent="0.25">
      <c r="A2069" s="7">
        <f t="shared" si="99"/>
        <v>44647.874999995001</v>
      </c>
      <c r="B2069" s="8">
        <v>-4.9800999999999998E-2</v>
      </c>
      <c r="C2069">
        <f t="shared" si="97"/>
        <v>21</v>
      </c>
      <c r="D2069">
        <f t="shared" si="98"/>
        <v>3</v>
      </c>
    </row>
    <row r="2070" spans="1:4" x14ac:dyDescent="0.25">
      <c r="A2070" s="7">
        <f t="shared" si="99"/>
        <v>44647.916666661666</v>
      </c>
      <c r="B2070" s="8">
        <v>-4.9800999999999998E-2</v>
      </c>
      <c r="C2070">
        <f t="shared" si="97"/>
        <v>22</v>
      </c>
      <c r="D2070">
        <f t="shared" si="98"/>
        <v>3</v>
      </c>
    </row>
    <row r="2071" spans="1:4" x14ac:dyDescent="0.25">
      <c r="A2071" s="7">
        <f t="shared" si="99"/>
        <v>44647.95833332833</v>
      </c>
      <c r="B2071" s="8">
        <v>-4.9800999999999998E-2</v>
      </c>
      <c r="C2071">
        <f t="shared" si="97"/>
        <v>23</v>
      </c>
      <c r="D2071">
        <f t="shared" si="98"/>
        <v>3</v>
      </c>
    </row>
    <row r="2072" spans="1:4" x14ac:dyDescent="0.25">
      <c r="A2072" s="7">
        <f t="shared" si="99"/>
        <v>44647.999999994994</v>
      </c>
      <c r="B2072" s="8">
        <v>-4.9800999999999998E-2</v>
      </c>
      <c r="C2072">
        <f t="shared" si="97"/>
        <v>0</v>
      </c>
      <c r="D2072">
        <f t="shared" si="98"/>
        <v>3</v>
      </c>
    </row>
    <row r="2073" spans="1:4" x14ac:dyDescent="0.25">
      <c r="A2073" s="7">
        <f t="shared" si="99"/>
        <v>44648.041666661658</v>
      </c>
      <c r="B2073" s="8">
        <v>-4.9800999999999998E-2</v>
      </c>
      <c r="C2073">
        <f t="shared" si="97"/>
        <v>1</v>
      </c>
      <c r="D2073">
        <f t="shared" si="98"/>
        <v>3</v>
      </c>
    </row>
    <row r="2074" spans="1:4" x14ac:dyDescent="0.25">
      <c r="A2074" s="7">
        <f t="shared" si="99"/>
        <v>44648.083333328323</v>
      </c>
      <c r="B2074" s="8">
        <v>-4.9800999999999998E-2</v>
      </c>
      <c r="C2074">
        <f t="shared" si="97"/>
        <v>2</v>
      </c>
      <c r="D2074">
        <f t="shared" si="98"/>
        <v>3</v>
      </c>
    </row>
    <row r="2075" spans="1:4" x14ac:dyDescent="0.25">
      <c r="A2075" s="7">
        <f t="shared" si="99"/>
        <v>44648.124999994987</v>
      </c>
      <c r="B2075" s="8">
        <v>-4.9800999999999998E-2</v>
      </c>
      <c r="C2075">
        <f t="shared" si="97"/>
        <v>3</v>
      </c>
      <c r="D2075">
        <f t="shared" si="98"/>
        <v>3</v>
      </c>
    </row>
    <row r="2076" spans="1:4" x14ac:dyDescent="0.25">
      <c r="A2076" s="7">
        <f t="shared" si="99"/>
        <v>44648.166666661651</v>
      </c>
      <c r="B2076" s="8">
        <v>-4.9800999999999998E-2</v>
      </c>
      <c r="C2076">
        <f t="shared" si="97"/>
        <v>4</v>
      </c>
      <c r="D2076">
        <f t="shared" si="98"/>
        <v>3</v>
      </c>
    </row>
    <row r="2077" spans="1:4" x14ac:dyDescent="0.25">
      <c r="A2077" s="7">
        <f t="shared" si="99"/>
        <v>44648.208333328315</v>
      </c>
      <c r="B2077" s="8">
        <v>-4.9800999999999998E-2</v>
      </c>
      <c r="C2077">
        <f t="shared" si="97"/>
        <v>5</v>
      </c>
      <c r="D2077">
        <f t="shared" si="98"/>
        <v>3</v>
      </c>
    </row>
    <row r="2078" spans="1:4" x14ac:dyDescent="0.25">
      <c r="A2078" s="7">
        <f t="shared" si="99"/>
        <v>44648.24999999498</v>
      </c>
      <c r="B2078" s="8">
        <v>-4.9800999999999998E-2</v>
      </c>
      <c r="C2078">
        <f t="shared" si="97"/>
        <v>6</v>
      </c>
      <c r="D2078">
        <f t="shared" si="98"/>
        <v>3</v>
      </c>
    </row>
    <row r="2079" spans="1:4" x14ac:dyDescent="0.25">
      <c r="A2079" s="7">
        <f t="shared" si="99"/>
        <v>44648.291666661644</v>
      </c>
      <c r="B2079" s="8">
        <v>-4.9800999999999998E-2</v>
      </c>
      <c r="C2079">
        <f t="shared" si="97"/>
        <v>7</v>
      </c>
      <c r="D2079">
        <f t="shared" si="98"/>
        <v>3</v>
      </c>
    </row>
    <row r="2080" spans="1:4" x14ac:dyDescent="0.25">
      <c r="A2080" s="7">
        <f t="shared" si="99"/>
        <v>44648.333333328308</v>
      </c>
      <c r="B2080" s="8">
        <v>1.0507322714242997</v>
      </c>
      <c r="C2080">
        <f t="shared" si="97"/>
        <v>8</v>
      </c>
      <c r="D2080">
        <f t="shared" si="98"/>
        <v>3</v>
      </c>
    </row>
    <row r="2081" spans="1:4" x14ac:dyDescent="0.25">
      <c r="A2081" s="7">
        <f t="shared" si="99"/>
        <v>44648.374999994972</v>
      </c>
      <c r="B2081" s="8">
        <v>2.2193690383170335</v>
      </c>
      <c r="C2081">
        <f t="shared" si="97"/>
        <v>9</v>
      </c>
      <c r="D2081">
        <f t="shared" si="98"/>
        <v>3</v>
      </c>
    </row>
    <row r="2082" spans="1:4" x14ac:dyDescent="0.25">
      <c r="A2082" s="7">
        <f t="shared" si="99"/>
        <v>44648.416666661637</v>
      </c>
      <c r="B2082" s="8">
        <v>6.732761823245073</v>
      </c>
      <c r="C2082">
        <f t="shared" si="97"/>
        <v>10</v>
      </c>
      <c r="D2082">
        <f t="shared" si="98"/>
        <v>3</v>
      </c>
    </row>
    <row r="2083" spans="1:4" x14ac:dyDescent="0.25">
      <c r="A2083" s="7">
        <f t="shared" si="99"/>
        <v>44648.458333328301</v>
      </c>
      <c r="B2083" s="8">
        <v>12.358813484195338</v>
      </c>
      <c r="C2083">
        <f t="shared" si="97"/>
        <v>11</v>
      </c>
      <c r="D2083">
        <f t="shared" si="98"/>
        <v>3</v>
      </c>
    </row>
    <row r="2084" spans="1:4" x14ac:dyDescent="0.25">
      <c r="A2084" s="7">
        <f t="shared" si="99"/>
        <v>44648.499999994965</v>
      </c>
      <c r="B2084" s="8">
        <v>8.4295901587473416</v>
      </c>
      <c r="C2084">
        <f t="shared" si="97"/>
        <v>12</v>
      </c>
      <c r="D2084">
        <f t="shared" si="98"/>
        <v>3</v>
      </c>
    </row>
    <row r="2085" spans="1:4" x14ac:dyDescent="0.25">
      <c r="A2085" s="7">
        <f t="shared" si="99"/>
        <v>44648.541666661629</v>
      </c>
      <c r="B2085" s="8">
        <v>3.8054051571853966</v>
      </c>
      <c r="C2085">
        <f t="shared" si="97"/>
        <v>13</v>
      </c>
      <c r="D2085">
        <f t="shared" si="98"/>
        <v>3</v>
      </c>
    </row>
    <row r="2086" spans="1:4" x14ac:dyDescent="0.25">
      <c r="A2086" s="7">
        <f t="shared" si="99"/>
        <v>44648.583333328294</v>
      </c>
      <c r="B2086" s="8">
        <v>3.5524230171078615</v>
      </c>
      <c r="C2086">
        <f t="shared" si="97"/>
        <v>14</v>
      </c>
      <c r="D2086">
        <f t="shared" si="98"/>
        <v>3</v>
      </c>
    </row>
    <row r="2087" spans="1:4" x14ac:dyDescent="0.25">
      <c r="A2087" s="7">
        <f t="shared" si="99"/>
        <v>44648.624999994958</v>
      </c>
      <c r="B2087" s="8">
        <v>3.1624421647864538</v>
      </c>
      <c r="C2087">
        <f t="shared" si="97"/>
        <v>15</v>
      </c>
      <c r="D2087">
        <f t="shared" si="98"/>
        <v>3</v>
      </c>
    </row>
    <row r="2088" spans="1:4" x14ac:dyDescent="0.25">
      <c r="A2088" s="7">
        <f t="shared" si="99"/>
        <v>44648.666666661622</v>
      </c>
      <c r="B2088" s="8">
        <v>7.3256719343401926</v>
      </c>
      <c r="C2088">
        <f t="shared" si="97"/>
        <v>16</v>
      </c>
      <c r="D2088">
        <f t="shared" si="98"/>
        <v>3</v>
      </c>
    </row>
    <row r="2089" spans="1:4" x14ac:dyDescent="0.25">
      <c r="A2089" s="7">
        <f t="shared" si="99"/>
        <v>44648.708333328286</v>
      </c>
      <c r="B2089" s="8">
        <v>6.0089058058175686</v>
      </c>
      <c r="C2089">
        <f t="shared" si="97"/>
        <v>17</v>
      </c>
      <c r="D2089">
        <f t="shared" si="98"/>
        <v>3</v>
      </c>
    </row>
    <row r="2090" spans="1:4" x14ac:dyDescent="0.25">
      <c r="A2090" s="7">
        <f t="shared" si="99"/>
        <v>44648.74999999495</v>
      </c>
      <c r="B2090" s="8">
        <v>2.5968856245574705</v>
      </c>
      <c r="C2090">
        <f t="shared" si="97"/>
        <v>18</v>
      </c>
      <c r="D2090">
        <f t="shared" si="98"/>
        <v>3</v>
      </c>
    </row>
    <row r="2091" spans="1:4" x14ac:dyDescent="0.25">
      <c r="A2091" s="7">
        <f t="shared" si="99"/>
        <v>44648.791666661615</v>
      </c>
      <c r="B2091" s="8">
        <v>-4.9800999999999998E-2</v>
      </c>
      <c r="C2091">
        <f t="shared" si="97"/>
        <v>19</v>
      </c>
      <c r="D2091">
        <f t="shared" si="98"/>
        <v>3</v>
      </c>
    </row>
    <row r="2092" spans="1:4" x14ac:dyDescent="0.25">
      <c r="A2092" s="7">
        <f t="shared" si="99"/>
        <v>44648.833333328279</v>
      </c>
      <c r="B2092" s="8">
        <v>-4.9800999999999998E-2</v>
      </c>
      <c r="C2092">
        <f t="shared" si="97"/>
        <v>20</v>
      </c>
      <c r="D2092">
        <f t="shared" si="98"/>
        <v>3</v>
      </c>
    </row>
    <row r="2093" spans="1:4" x14ac:dyDescent="0.25">
      <c r="A2093" s="7">
        <f t="shared" si="99"/>
        <v>44648.874999994943</v>
      </c>
      <c r="B2093" s="8">
        <v>-4.9800999999999998E-2</v>
      </c>
      <c r="C2093">
        <f t="shared" si="97"/>
        <v>21</v>
      </c>
      <c r="D2093">
        <f t="shared" si="98"/>
        <v>3</v>
      </c>
    </row>
    <row r="2094" spans="1:4" x14ac:dyDescent="0.25">
      <c r="A2094" s="7">
        <f t="shared" si="99"/>
        <v>44648.916666661607</v>
      </c>
      <c r="B2094" s="8">
        <v>-4.9800999999999998E-2</v>
      </c>
      <c r="C2094">
        <f t="shared" si="97"/>
        <v>22</v>
      </c>
      <c r="D2094">
        <f t="shared" si="98"/>
        <v>3</v>
      </c>
    </row>
    <row r="2095" spans="1:4" x14ac:dyDescent="0.25">
      <c r="A2095" s="7">
        <f t="shared" si="99"/>
        <v>44648.958333328272</v>
      </c>
      <c r="B2095" s="8">
        <v>-4.9800999999999998E-2</v>
      </c>
      <c r="C2095">
        <f t="shared" si="97"/>
        <v>23</v>
      </c>
      <c r="D2095">
        <f t="shared" si="98"/>
        <v>3</v>
      </c>
    </row>
    <row r="2096" spans="1:4" x14ac:dyDescent="0.25">
      <c r="A2096" s="7">
        <f t="shared" si="99"/>
        <v>44648.999999994936</v>
      </c>
      <c r="B2096" s="8">
        <v>-4.9800999999999998E-2</v>
      </c>
      <c r="C2096">
        <f t="shared" si="97"/>
        <v>0</v>
      </c>
      <c r="D2096">
        <f t="shared" si="98"/>
        <v>3</v>
      </c>
    </row>
    <row r="2097" spans="1:4" x14ac:dyDescent="0.25">
      <c r="A2097" s="7">
        <f t="shared" si="99"/>
        <v>44649.0416666616</v>
      </c>
      <c r="B2097" s="8">
        <v>-4.9800999999999998E-2</v>
      </c>
      <c r="C2097">
        <f t="shared" si="97"/>
        <v>1</v>
      </c>
      <c r="D2097">
        <f t="shared" si="98"/>
        <v>3</v>
      </c>
    </row>
    <row r="2098" spans="1:4" x14ac:dyDescent="0.25">
      <c r="A2098" s="7">
        <f t="shared" si="99"/>
        <v>44649.083333328264</v>
      </c>
      <c r="B2098" s="8">
        <v>-4.9800999999999998E-2</v>
      </c>
      <c r="C2098">
        <f t="shared" si="97"/>
        <v>2</v>
      </c>
      <c r="D2098">
        <f t="shared" si="98"/>
        <v>3</v>
      </c>
    </row>
    <row r="2099" spans="1:4" x14ac:dyDescent="0.25">
      <c r="A2099" s="7">
        <f t="shared" si="99"/>
        <v>44649.124999994929</v>
      </c>
      <c r="B2099" s="8">
        <v>-4.9800999999999998E-2</v>
      </c>
      <c r="C2099">
        <f t="shared" si="97"/>
        <v>3</v>
      </c>
      <c r="D2099">
        <f t="shared" si="98"/>
        <v>3</v>
      </c>
    </row>
    <row r="2100" spans="1:4" x14ac:dyDescent="0.25">
      <c r="A2100" s="7">
        <f t="shared" si="99"/>
        <v>44649.166666661593</v>
      </c>
      <c r="B2100" s="8">
        <v>-4.9800999999999998E-2</v>
      </c>
      <c r="C2100">
        <f t="shared" si="97"/>
        <v>4</v>
      </c>
      <c r="D2100">
        <f t="shared" si="98"/>
        <v>3</v>
      </c>
    </row>
    <row r="2101" spans="1:4" x14ac:dyDescent="0.25">
      <c r="A2101" s="7">
        <f t="shared" si="99"/>
        <v>44649.208333328257</v>
      </c>
      <c r="B2101" s="8">
        <v>-4.9800999999999998E-2</v>
      </c>
      <c r="C2101">
        <f t="shared" si="97"/>
        <v>5</v>
      </c>
      <c r="D2101">
        <f t="shared" si="98"/>
        <v>3</v>
      </c>
    </row>
    <row r="2102" spans="1:4" x14ac:dyDescent="0.25">
      <c r="A2102" s="7">
        <f t="shared" si="99"/>
        <v>44649.249999994921</v>
      </c>
      <c r="B2102" s="8">
        <v>-4.9800999999999998E-2</v>
      </c>
      <c r="C2102">
        <f t="shared" si="97"/>
        <v>6</v>
      </c>
      <c r="D2102">
        <f t="shared" si="98"/>
        <v>3</v>
      </c>
    </row>
    <row r="2103" spans="1:4" x14ac:dyDescent="0.25">
      <c r="A2103" s="7">
        <f t="shared" si="99"/>
        <v>44649.291666661586</v>
      </c>
      <c r="B2103" s="8">
        <v>-4.9800999999999998E-2</v>
      </c>
      <c r="C2103">
        <f t="shared" si="97"/>
        <v>7</v>
      </c>
      <c r="D2103">
        <f t="shared" si="98"/>
        <v>3</v>
      </c>
    </row>
    <row r="2104" spans="1:4" x14ac:dyDescent="0.25">
      <c r="A2104" s="7">
        <f t="shared" si="99"/>
        <v>44649.33333332825</v>
      </c>
      <c r="B2104" s="8">
        <v>4.3792705210579044</v>
      </c>
      <c r="C2104">
        <f t="shared" si="97"/>
        <v>8</v>
      </c>
      <c r="D2104">
        <f t="shared" si="98"/>
        <v>3</v>
      </c>
    </row>
    <row r="2105" spans="1:4" x14ac:dyDescent="0.25">
      <c r="A2105" s="7">
        <f t="shared" si="99"/>
        <v>44649.374999994914</v>
      </c>
      <c r="B2105" s="8">
        <v>11.824197057412428</v>
      </c>
      <c r="C2105">
        <f t="shared" si="97"/>
        <v>9</v>
      </c>
      <c r="D2105">
        <f t="shared" si="98"/>
        <v>3</v>
      </c>
    </row>
    <row r="2106" spans="1:4" x14ac:dyDescent="0.25">
      <c r="A2106" s="7">
        <f t="shared" si="99"/>
        <v>44649.416666661578</v>
      </c>
      <c r="B2106" s="8">
        <v>17.57936528185617</v>
      </c>
      <c r="C2106">
        <f t="shared" si="97"/>
        <v>10</v>
      </c>
      <c r="D2106">
        <f t="shared" si="98"/>
        <v>3</v>
      </c>
    </row>
    <row r="2107" spans="1:4" x14ac:dyDescent="0.25">
      <c r="A2107" s="7">
        <f t="shared" si="99"/>
        <v>44649.458333328243</v>
      </c>
      <c r="B2107" s="8">
        <v>20.451265548581386</v>
      </c>
      <c r="C2107">
        <f t="shared" si="97"/>
        <v>11</v>
      </c>
      <c r="D2107">
        <f t="shared" si="98"/>
        <v>3</v>
      </c>
    </row>
    <row r="2108" spans="1:4" x14ac:dyDescent="0.25">
      <c r="A2108" s="7">
        <f t="shared" si="99"/>
        <v>44649.499999994907</v>
      </c>
      <c r="B2108" s="8">
        <v>20.451279977200961</v>
      </c>
      <c r="C2108">
        <f t="shared" si="97"/>
        <v>12</v>
      </c>
      <c r="D2108">
        <f t="shared" si="98"/>
        <v>3</v>
      </c>
    </row>
    <row r="2109" spans="1:4" x14ac:dyDescent="0.25">
      <c r="A2109" s="7">
        <f t="shared" si="99"/>
        <v>44649.541666661571</v>
      </c>
      <c r="B2109" s="8">
        <v>20.451354181530199</v>
      </c>
      <c r="C2109">
        <f t="shared" si="97"/>
        <v>13</v>
      </c>
      <c r="D2109">
        <f t="shared" si="98"/>
        <v>3</v>
      </c>
    </row>
    <row r="2110" spans="1:4" x14ac:dyDescent="0.25">
      <c r="A2110" s="7">
        <f t="shared" si="99"/>
        <v>44649.583333328235</v>
      </c>
      <c r="B2110" s="8">
        <v>20.451357273377251</v>
      </c>
      <c r="C2110">
        <f t="shared" si="97"/>
        <v>14</v>
      </c>
      <c r="D2110">
        <f t="shared" si="98"/>
        <v>3</v>
      </c>
    </row>
    <row r="2111" spans="1:4" x14ac:dyDescent="0.25">
      <c r="A2111" s="7">
        <f t="shared" si="99"/>
        <v>44649.6249999949</v>
      </c>
      <c r="B2111" s="8">
        <v>20.451282038432328</v>
      </c>
      <c r="C2111">
        <f t="shared" si="97"/>
        <v>15</v>
      </c>
      <c r="D2111">
        <f t="shared" si="98"/>
        <v>3</v>
      </c>
    </row>
    <row r="2112" spans="1:4" x14ac:dyDescent="0.25">
      <c r="A2112" s="7">
        <f t="shared" si="99"/>
        <v>44649.666666661564</v>
      </c>
      <c r="B2112" s="8">
        <v>18.679916484824052</v>
      </c>
      <c r="C2112">
        <f t="shared" si="97"/>
        <v>16</v>
      </c>
      <c r="D2112">
        <f t="shared" si="98"/>
        <v>3</v>
      </c>
    </row>
    <row r="2113" spans="1:4" x14ac:dyDescent="0.25">
      <c r="A2113" s="7">
        <f t="shared" si="99"/>
        <v>44649.708333328228</v>
      </c>
      <c r="B2113" s="8">
        <v>12.802125606311023</v>
      </c>
      <c r="C2113">
        <f t="shared" si="97"/>
        <v>17</v>
      </c>
      <c r="D2113">
        <f t="shared" si="98"/>
        <v>3</v>
      </c>
    </row>
    <row r="2114" spans="1:4" x14ac:dyDescent="0.25">
      <c r="A2114" s="7">
        <f t="shared" si="99"/>
        <v>44649.749999994892</v>
      </c>
      <c r="B2114" s="8">
        <v>5.8608949649913278</v>
      </c>
      <c r="C2114">
        <f t="shared" si="97"/>
        <v>18</v>
      </c>
      <c r="D2114">
        <f t="shared" si="98"/>
        <v>3</v>
      </c>
    </row>
    <row r="2115" spans="1:4" x14ac:dyDescent="0.25">
      <c r="A2115" s="7">
        <f t="shared" si="99"/>
        <v>44649.791666661557</v>
      </c>
      <c r="B2115" s="8">
        <v>0.56335617574387742</v>
      </c>
      <c r="C2115">
        <f t="shared" si="97"/>
        <v>19</v>
      </c>
      <c r="D2115">
        <f t="shared" si="98"/>
        <v>3</v>
      </c>
    </row>
    <row r="2116" spans="1:4" x14ac:dyDescent="0.25">
      <c r="A2116" s="7">
        <f t="shared" si="99"/>
        <v>44649.833333328221</v>
      </c>
      <c r="B2116" s="8">
        <v>-4.9800999999999998E-2</v>
      </c>
      <c r="C2116">
        <f t="shared" si="97"/>
        <v>20</v>
      </c>
      <c r="D2116">
        <f t="shared" si="98"/>
        <v>3</v>
      </c>
    </row>
    <row r="2117" spans="1:4" x14ac:dyDescent="0.25">
      <c r="A2117" s="7">
        <f t="shared" si="99"/>
        <v>44649.874999994885</v>
      </c>
      <c r="B2117" s="8">
        <v>-4.9800999999999998E-2</v>
      </c>
      <c r="C2117">
        <f t="shared" si="97"/>
        <v>21</v>
      </c>
      <c r="D2117">
        <f t="shared" si="98"/>
        <v>3</v>
      </c>
    </row>
    <row r="2118" spans="1:4" x14ac:dyDescent="0.25">
      <c r="A2118" s="7">
        <f t="shared" si="99"/>
        <v>44649.916666661549</v>
      </c>
      <c r="B2118" s="8">
        <v>-4.9800999999999998E-2</v>
      </c>
      <c r="C2118">
        <f t="shared" si="97"/>
        <v>22</v>
      </c>
      <c r="D2118">
        <f t="shared" si="98"/>
        <v>3</v>
      </c>
    </row>
    <row r="2119" spans="1:4" x14ac:dyDescent="0.25">
      <c r="A2119" s="7">
        <f t="shared" si="99"/>
        <v>44649.958333328213</v>
      </c>
      <c r="B2119" s="8">
        <v>-4.9800999999999998E-2</v>
      </c>
      <c r="C2119">
        <f t="shared" si="97"/>
        <v>23</v>
      </c>
      <c r="D2119">
        <f t="shared" si="98"/>
        <v>3</v>
      </c>
    </row>
    <row r="2120" spans="1:4" x14ac:dyDescent="0.25">
      <c r="A2120" s="7">
        <f t="shared" si="99"/>
        <v>44649.999999994878</v>
      </c>
      <c r="B2120" s="8">
        <v>-4.9800999999999998E-2</v>
      </c>
      <c r="C2120">
        <f t="shared" si="97"/>
        <v>0</v>
      </c>
      <c r="D2120">
        <f t="shared" si="98"/>
        <v>3</v>
      </c>
    </row>
    <row r="2121" spans="1:4" x14ac:dyDescent="0.25">
      <c r="A2121" s="7">
        <f t="shared" si="99"/>
        <v>44650.041666661542</v>
      </c>
      <c r="B2121" s="8">
        <v>-4.9800999999999998E-2</v>
      </c>
      <c r="C2121">
        <f t="shared" si="97"/>
        <v>1</v>
      </c>
      <c r="D2121">
        <f t="shared" si="98"/>
        <v>3</v>
      </c>
    </row>
    <row r="2122" spans="1:4" x14ac:dyDescent="0.25">
      <c r="A2122" s="7">
        <f t="shared" si="99"/>
        <v>44650.083333328206</v>
      </c>
      <c r="B2122" s="8">
        <v>-4.9800999999999998E-2</v>
      </c>
      <c r="C2122">
        <f t="shared" ref="C2122:C2185" si="100">HOUR(A2122)</f>
        <v>2</v>
      </c>
      <c r="D2122">
        <f t="shared" ref="D2122:D2185" si="101">MONTH(A2122)</f>
        <v>3</v>
      </c>
    </row>
    <row r="2123" spans="1:4" x14ac:dyDescent="0.25">
      <c r="A2123" s="7">
        <f t="shared" ref="A2123:A2186" si="102">+A2122+1/24</f>
        <v>44650.12499999487</v>
      </c>
      <c r="B2123" s="8">
        <v>-4.9800999999999998E-2</v>
      </c>
      <c r="C2123">
        <f t="shared" si="100"/>
        <v>3</v>
      </c>
      <c r="D2123">
        <f t="shared" si="101"/>
        <v>3</v>
      </c>
    </row>
    <row r="2124" spans="1:4" x14ac:dyDescent="0.25">
      <c r="A2124" s="7">
        <f t="shared" si="102"/>
        <v>44650.166666661535</v>
      </c>
      <c r="B2124" s="8">
        <v>-4.9800999999999998E-2</v>
      </c>
      <c r="C2124">
        <f t="shared" si="100"/>
        <v>4</v>
      </c>
      <c r="D2124">
        <f t="shared" si="101"/>
        <v>3</v>
      </c>
    </row>
    <row r="2125" spans="1:4" x14ac:dyDescent="0.25">
      <c r="A2125" s="7">
        <f t="shared" si="102"/>
        <v>44650.208333328199</v>
      </c>
      <c r="B2125" s="8">
        <v>-4.9800999999999998E-2</v>
      </c>
      <c r="C2125">
        <f t="shared" si="100"/>
        <v>5</v>
      </c>
      <c r="D2125">
        <f t="shared" si="101"/>
        <v>3</v>
      </c>
    </row>
    <row r="2126" spans="1:4" x14ac:dyDescent="0.25">
      <c r="A2126" s="7">
        <f t="shared" si="102"/>
        <v>44650.249999994863</v>
      </c>
      <c r="B2126" s="8">
        <v>-4.9800999999999998E-2</v>
      </c>
      <c r="C2126">
        <f t="shared" si="100"/>
        <v>6</v>
      </c>
      <c r="D2126">
        <f t="shared" si="101"/>
        <v>3</v>
      </c>
    </row>
    <row r="2127" spans="1:4" x14ac:dyDescent="0.25">
      <c r="A2127" s="7">
        <f t="shared" si="102"/>
        <v>44650.291666661527</v>
      </c>
      <c r="B2127" s="8">
        <v>-4.9800999999999998E-2</v>
      </c>
      <c r="C2127">
        <f t="shared" si="100"/>
        <v>7</v>
      </c>
      <c r="D2127">
        <f t="shared" si="101"/>
        <v>3</v>
      </c>
    </row>
    <row r="2128" spans="1:4" x14ac:dyDescent="0.25">
      <c r="A2128" s="7">
        <f t="shared" si="102"/>
        <v>44650.333333328192</v>
      </c>
      <c r="B2128" s="8">
        <v>4.3890242678902442</v>
      </c>
      <c r="C2128">
        <f t="shared" si="100"/>
        <v>8</v>
      </c>
      <c r="D2128">
        <f t="shared" si="101"/>
        <v>3</v>
      </c>
    </row>
    <row r="2129" spans="1:4" x14ac:dyDescent="0.25">
      <c r="A2129" s="7">
        <f t="shared" si="102"/>
        <v>44650.374999994856</v>
      </c>
      <c r="B2129" s="8">
        <v>11.846471754188352</v>
      </c>
      <c r="C2129">
        <f t="shared" si="100"/>
        <v>9</v>
      </c>
      <c r="D2129">
        <f t="shared" si="101"/>
        <v>3</v>
      </c>
    </row>
    <row r="2130" spans="1:4" x14ac:dyDescent="0.25">
      <c r="A2130" s="7">
        <f t="shared" si="102"/>
        <v>44650.41666666152</v>
      </c>
      <c r="B2130" s="8">
        <v>17.85333694095182</v>
      </c>
      <c r="C2130">
        <f t="shared" si="100"/>
        <v>10</v>
      </c>
      <c r="D2130">
        <f t="shared" si="101"/>
        <v>3</v>
      </c>
    </row>
    <row r="2131" spans="1:4" x14ac:dyDescent="0.25">
      <c r="A2131" s="7">
        <f t="shared" si="102"/>
        <v>44650.458333328184</v>
      </c>
      <c r="B2131" s="8">
        <v>20.451300589514638</v>
      </c>
      <c r="C2131">
        <f t="shared" si="100"/>
        <v>11</v>
      </c>
      <c r="D2131">
        <f t="shared" si="101"/>
        <v>3</v>
      </c>
    </row>
    <row r="2132" spans="1:4" x14ac:dyDescent="0.25">
      <c r="A2132" s="7">
        <f t="shared" si="102"/>
        <v>44650.499999994849</v>
      </c>
      <c r="B2132" s="8">
        <v>20.451355212145884</v>
      </c>
      <c r="C2132">
        <f t="shared" si="100"/>
        <v>12</v>
      </c>
      <c r="D2132">
        <f t="shared" si="101"/>
        <v>3</v>
      </c>
    </row>
    <row r="2133" spans="1:4" x14ac:dyDescent="0.25">
      <c r="A2133" s="7">
        <f t="shared" si="102"/>
        <v>44650.541666661513</v>
      </c>
      <c r="B2133" s="8">
        <v>20.451365518302723</v>
      </c>
      <c r="C2133">
        <f t="shared" si="100"/>
        <v>13</v>
      </c>
      <c r="D2133">
        <f t="shared" si="101"/>
        <v>3</v>
      </c>
    </row>
    <row r="2134" spans="1:4" x14ac:dyDescent="0.25">
      <c r="A2134" s="7">
        <f t="shared" si="102"/>
        <v>44650.583333328177</v>
      </c>
      <c r="B2134" s="8">
        <v>20.451353150914514</v>
      </c>
      <c r="C2134">
        <f t="shared" si="100"/>
        <v>14</v>
      </c>
      <c r="D2134">
        <f t="shared" si="101"/>
        <v>3</v>
      </c>
    </row>
    <row r="2135" spans="1:4" x14ac:dyDescent="0.25">
      <c r="A2135" s="7">
        <f t="shared" si="102"/>
        <v>44650.624999994841</v>
      </c>
      <c r="B2135" s="8">
        <v>20.451304711977375</v>
      </c>
      <c r="C2135">
        <f t="shared" si="100"/>
        <v>15</v>
      </c>
      <c r="D2135">
        <f t="shared" si="101"/>
        <v>3</v>
      </c>
    </row>
    <row r="2136" spans="1:4" x14ac:dyDescent="0.25">
      <c r="A2136" s="7">
        <f t="shared" si="102"/>
        <v>44650.666666661506</v>
      </c>
      <c r="B2136" s="8">
        <v>18.403364164055944</v>
      </c>
      <c r="C2136">
        <f t="shared" si="100"/>
        <v>16</v>
      </c>
      <c r="D2136">
        <f t="shared" si="101"/>
        <v>3</v>
      </c>
    </row>
    <row r="2137" spans="1:4" x14ac:dyDescent="0.25">
      <c r="A2137" s="7">
        <f t="shared" si="102"/>
        <v>44650.70833332817</v>
      </c>
      <c r="B2137" s="8">
        <v>12.600077523947039</v>
      </c>
      <c r="C2137">
        <f t="shared" si="100"/>
        <v>17</v>
      </c>
      <c r="D2137">
        <f t="shared" si="101"/>
        <v>3</v>
      </c>
    </row>
    <row r="2138" spans="1:4" x14ac:dyDescent="0.25">
      <c r="A2138" s="7">
        <f t="shared" si="102"/>
        <v>44650.749999994834</v>
      </c>
      <c r="B2138" s="8">
        <v>5.5306516895552607</v>
      </c>
      <c r="C2138">
        <f t="shared" si="100"/>
        <v>18</v>
      </c>
      <c r="D2138">
        <f t="shared" si="101"/>
        <v>3</v>
      </c>
    </row>
    <row r="2139" spans="1:4" x14ac:dyDescent="0.25">
      <c r="A2139" s="7">
        <f t="shared" si="102"/>
        <v>44650.791666661498</v>
      </c>
      <c r="B2139" s="8">
        <v>0.56405287194618736</v>
      </c>
      <c r="C2139">
        <f t="shared" si="100"/>
        <v>19</v>
      </c>
      <c r="D2139">
        <f t="shared" si="101"/>
        <v>3</v>
      </c>
    </row>
    <row r="2140" spans="1:4" x14ac:dyDescent="0.25">
      <c r="A2140" s="7">
        <f t="shared" si="102"/>
        <v>44650.833333328163</v>
      </c>
      <c r="B2140" s="8">
        <v>-4.9800999999999998E-2</v>
      </c>
      <c r="C2140">
        <f t="shared" si="100"/>
        <v>20</v>
      </c>
      <c r="D2140">
        <f t="shared" si="101"/>
        <v>3</v>
      </c>
    </row>
    <row r="2141" spans="1:4" x14ac:dyDescent="0.25">
      <c r="A2141" s="7">
        <f t="shared" si="102"/>
        <v>44650.874999994827</v>
      </c>
      <c r="B2141" s="8">
        <v>-4.9800999999999998E-2</v>
      </c>
      <c r="C2141">
        <f t="shared" si="100"/>
        <v>21</v>
      </c>
      <c r="D2141">
        <f t="shared" si="101"/>
        <v>3</v>
      </c>
    </row>
    <row r="2142" spans="1:4" x14ac:dyDescent="0.25">
      <c r="A2142" s="7">
        <f t="shared" si="102"/>
        <v>44650.916666661491</v>
      </c>
      <c r="B2142" s="8">
        <v>-4.9800999999999998E-2</v>
      </c>
      <c r="C2142">
        <f t="shared" si="100"/>
        <v>22</v>
      </c>
      <c r="D2142">
        <f t="shared" si="101"/>
        <v>3</v>
      </c>
    </row>
    <row r="2143" spans="1:4" x14ac:dyDescent="0.25">
      <c r="A2143" s="7">
        <f t="shared" si="102"/>
        <v>44650.958333328155</v>
      </c>
      <c r="B2143" s="8">
        <v>-4.9800999999999998E-2</v>
      </c>
      <c r="C2143">
        <f t="shared" si="100"/>
        <v>23</v>
      </c>
      <c r="D2143">
        <f t="shared" si="101"/>
        <v>3</v>
      </c>
    </row>
    <row r="2144" spans="1:4" x14ac:dyDescent="0.25">
      <c r="A2144" s="7">
        <f t="shared" si="102"/>
        <v>44650.99999999482</v>
      </c>
      <c r="B2144" s="8">
        <v>-4.9800999999999998E-2</v>
      </c>
      <c r="C2144">
        <f t="shared" si="100"/>
        <v>0</v>
      </c>
      <c r="D2144">
        <f t="shared" si="101"/>
        <v>3</v>
      </c>
    </row>
    <row r="2145" spans="1:4" x14ac:dyDescent="0.25">
      <c r="A2145" s="7">
        <f t="shared" si="102"/>
        <v>44651.041666661484</v>
      </c>
      <c r="B2145" s="8">
        <v>-4.9800999999999998E-2</v>
      </c>
      <c r="C2145">
        <f t="shared" si="100"/>
        <v>1</v>
      </c>
      <c r="D2145">
        <f t="shared" si="101"/>
        <v>3</v>
      </c>
    </row>
    <row r="2146" spans="1:4" x14ac:dyDescent="0.25">
      <c r="A2146" s="7">
        <f t="shared" si="102"/>
        <v>44651.083333328148</v>
      </c>
      <c r="B2146" s="8">
        <v>-4.9800999999999998E-2</v>
      </c>
      <c r="C2146">
        <f t="shared" si="100"/>
        <v>2</v>
      </c>
      <c r="D2146">
        <f t="shared" si="101"/>
        <v>3</v>
      </c>
    </row>
    <row r="2147" spans="1:4" x14ac:dyDescent="0.25">
      <c r="A2147" s="7">
        <f t="shared" si="102"/>
        <v>44651.124999994812</v>
      </c>
      <c r="B2147" s="8">
        <v>-4.9800999999999998E-2</v>
      </c>
      <c r="C2147">
        <f t="shared" si="100"/>
        <v>3</v>
      </c>
      <c r="D2147">
        <f t="shared" si="101"/>
        <v>3</v>
      </c>
    </row>
    <row r="2148" spans="1:4" x14ac:dyDescent="0.25">
      <c r="A2148" s="7">
        <f t="shared" si="102"/>
        <v>44651.166666661476</v>
      </c>
      <c r="B2148" s="8">
        <v>-4.9800999999999998E-2</v>
      </c>
      <c r="C2148">
        <f t="shared" si="100"/>
        <v>4</v>
      </c>
      <c r="D2148">
        <f t="shared" si="101"/>
        <v>3</v>
      </c>
    </row>
    <row r="2149" spans="1:4" x14ac:dyDescent="0.25">
      <c r="A2149" s="7">
        <f t="shared" si="102"/>
        <v>44651.208333328141</v>
      </c>
      <c r="B2149" s="8">
        <v>-4.9800999999999998E-2</v>
      </c>
      <c r="C2149">
        <f t="shared" si="100"/>
        <v>5</v>
      </c>
      <c r="D2149">
        <f t="shared" si="101"/>
        <v>3</v>
      </c>
    </row>
    <row r="2150" spans="1:4" x14ac:dyDescent="0.25">
      <c r="A2150" s="7">
        <f t="shared" si="102"/>
        <v>44651.249999994805</v>
      </c>
      <c r="B2150" s="8">
        <v>-4.9800999999999998E-2</v>
      </c>
      <c r="C2150">
        <f t="shared" si="100"/>
        <v>6</v>
      </c>
      <c r="D2150">
        <f t="shared" si="101"/>
        <v>3</v>
      </c>
    </row>
    <row r="2151" spans="1:4" x14ac:dyDescent="0.25">
      <c r="A2151" s="7">
        <f t="shared" si="102"/>
        <v>44651.291666661469</v>
      </c>
      <c r="B2151" s="8">
        <v>0.20452259062100658</v>
      </c>
      <c r="C2151">
        <f t="shared" si="100"/>
        <v>7</v>
      </c>
      <c r="D2151">
        <f t="shared" si="101"/>
        <v>3</v>
      </c>
    </row>
    <row r="2152" spans="1:4" x14ac:dyDescent="0.25">
      <c r="A2152" s="7">
        <f t="shared" si="102"/>
        <v>44651.333333328133</v>
      </c>
      <c r="B2152" s="8">
        <v>4.9651157616399555</v>
      </c>
      <c r="C2152">
        <f t="shared" si="100"/>
        <v>8</v>
      </c>
      <c r="D2152">
        <f t="shared" si="101"/>
        <v>3</v>
      </c>
    </row>
    <row r="2153" spans="1:4" x14ac:dyDescent="0.25">
      <c r="A2153" s="7">
        <f t="shared" si="102"/>
        <v>44651.374999994798</v>
      </c>
      <c r="B2153" s="8">
        <v>8.7325087205564209</v>
      </c>
      <c r="C2153">
        <f t="shared" si="100"/>
        <v>9</v>
      </c>
      <c r="D2153">
        <f t="shared" si="101"/>
        <v>3</v>
      </c>
    </row>
    <row r="2154" spans="1:4" x14ac:dyDescent="0.25">
      <c r="A2154" s="7">
        <f t="shared" si="102"/>
        <v>44651.416666661462</v>
      </c>
      <c r="B2154" s="8">
        <v>15.765397167722913</v>
      </c>
      <c r="C2154">
        <f t="shared" si="100"/>
        <v>10</v>
      </c>
      <c r="D2154">
        <f t="shared" si="101"/>
        <v>3</v>
      </c>
    </row>
    <row r="2155" spans="1:4" x14ac:dyDescent="0.25">
      <c r="A2155" s="7">
        <f t="shared" si="102"/>
        <v>44651.458333328126</v>
      </c>
      <c r="B2155" s="8">
        <v>14.025886914288005</v>
      </c>
      <c r="C2155">
        <f t="shared" si="100"/>
        <v>11</v>
      </c>
      <c r="D2155">
        <f t="shared" si="101"/>
        <v>3</v>
      </c>
    </row>
    <row r="2156" spans="1:4" x14ac:dyDescent="0.25">
      <c r="A2156" s="7">
        <f t="shared" si="102"/>
        <v>44651.49999999479</v>
      </c>
      <c r="B2156" s="8">
        <v>20.451306773208739</v>
      </c>
      <c r="C2156">
        <f t="shared" si="100"/>
        <v>12</v>
      </c>
      <c r="D2156">
        <f t="shared" si="101"/>
        <v>3</v>
      </c>
    </row>
    <row r="2157" spans="1:4" x14ac:dyDescent="0.25">
      <c r="A2157" s="7">
        <f t="shared" si="102"/>
        <v>44651.541666661455</v>
      </c>
      <c r="B2157" s="8">
        <v>20.451295436436219</v>
      </c>
      <c r="C2157">
        <f t="shared" si="100"/>
        <v>13</v>
      </c>
      <c r="D2157">
        <f t="shared" si="101"/>
        <v>3</v>
      </c>
    </row>
    <row r="2158" spans="1:4" x14ac:dyDescent="0.25">
      <c r="A2158" s="7">
        <f t="shared" si="102"/>
        <v>44651.583333328119</v>
      </c>
      <c r="B2158" s="8">
        <v>12.669166907548002</v>
      </c>
      <c r="C2158">
        <f t="shared" si="100"/>
        <v>14</v>
      </c>
      <c r="D2158">
        <f t="shared" si="101"/>
        <v>3</v>
      </c>
    </row>
    <row r="2159" spans="1:4" x14ac:dyDescent="0.25">
      <c r="A2159" s="7">
        <f t="shared" si="102"/>
        <v>44651.624999994783</v>
      </c>
      <c r="B2159" s="8">
        <v>4.3400865127563906</v>
      </c>
      <c r="C2159">
        <f t="shared" si="100"/>
        <v>15</v>
      </c>
      <c r="D2159">
        <f t="shared" si="101"/>
        <v>3</v>
      </c>
    </row>
    <row r="2160" spans="1:4" x14ac:dyDescent="0.25">
      <c r="A2160" s="7">
        <f t="shared" si="102"/>
        <v>44651.666666661447</v>
      </c>
      <c r="B2160" s="8">
        <v>4.5033978740256702</v>
      </c>
      <c r="C2160">
        <f t="shared" si="100"/>
        <v>16</v>
      </c>
      <c r="D2160">
        <f t="shared" si="101"/>
        <v>3</v>
      </c>
    </row>
    <row r="2161" spans="1:4" x14ac:dyDescent="0.25">
      <c r="A2161" s="7">
        <f t="shared" si="102"/>
        <v>44651.708333328112</v>
      </c>
      <c r="B2161" s="8">
        <v>1.7744027780287031</v>
      </c>
      <c r="C2161">
        <f t="shared" si="100"/>
        <v>17</v>
      </c>
      <c r="D2161">
        <f t="shared" si="101"/>
        <v>3</v>
      </c>
    </row>
    <row r="2162" spans="1:4" x14ac:dyDescent="0.25">
      <c r="A2162" s="7">
        <f t="shared" si="102"/>
        <v>44651.749999994776</v>
      </c>
      <c r="B2162" s="8">
        <v>0.95971035545446348</v>
      </c>
      <c r="C2162">
        <f t="shared" si="100"/>
        <v>18</v>
      </c>
      <c r="D2162">
        <f t="shared" si="101"/>
        <v>3</v>
      </c>
    </row>
    <row r="2163" spans="1:4" x14ac:dyDescent="0.25">
      <c r="A2163" s="7">
        <f t="shared" si="102"/>
        <v>44651.79166666144</v>
      </c>
      <c r="B2163" s="8">
        <v>-4.9800999999999998E-2</v>
      </c>
      <c r="C2163">
        <f t="shared" si="100"/>
        <v>19</v>
      </c>
      <c r="D2163">
        <f t="shared" si="101"/>
        <v>3</v>
      </c>
    </row>
    <row r="2164" spans="1:4" x14ac:dyDescent="0.25">
      <c r="A2164" s="7">
        <f t="shared" si="102"/>
        <v>44651.833333328104</v>
      </c>
      <c r="B2164" s="8">
        <v>-4.9800999999999998E-2</v>
      </c>
      <c r="C2164">
        <f t="shared" si="100"/>
        <v>20</v>
      </c>
      <c r="D2164">
        <f t="shared" si="101"/>
        <v>3</v>
      </c>
    </row>
    <row r="2165" spans="1:4" x14ac:dyDescent="0.25">
      <c r="A2165" s="7">
        <f t="shared" si="102"/>
        <v>44651.874999994769</v>
      </c>
      <c r="B2165" s="8">
        <v>-4.9800999999999998E-2</v>
      </c>
      <c r="C2165">
        <f t="shared" si="100"/>
        <v>21</v>
      </c>
      <c r="D2165">
        <f t="shared" si="101"/>
        <v>3</v>
      </c>
    </row>
    <row r="2166" spans="1:4" x14ac:dyDescent="0.25">
      <c r="A2166" s="7">
        <f t="shared" si="102"/>
        <v>44651.916666661433</v>
      </c>
      <c r="B2166" s="8">
        <v>-4.9800999999999998E-2</v>
      </c>
      <c r="C2166">
        <f t="shared" si="100"/>
        <v>22</v>
      </c>
      <c r="D2166">
        <f t="shared" si="101"/>
        <v>3</v>
      </c>
    </row>
    <row r="2167" spans="1:4" x14ac:dyDescent="0.25">
      <c r="A2167" s="7">
        <f t="shared" si="102"/>
        <v>44651.958333328097</v>
      </c>
      <c r="B2167" s="8">
        <v>-4.9800999999999998E-2</v>
      </c>
      <c r="C2167">
        <f t="shared" si="100"/>
        <v>23</v>
      </c>
      <c r="D2167">
        <f t="shared" si="101"/>
        <v>3</v>
      </c>
    </row>
    <row r="2168" spans="1:4" x14ac:dyDescent="0.25">
      <c r="A2168" s="7">
        <f t="shared" si="102"/>
        <v>44651.999999994761</v>
      </c>
      <c r="B2168" s="8">
        <v>-4.9800999999999998E-2</v>
      </c>
      <c r="C2168">
        <f t="shared" si="100"/>
        <v>0</v>
      </c>
      <c r="D2168">
        <f t="shared" si="101"/>
        <v>4</v>
      </c>
    </row>
    <row r="2169" spans="1:4" x14ac:dyDescent="0.25">
      <c r="A2169" s="7">
        <f t="shared" si="102"/>
        <v>44652.041666661426</v>
      </c>
      <c r="B2169" s="8">
        <v>-4.9800999999999998E-2</v>
      </c>
      <c r="C2169">
        <f t="shared" si="100"/>
        <v>1</v>
      </c>
      <c r="D2169">
        <f t="shared" si="101"/>
        <v>4</v>
      </c>
    </row>
    <row r="2170" spans="1:4" x14ac:dyDescent="0.25">
      <c r="A2170" s="7">
        <f t="shared" si="102"/>
        <v>44652.08333332809</v>
      </c>
      <c r="B2170" s="8">
        <v>-4.9800999999999998E-2</v>
      </c>
      <c r="C2170">
        <f t="shared" si="100"/>
        <v>2</v>
      </c>
      <c r="D2170">
        <f t="shared" si="101"/>
        <v>4</v>
      </c>
    </row>
    <row r="2171" spans="1:4" x14ac:dyDescent="0.25">
      <c r="A2171" s="7">
        <f t="shared" si="102"/>
        <v>44652.124999994754</v>
      </c>
      <c r="B2171" s="8">
        <v>-4.9800999999999998E-2</v>
      </c>
      <c r="C2171">
        <f t="shared" si="100"/>
        <v>3</v>
      </c>
      <c r="D2171">
        <f t="shared" si="101"/>
        <v>4</v>
      </c>
    </row>
    <row r="2172" spans="1:4" x14ac:dyDescent="0.25">
      <c r="A2172" s="7">
        <f t="shared" si="102"/>
        <v>44652.166666661418</v>
      </c>
      <c r="B2172" s="8">
        <v>-4.9800999999999998E-2</v>
      </c>
      <c r="C2172">
        <f t="shared" si="100"/>
        <v>4</v>
      </c>
      <c r="D2172">
        <f t="shared" si="101"/>
        <v>4</v>
      </c>
    </row>
    <row r="2173" spans="1:4" x14ac:dyDescent="0.25">
      <c r="A2173" s="7">
        <f t="shared" si="102"/>
        <v>44652.208333328083</v>
      </c>
      <c r="B2173" s="8">
        <v>-4.9800999999999998E-2</v>
      </c>
      <c r="C2173">
        <f t="shared" si="100"/>
        <v>5</v>
      </c>
      <c r="D2173">
        <f t="shared" si="101"/>
        <v>4</v>
      </c>
    </row>
    <row r="2174" spans="1:4" x14ac:dyDescent="0.25">
      <c r="A2174" s="7">
        <f t="shared" si="102"/>
        <v>44652.249999994747</v>
      </c>
      <c r="B2174" s="8">
        <v>-4.9800999999999998E-2</v>
      </c>
      <c r="C2174">
        <f t="shared" si="100"/>
        <v>6</v>
      </c>
      <c r="D2174">
        <f t="shared" si="101"/>
        <v>4</v>
      </c>
    </row>
    <row r="2175" spans="1:4" x14ac:dyDescent="0.25">
      <c r="A2175" s="7">
        <f t="shared" si="102"/>
        <v>44652.291666661411</v>
      </c>
      <c r="B2175" s="8">
        <v>0.23862669421662519</v>
      </c>
      <c r="C2175">
        <f t="shared" si="100"/>
        <v>7</v>
      </c>
      <c r="D2175">
        <f t="shared" si="101"/>
        <v>4</v>
      </c>
    </row>
    <row r="2176" spans="1:4" x14ac:dyDescent="0.25">
      <c r="A2176" s="7">
        <f t="shared" si="102"/>
        <v>44652.333333328075</v>
      </c>
      <c r="B2176" s="8">
        <v>4.9738491989452429</v>
      </c>
      <c r="C2176">
        <f t="shared" si="100"/>
        <v>8</v>
      </c>
      <c r="D2176">
        <f t="shared" si="101"/>
        <v>4</v>
      </c>
    </row>
    <row r="2177" spans="1:4" x14ac:dyDescent="0.25">
      <c r="A2177" s="7">
        <f t="shared" si="102"/>
        <v>44652.374999994739</v>
      </c>
      <c r="B2177" s="8">
        <v>6.2959137226987476</v>
      </c>
      <c r="C2177">
        <f t="shared" si="100"/>
        <v>9</v>
      </c>
      <c r="D2177">
        <f t="shared" si="101"/>
        <v>4</v>
      </c>
    </row>
    <row r="2178" spans="1:4" x14ac:dyDescent="0.25">
      <c r="A2178" s="7">
        <f t="shared" si="102"/>
        <v>44652.416666661404</v>
      </c>
      <c r="B2178" s="8">
        <v>8.6366635231859785</v>
      </c>
      <c r="C2178">
        <f t="shared" si="100"/>
        <v>10</v>
      </c>
      <c r="D2178">
        <f t="shared" si="101"/>
        <v>4</v>
      </c>
    </row>
    <row r="2179" spans="1:4" x14ac:dyDescent="0.25">
      <c r="A2179" s="7">
        <f t="shared" si="102"/>
        <v>44652.458333328068</v>
      </c>
      <c r="B2179" s="8">
        <v>19.307604722172051</v>
      </c>
      <c r="C2179">
        <f t="shared" si="100"/>
        <v>11</v>
      </c>
      <c r="D2179">
        <f t="shared" si="101"/>
        <v>4</v>
      </c>
    </row>
    <row r="2180" spans="1:4" x14ac:dyDescent="0.25">
      <c r="A2180" s="7">
        <f t="shared" si="102"/>
        <v>44652.499999994732</v>
      </c>
      <c r="B2180" s="8">
        <v>17.472383251405606</v>
      </c>
      <c r="C2180">
        <f t="shared" si="100"/>
        <v>12</v>
      </c>
      <c r="D2180">
        <f t="shared" si="101"/>
        <v>4</v>
      </c>
    </row>
    <row r="2181" spans="1:4" x14ac:dyDescent="0.25">
      <c r="A2181" s="7">
        <f t="shared" si="102"/>
        <v>44652.541666661396</v>
      </c>
      <c r="B2181" s="8">
        <v>7.593901002845203</v>
      </c>
      <c r="C2181">
        <f t="shared" si="100"/>
        <v>13</v>
      </c>
      <c r="D2181">
        <f t="shared" si="101"/>
        <v>4</v>
      </c>
    </row>
    <row r="2182" spans="1:4" x14ac:dyDescent="0.25">
      <c r="A2182" s="7">
        <f t="shared" si="102"/>
        <v>44652.583333328061</v>
      </c>
      <c r="B2182" s="8">
        <v>3.1158284480197729</v>
      </c>
      <c r="C2182">
        <f t="shared" si="100"/>
        <v>14</v>
      </c>
      <c r="D2182">
        <f t="shared" si="101"/>
        <v>4</v>
      </c>
    </row>
    <row r="2183" spans="1:4" x14ac:dyDescent="0.25">
      <c r="A2183" s="7">
        <f t="shared" si="102"/>
        <v>44652.624999994725</v>
      </c>
      <c r="B2183" s="8">
        <v>3.5617140174981339</v>
      </c>
      <c r="C2183">
        <f t="shared" si="100"/>
        <v>15</v>
      </c>
      <c r="D2183">
        <f t="shared" si="101"/>
        <v>4</v>
      </c>
    </row>
    <row r="2184" spans="1:4" x14ac:dyDescent="0.25">
      <c r="A2184" s="7">
        <f t="shared" si="102"/>
        <v>44652.666666661389</v>
      </c>
      <c r="B2184" s="8">
        <v>8.6256431496781367</v>
      </c>
      <c r="C2184">
        <f t="shared" si="100"/>
        <v>16</v>
      </c>
      <c r="D2184">
        <f t="shared" si="101"/>
        <v>4</v>
      </c>
    </row>
    <row r="2185" spans="1:4" x14ac:dyDescent="0.25">
      <c r="A2185" s="7">
        <f t="shared" si="102"/>
        <v>44652.708333328053</v>
      </c>
      <c r="B2185" s="8">
        <v>6.6747041499244721</v>
      </c>
      <c r="C2185">
        <f t="shared" si="100"/>
        <v>17</v>
      </c>
      <c r="D2185">
        <f t="shared" si="101"/>
        <v>4</v>
      </c>
    </row>
    <row r="2186" spans="1:4" x14ac:dyDescent="0.25">
      <c r="A2186" s="7">
        <f t="shared" si="102"/>
        <v>44652.749999994718</v>
      </c>
      <c r="B2186" s="8">
        <v>3.5539813080219038</v>
      </c>
      <c r="C2186">
        <f t="shared" ref="C2186:C2249" si="103">HOUR(A2186)</f>
        <v>18</v>
      </c>
      <c r="D2186">
        <f t="shared" ref="D2186:D2249" si="104">MONTH(A2186)</f>
        <v>4</v>
      </c>
    </row>
    <row r="2187" spans="1:4" x14ac:dyDescent="0.25">
      <c r="A2187" s="7">
        <f t="shared" ref="A2187:A2250" si="105">+A2186+1/24</f>
        <v>44652.791666661382</v>
      </c>
      <c r="B2187" s="8">
        <v>0.47131188901562199</v>
      </c>
      <c r="C2187">
        <f t="shared" si="103"/>
        <v>19</v>
      </c>
      <c r="D2187">
        <f t="shared" si="104"/>
        <v>4</v>
      </c>
    </row>
    <row r="2188" spans="1:4" x14ac:dyDescent="0.25">
      <c r="A2188" s="7">
        <f t="shared" si="105"/>
        <v>44652.833333328046</v>
      </c>
      <c r="B2188" s="8">
        <v>-4.9800999999999998E-2</v>
      </c>
      <c r="C2188">
        <f t="shared" si="103"/>
        <v>20</v>
      </c>
      <c r="D2188">
        <f t="shared" si="104"/>
        <v>4</v>
      </c>
    </row>
    <row r="2189" spans="1:4" x14ac:dyDescent="0.25">
      <c r="A2189" s="7">
        <f t="shared" si="105"/>
        <v>44652.87499999471</v>
      </c>
      <c r="B2189" s="8">
        <v>-4.9800999999999998E-2</v>
      </c>
      <c r="C2189">
        <f t="shared" si="103"/>
        <v>21</v>
      </c>
      <c r="D2189">
        <f t="shared" si="104"/>
        <v>4</v>
      </c>
    </row>
    <row r="2190" spans="1:4" x14ac:dyDescent="0.25">
      <c r="A2190" s="7">
        <f t="shared" si="105"/>
        <v>44652.916666661375</v>
      </c>
      <c r="B2190" s="8">
        <v>-4.9800999999999998E-2</v>
      </c>
      <c r="C2190">
        <f t="shared" si="103"/>
        <v>22</v>
      </c>
      <c r="D2190">
        <f t="shared" si="104"/>
        <v>4</v>
      </c>
    </row>
    <row r="2191" spans="1:4" x14ac:dyDescent="0.25">
      <c r="A2191" s="7">
        <f t="shared" si="105"/>
        <v>44652.958333328039</v>
      </c>
      <c r="B2191" s="8">
        <v>-4.9800999999999998E-2</v>
      </c>
      <c r="C2191">
        <f t="shared" si="103"/>
        <v>23</v>
      </c>
      <c r="D2191">
        <f t="shared" si="104"/>
        <v>4</v>
      </c>
    </row>
    <row r="2192" spans="1:4" x14ac:dyDescent="0.25">
      <c r="A2192" s="7">
        <f t="shared" si="105"/>
        <v>44652.999999994703</v>
      </c>
      <c r="B2192" s="8">
        <v>-4.9800999999999998E-2</v>
      </c>
      <c r="C2192">
        <f t="shared" si="103"/>
        <v>0</v>
      </c>
      <c r="D2192">
        <f t="shared" si="104"/>
        <v>4</v>
      </c>
    </row>
    <row r="2193" spans="1:4" x14ac:dyDescent="0.25">
      <c r="A2193" s="7">
        <f t="shared" si="105"/>
        <v>44653.041666661367</v>
      </c>
      <c r="B2193" s="8">
        <v>-4.9800999999999998E-2</v>
      </c>
      <c r="C2193">
        <f t="shared" si="103"/>
        <v>1</v>
      </c>
      <c r="D2193">
        <f t="shared" si="104"/>
        <v>4</v>
      </c>
    </row>
    <row r="2194" spans="1:4" x14ac:dyDescent="0.25">
      <c r="A2194" s="7">
        <f t="shared" si="105"/>
        <v>44653.083333328032</v>
      </c>
      <c r="B2194" s="8">
        <v>-4.9800999999999998E-2</v>
      </c>
      <c r="C2194">
        <f t="shared" si="103"/>
        <v>2</v>
      </c>
      <c r="D2194">
        <f t="shared" si="104"/>
        <v>4</v>
      </c>
    </row>
    <row r="2195" spans="1:4" x14ac:dyDescent="0.25">
      <c r="A2195" s="7">
        <f t="shared" si="105"/>
        <v>44653.124999994696</v>
      </c>
      <c r="B2195" s="8">
        <v>-4.9800999999999998E-2</v>
      </c>
      <c r="C2195">
        <f t="shared" si="103"/>
        <v>3</v>
      </c>
      <c r="D2195">
        <f t="shared" si="104"/>
        <v>4</v>
      </c>
    </row>
    <row r="2196" spans="1:4" x14ac:dyDescent="0.25">
      <c r="A2196" s="7">
        <f t="shared" si="105"/>
        <v>44653.16666666136</v>
      </c>
      <c r="B2196" s="8">
        <v>-4.9800999999999998E-2</v>
      </c>
      <c r="C2196">
        <f t="shared" si="103"/>
        <v>4</v>
      </c>
      <c r="D2196">
        <f t="shared" si="104"/>
        <v>4</v>
      </c>
    </row>
    <row r="2197" spans="1:4" x14ac:dyDescent="0.25">
      <c r="A2197" s="7">
        <f t="shared" si="105"/>
        <v>44653.208333328024</v>
      </c>
      <c r="B2197" s="8">
        <v>-4.9800999999999998E-2</v>
      </c>
      <c r="C2197">
        <f t="shared" si="103"/>
        <v>5</v>
      </c>
      <c r="D2197">
        <f t="shared" si="104"/>
        <v>4</v>
      </c>
    </row>
    <row r="2198" spans="1:4" x14ac:dyDescent="0.25">
      <c r="A2198" s="7">
        <f t="shared" si="105"/>
        <v>44653.249999994689</v>
      </c>
      <c r="B2198" s="8">
        <v>-4.9800999999999998E-2</v>
      </c>
      <c r="C2198">
        <f t="shared" si="103"/>
        <v>6</v>
      </c>
      <c r="D2198">
        <f t="shared" si="104"/>
        <v>4</v>
      </c>
    </row>
    <row r="2199" spans="1:4" x14ac:dyDescent="0.25">
      <c r="A2199" s="7">
        <f t="shared" si="105"/>
        <v>44653.291666661353</v>
      </c>
      <c r="B2199" s="8">
        <v>0.47224459620954284</v>
      </c>
      <c r="C2199">
        <f t="shared" si="103"/>
        <v>7</v>
      </c>
      <c r="D2199">
        <f t="shared" si="104"/>
        <v>4</v>
      </c>
    </row>
    <row r="2200" spans="1:4" x14ac:dyDescent="0.25">
      <c r="A2200" s="7">
        <f t="shared" si="105"/>
        <v>44653.333333328017</v>
      </c>
      <c r="B2200" s="8">
        <v>5.1781326867275874</v>
      </c>
      <c r="C2200">
        <f t="shared" si="103"/>
        <v>8</v>
      </c>
      <c r="D2200">
        <f t="shared" si="104"/>
        <v>4</v>
      </c>
    </row>
    <row r="2201" spans="1:4" x14ac:dyDescent="0.25">
      <c r="A2201" s="7">
        <f t="shared" si="105"/>
        <v>44653.374999994681</v>
      </c>
      <c r="B2201" s="8">
        <v>12.141521565250928</v>
      </c>
      <c r="C2201">
        <f t="shared" si="103"/>
        <v>9</v>
      </c>
      <c r="D2201">
        <f t="shared" si="104"/>
        <v>4</v>
      </c>
    </row>
    <row r="2202" spans="1:4" x14ac:dyDescent="0.25">
      <c r="A2202" s="7">
        <f t="shared" si="105"/>
        <v>44653.416666661346</v>
      </c>
      <c r="B2202" s="8">
        <v>17.660467521868561</v>
      </c>
      <c r="C2202">
        <f t="shared" si="103"/>
        <v>10</v>
      </c>
      <c r="D2202">
        <f t="shared" si="104"/>
        <v>4</v>
      </c>
    </row>
    <row r="2203" spans="1:4" x14ac:dyDescent="0.25">
      <c r="A2203" s="7">
        <f t="shared" si="105"/>
        <v>44653.45833332801</v>
      </c>
      <c r="B2203" s="8">
        <v>12.737014399249878</v>
      </c>
      <c r="C2203">
        <f t="shared" si="103"/>
        <v>11</v>
      </c>
      <c r="D2203">
        <f t="shared" si="104"/>
        <v>4</v>
      </c>
    </row>
    <row r="2204" spans="1:4" x14ac:dyDescent="0.25">
      <c r="A2204" s="7">
        <f t="shared" si="105"/>
        <v>44653.499999994674</v>
      </c>
      <c r="B2204" s="8">
        <v>12.745938500456685</v>
      </c>
      <c r="C2204">
        <f t="shared" si="103"/>
        <v>12</v>
      </c>
      <c r="D2204">
        <f t="shared" si="104"/>
        <v>4</v>
      </c>
    </row>
    <row r="2205" spans="1:4" x14ac:dyDescent="0.25">
      <c r="A2205" s="7">
        <f t="shared" si="105"/>
        <v>44653.541666661338</v>
      </c>
      <c r="B2205" s="8">
        <v>12.476894214945718</v>
      </c>
      <c r="C2205">
        <f t="shared" si="103"/>
        <v>13</v>
      </c>
      <c r="D2205">
        <f t="shared" si="104"/>
        <v>4</v>
      </c>
    </row>
    <row r="2206" spans="1:4" x14ac:dyDescent="0.25">
      <c r="A2206" s="7">
        <f t="shared" si="105"/>
        <v>44653.583333328002</v>
      </c>
      <c r="B2206" s="8">
        <v>6.7669999068795974</v>
      </c>
      <c r="C2206">
        <f t="shared" si="103"/>
        <v>14</v>
      </c>
      <c r="D2206">
        <f t="shared" si="104"/>
        <v>4</v>
      </c>
    </row>
    <row r="2207" spans="1:4" x14ac:dyDescent="0.25">
      <c r="A2207" s="7">
        <f t="shared" si="105"/>
        <v>44653.624999994667</v>
      </c>
      <c r="B2207" s="8">
        <v>15.009588972247753</v>
      </c>
      <c r="C2207">
        <f t="shared" si="103"/>
        <v>15</v>
      </c>
      <c r="D2207">
        <f t="shared" si="104"/>
        <v>4</v>
      </c>
    </row>
    <row r="2208" spans="1:4" x14ac:dyDescent="0.25">
      <c r="A2208" s="7">
        <f t="shared" si="105"/>
        <v>44653.666666661331</v>
      </c>
      <c r="B2208" s="8">
        <v>7.366657458857147</v>
      </c>
      <c r="C2208">
        <f t="shared" si="103"/>
        <v>16</v>
      </c>
      <c r="D2208">
        <f t="shared" si="104"/>
        <v>4</v>
      </c>
    </row>
    <row r="2209" spans="1:4" x14ac:dyDescent="0.25">
      <c r="A2209" s="7">
        <f t="shared" si="105"/>
        <v>44653.708333327995</v>
      </c>
      <c r="B2209" s="8">
        <v>3.3155926860282574</v>
      </c>
      <c r="C2209">
        <f t="shared" si="103"/>
        <v>17</v>
      </c>
      <c r="D2209">
        <f t="shared" si="104"/>
        <v>4</v>
      </c>
    </row>
    <row r="2210" spans="1:4" x14ac:dyDescent="0.25">
      <c r="A2210" s="7">
        <f t="shared" si="105"/>
        <v>44653.749999994659</v>
      </c>
      <c r="B2210" s="8">
        <v>2.6482113162308982</v>
      </c>
      <c r="C2210">
        <f t="shared" si="103"/>
        <v>18</v>
      </c>
      <c r="D2210">
        <f t="shared" si="104"/>
        <v>4</v>
      </c>
    </row>
    <row r="2211" spans="1:4" x14ac:dyDescent="0.25">
      <c r="A2211" s="7">
        <f t="shared" si="105"/>
        <v>44653.791666661324</v>
      </c>
      <c r="B2211" s="8">
        <v>0.44483640271216041</v>
      </c>
      <c r="C2211">
        <f t="shared" si="103"/>
        <v>19</v>
      </c>
      <c r="D2211">
        <f t="shared" si="104"/>
        <v>4</v>
      </c>
    </row>
    <row r="2212" spans="1:4" x14ac:dyDescent="0.25">
      <c r="A2212" s="7">
        <f t="shared" si="105"/>
        <v>44653.833333327988</v>
      </c>
      <c r="B2212" s="8">
        <v>-4.9800999999999998E-2</v>
      </c>
      <c r="C2212">
        <f t="shared" si="103"/>
        <v>20</v>
      </c>
      <c r="D2212">
        <f t="shared" si="104"/>
        <v>4</v>
      </c>
    </row>
    <row r="2213" spans="1:4" x14ac:dyDescent="0.25">
      <c r="A2213" s="7">
        <f t="shared" si="105"/>
        <v>44653.874999994652</v>
      </c>
      <c r="B2213" s="8">
        <v>-4.9800999999999998E-2</v>
      </c>
      <c r="C2213">
        <f t="shared" si="103"/>
        <v>21</v>
      </c>
      <c r="D2213">
        <f t="shared" si="104"/>
        <v>4</v>
      </c>
    </row>
    <row r="2214" spans="1:4" x14ac:dyDescent="0.25">
      <c r="A2214" s="7">
        <f t="shared" si="105"/>
        <v>44653.916666661316</v>
      </c>
      <c r="B2214" s="8">
        <v>-4.9800999999999998E-2</v>
      </c>
      <c r="C2214">
        <f t="shared" si="103"/>
        <v>22</v>
      </c>
      <c r="D2214">
        <f t="shared" si="104"/>
        <v>4</v>
      </c>
    </row>
    <row r="2215" spans="1:4" x14ac:dyDescent="0.25">
      <c r="A2215" s="7">
        <f t="shared" si="105"/>
        <v>44653.958333327981</v>
      </c>
      <c r="B2215" s="8">
        <v>-4.9800999999999998E-2</v>
      </c>
      <c r="C2215">
        <f t="shared" si="103"/>
        <v>23</v>
      </c>
      <c r="D2215">
        <f t="shared" si="104"/>
        <v>4</v>
      </c>
    </row>
    <row r="2216" spans="1:4" x14ac:dyDescent="0.25">
      <c r="A2216" s="7">
        <f t="shared" si="105"/>
        <v>44653.999999994645</v>
      </c>
      <c r="B2216" s="8">
        <v>-4.9800999999999998E-2</v>
      </c>
      <c r="C2216">
        <f t="shared" si="103"/>
        <v>0</v>
      </c>
      <c r="D2216">
        <f t="shared" si="104"/>
        <v>4</v>
      </c>
    </row>
    <row r="2217" spans="1:4" x14ac:dyDescent="0.25">
      <c r="A2217" s="7">
        <f t="shared" si="105"/>
        <v>44654.041666661309</v>
      </c>
      <c r="B2217" s="8">
        <v>-4.9800999999999998E-2</v>
      </c>
      <c r="C2217">
        <f t="shared" si="103"/>
        <v>1</v>
      </c>
      <c r="D2217">
        <f t="shared" si="104"/>
        <v>4</v>
      </c>
    </row>
    <row r="2218" spans="1:4" x14ac:dyDescent="0.25">
      <c r="A2218" s="7">
        <f t="shared" si="105"/>
        <v>44654.083333327973</v>
      </c>
      <c r="B2218" s="8">
        <v>-4.9800999999999998E-2</v>
      </c>
      <c r="C2218">
        <f t="shared" si="103"/>
        <v>2</v>
      </c>
      <c r="D2218">
        <f t="shared" si="104"/>
        <v>4</v>
      </c>
    </row>
    <row r="2219" spans="1:4" x14ac:dyDescent="0.25">
      <c r="A2219" s="7">
        <f t="shared" si="105"/>
        <v>44654.124999994638</v>
      </c>
      <c r="B2219" s="8">
        <v>-4.9800999999999998E-2</v>
      </c>
      <c r="C2219">
        <f t="shared" si="103"/>
        <v>3</v>
      </c>
      <c r="D2219">
        <f t="shared" si="104"/>
        <v>4</v>
      </c>
    </row>
    <row r="2220" spans="1:4" x14ac:dyDescent="0.25">
      <c r="A2220" s="7">
        <f t="shared" si="105"/>
        <v>44654.166666661302</v>
      </c>
      <c r="B2220" s="8">
        <v>-4.9800999999999998E-2</v>
      </c>
      <c r="C2220">
        <f t="shared" si="103"/>
        <v>4</v>
      </c>
      <c r="D2220">
        <f t="shared" si="104"/>
        <v>4</v>
      </c>
    </row>
    <row r="2221" spans="1:4" x14ac:dyDescent="0.25">
      <c r="A2221" s="7">
        <f t="shared" si="105"/>
        <v>44654.208333327966</v>
      </c>
      <c r="B2221" s="8">
        <v>-4.9800999999999998E-2</v>
      </c>
      <c r="C2221">
        <f t="shared" si="103"/>
        <v>5</v>
      </c>
      <c r="D2221">
        <f t="shared" si="104"/>
        <v>4</v>
      </c>
    </row>
    <row r="2222" spans="1:4" x14ac:dyDescent="0.25">
      <c r="A2222" s="7">
        <f t="shared" si="105"/>
        <v>44654.24999999463</v>
      </c>
      <c r="B2222" s="8">
        <v>-4.9800999999999998E-2</v>
      </c>
      <c r="C2222">
        <f t="shared" si="103"/>
        <v>6</v>
      </c>
      <c r="D2222">
        <f t="shared" si="104"/>
        <v>4</v>
      </c>
    </row>
    <row r="2223" spans="1:4" x14ac:dyDescent="0.25">
      <c r="A2223" s="7">
        <f t="shared" si="105"/>
        <v>44654.291666661295</v>
      </c>
      <c r="B2223" s="8">
        <v>0.4698082207328258</v>
      </c>
      <c r="C2223">
        <f t="shared" si="103"/>
        <v>7</v>
      </c>
      <c r="D2223">
        <f t="shared" si="104"/>
        <v>4</v>
      </c>
    </row>
    <row r="2224" spans="1:4" x14ac:dyDescent="0.25">
      <c r="A2224" s="7">
        <f t="shared" si="105"/>
        <v>44654.333333327959</v>
      </c>
      <c r="B2224" s="8">
        <v>5.2575302883988231</v>
      </c>
      <c r="C2224">
        <f t="shared" si="103"/>
        <v>8</v>
      </c>
      <c r="D2224">
        <f t="shared" si="104"/>
        <v>4</v>
      </c>
    </row>
    <row r="2225" spans="1:4" x14ac:dyDescent="0.25">
      <c r="A2225" s="7">
        <f t="shared" si="105"/>
        <v>44654.374999994623</v>
      </c>
      <c r="B2225" s="8">
        <v>12.11042995129932</v>
      </c>
      <c r="C2225">
        <f t="shared" si="103"/>
        <v>9</v>
      </c>
      <c r="D2225">
        <f t="shared" si="104"/>
        <v>4</v>
      </c>
    </row>
    <row r="2226" spans="1:4" x14ac:dyDescent="0.25">
      <c r="A2226" s="7">
        <f t="shared" si="105"/>
        <v>44654.416666661287</v>
      </c>
      <c r="B2226" s="8">
        <v>18.003834657423287</v>
      </c>
      <c r="C2226">
        <f t="shared" si="103"/>
        <v>10</v>
      </c>
      <c r="D2226">
        <f t="shared" si="104"/>
        <v>4</v>
      </c>
    </row>
    <row r="2227" spans="1:4" x14ac:dyDescent="0.25">
      <c r="A2227" s="7">
        <f t="shared" si="105"/>
        <v>44654.458333327952</v>
      </c>
      <c r="B2227" s="8">
        <v>20.451274824122539</v>
      </c>
      <c r="C2227">
        <f t="shared" si="103"/>
        <v>11</v>
      </c>
      <c r="D2227">
        <f t="shared" si="104"/>
        <v>4</v>
      </c>
    </row>
    <row r="2228" spans="1:4" x14ac:dyDescent="0.25">
      <c r="A2228" s="7">
        <f t="shared" si="105"/>
        <v>44654.499999994616</v>
      </c>
      <c r="B2228" s="8">
        <v>20.451353150914514</v>
      </c>
      <c r="C2228">
        <f t="shared" si="103"/>
        <v>12</v>
      </c>
      <c r="D2228">
        <f t="shared" si="104"/>
        <v>4</v>
      </c>
    </row>
    <row r="2229" spans="1:4" x14ac:dyDescent="0.25">
      <c r="A2229" s="7">
        <f t="shared" si="105"/>
        <v>44654.54166666128</v>
      </c>
      <c r="B2229" s="8">
        <v>20.451362426455674</v>
      </c>
      <c r="C2229">
        <f t="shared" si="103"/>
        <v>13</v>
      </c>
      <c r="D2229">
        <f t="shared" si="104"/>
        <v>4</v>
      </c>
    </row>
    <row r="2230" spans="1:4" x14ac:dyDescent="0.25">
      <c r="A2230" s="7">
        <f t="shared" si="105"/>
        <v>44654.583333327944</v>
      </c>
      <c r="B2230" s="8">
        <v>20.451354181530199</v>
      </c>
      <c r="C2230">
        <f t="shared" si="103"/>
        <v>14</v>
      </c>
      <c r="D2230">
        <f t="shared" si="104"/>
        <v>4</v>
      </c>
    </row>
    <row r="2231" spans="1:4" x14ac:dyDescent="0.25">
      <c r="A2231" s="7">
        <f t="shared" si="105"/>
        <v>44654.624999994609</v>
      </c>
      <c r="B2231" s="8">
        <v>20.451307803824424</v>
      </c>
      <c r="C2231">
        <f t="shared" si="103"/>
        <v>15</v>
      </c>
      <c r="D2231">
        <f t="shared" si="104"/>
        <v>4</v>
      </c>
    </row>
    <row r="2232" spans="1:4" x14ac:dyDescent="0.25">
      <c r="A2232" s="7">
        <f t="shared" si="105"/>
        <v>44654.666666661273</v>
      </c>
      <c r="B2232" s="8">
        <v>17.696618428212389</v>
      </c>
      <c r="C2232">
        <f t="shared" si="103"/>
        <v>16</v>
      </c>
      <c r="D2232">
        <f t="shared" si="104"/>
        <v>4</v>
      </c>
    </row>
    <row r="2233" spans="1:4" x14ac:dyDescent="0.25">
      <c r="A2233" s="7">
        <f t="shared" si="105"/>
        <v>44654.708333327937</v>
      </c>
      <c r="B2233" s="8">
        <v>11.93714944451977</v>
      </c>
      <c r="C2233">
        <f t="shared" si="103"/>
        <v>17</v>
      </c>
      <c r="D2233">
        <f t="shared" si="104"/>
        <v>4</v>
      </c>
    </row>
    <row r="2234" spans="1:4" x14ac:dyDescent="0.25">
      <c r="A2234" s="7">
        <f t="shared" si="105"/>
        <v>44654.749999994601</v>
      </c>
      <c r="B2234" s="8">
        <v>5.5176896360989716</v>
      </c>
      <c r="C2234">
        <f t="shared" si="103"/>
        <v>18</v>
      </c>
      <c r="D2234">
        <f t="shared" si="104"/>
        <v>4</v>
      </c>
    </row>
    <row r="2235" spans="1:4" x14ac:dyDescent="0.25">
      <c r="A2235" s="7">
        <f t="shared" si="105"/>
        <v>44654.791666661265</v>
      </c>
      <c r="B2235" s="8">
        <v>0.61628756665280648</v>
      </c>
      <c r="C2235">
        <f t="shared" si="103"/>
        <v>19</v>
      </c>
      <c r="D2235">
        <f t="shared" si="104"/>
        <v>4</v>
      </c>
    </row>
    <row r="2236" spans="1:4" x14ac:dyDescent="0.25">
      <c r="A2236" s="7">
        <f t="shared" si="105"/>
        <v>44654.83333332793</v>
      </c>
      <c r="B2236" s="8">
        <v>-4.9800999999999998E-2</v>
      </c>
      <c r="C2236">
        <f t="shared" si="103"/>
        <v>20</v>
      </c>
      <c r="D2236">
        <f t="shared" si="104"/>
        <v>4</v>
      </c>
    </row>
    <row r="2237" spans="1:4" x14ac:dyDescent="0.25">
      <c r="A2237" s="7">
        <f t="shared" si="105"/>
        <v>44654.874999994594</v>
      </c>
      <c r="B2237" s="8">
        <v>-4.9800999999999998E-2</v>
      </c>
      <c r="C2237">
        <f t="shared" si="103"/>
        <v>21</v>
      </c>
      <c r="D2237">
        <f t="shared" si="104"/>
        <v>4</v>
      </c>
    </row>
    <row r="2238" spans="1:4" x14ac:dyDescent="0.25">
      <c r="A2238" s="7">
        <f t="shared" si="105"/>
        <v>44654.916666661258</v>
      </c>
      <c r="B2238" s="8">
        <v>-4.9800999999999998E-2</v>
      </c>
      <c r="C2238">
        <f t="shared" si="103"/>
        <v>22</v>
      </c>
      <c r="D2238">
        <f t="shared" si="104"/>
        <v>4</v>
      </c>
    </row>
    <row r="2239" spans="1:4" x14ac:dyDescent="0.25">
      <c r="A2239" s="7">
        <f t="shared" si="105"/>
        <v>44654.958333327922</v>
      </c>
      <c r="B2239" s="8">
        <v>-4.9800999999999998E-2</v>
      </c>
      <c r="C2239">
        <f t="shared" si="103"/>
        <v>23</v>
      </c>
      <c r="D2239">
        <f t="shared" si="104"/>
        <v>4</v>
      </c>
    </row>
    <row r="2240" spans="1:4" x14ac:dyDescent="0.25">
      <c r="A2240" s="7">
        <f t="shared" si="105"/>
        <v>44654.999999994587</v>
      </c>
      <c r="B2240" s="8">
        <v>-4.9800999999999998E-2</v>
      </c>
      <c r="C2240">
        <f t="shared" si="103"/>
        <v>0</v>
      </c>
      <c r="D2240">
        <f t="shared" si="104"/>
        <v>4</v>
      </c>
    </row>
    <row r="2241" spans="1:4" x14ac:dyDescent="0.25">
      <c r="A2241" s="7">
        <f t="shared" si="105"/>
        <v>44655.041666661251</v>
      </c>
      <c r="B2241" s="8">
        <v>-4.9800999999999998E-2</v>
      </c>
      <c r="C2241">
        <f t="shared" si="103"/>
        <v>1</v>
      </c>
      <c r="D2241">
        <f t="shared" si="104"/>
        <v>4</v>
      </c>
    </row>
    <row r="2242" spans="1:4" x14ac:dyDescent="0.25">
      <c r="A2242" s="7">
        <f t="shared" si="105"/>
        <v>44655.083333327915</v>
      </c>
      <c r="B2242" s="8">
        <v>-4.9800999999999998E-2</v>
      </c>
      <c r="C2242">
        <f t="shared" si="103"/>
        <v>2</v>
      </c>
      <c r="D2242">
        <f t="shared" si="104"/>
        <v>4</v>
      </c>
    </row>
    <row r="2243" spans="1:4" x14ac:dyDescent="0.25">
      <c r="A2243" s="7">
        <f t="shared" si="105"/>
        <v>44655.124999994579</v>
      </c>
      <c r="B2243" s="8">
        <v>-4.9800999999999998E-2</v>
      </c>
      <c r="C2243">
        <f t="shared" si="103"/>
        <v>3</v>
      </c>
      <c r="D2243">
        <f t="shared" si="104"/>
        <v>4</v>
      </c>
    </row>
    <row r="2244" spans="1:4" x14ac:dyDescent="0.25">
      <c r="A2244" s="7">
        <f t="shared" si="105"/>
        <v>44655.166666661244</v>
      </c>
      <c r="B2244" s="8">
        <v>-4.9800999999999998E-2</v>
      </c>
      <c r="C2244">
        <f t="shared" si="103"/>
        <v>4</v>
      </c>
      <c r="D2244">
        <f t="shared" si="104"/>
        <v>4</v>
      </c>
    </row>
    <row r="2245" spans="1:4" x14ac:dyDescent="0.25">
      <c r="A2245" s="7">
        <f t="shared" si="105"/>
        <v>44655.208333327908</v>
      </c>
      <c r="B2245" s="8">
        <v>-4.9800999999999998E-2</v>
      </c>
      <c r="C2245">
        <f t="shared" si="103"/>
        <v>5</v>
      </c>
      <c r="D2245">
        <f t="shared" si="104"/>
        <v>4</v>
      </c>
    </row>
    <row r="2246" spans="1:4" x14ac:dyDescent="0.25">
      <c r="A2246" s="7">
        <f t="shared" si="105"/>
        <v>44655.249999994572</v>
      </c>
      <c r="B2246" s="8">
        <v>-4.9800999999999998E-2</v>
      </c>
      <c r="C2246">
        <f t="shared" si="103"/>
        <v>6</v>
      </c>
      <c r="D2246">
        <f t="shared" si="104"/>
        <v>4</v>
      </c>
    </row>
    <row r="2247" spans="1:4" x14ac:dyDescent="0.25">
      <c r="A2247" s="7">
        <f t="shared" si="105"/>
        <v>44655.291666661236</v>
      </c>
      <c r="B2247" s="8">
        <v>-4.9800999999999998E-2</v>
      </c>
      <c r="C2247">
        <f t="shared" si="103"/>
        <v>7</v>
      </c>
      <c r="D2247">
        <f t="shared" si="104"/>
        <v>4</v>
      </c>
    </row>
    <row r="2248" spans="1:4" x14ac:dyDescent="0.25">
      <c r="A2248" s="7">
        <f t="shared" si="105"/>
        <v>44655.333333327901</v>
      </c>
      <c r="B2248" s="8">
        <v>3.6898968431820074</v>
      </c>
      <c r="C2248">
        <f t="shared" si="103"/>
        <v>8</v>
      </c>
      <c r="D2248">
        <f t="shared" si="104"/>
        <v>4</v>
      </c>
    </row>
    <row r="2249" spans="1:4" x14ac:dyDescent="0.25">
      <c r="A2249" s="7">
        <f t="shared" si="105"/>
        <v>44655.374999994565</v>
      </c>
      <c r="B2249" s="8">
        <v>8.4491718567412608</v>
      </c>
      <c r="C2249">
        <f t="shared" si="103"/>
        <v>9</v>
      </c>
      <c r="D2249">
        <f t="shared" si="104"/>
        <v>4</v>
      </c>
    </row>
    <row r="2250" spans="1:4" x14ac:dyDescent="0.25">
      <c r="A2250" s="7">
        <f t="shared" si="105"/>
        <v>44655.416666661229</v>
      </c>
      <c r="B2250" s="8">
        <v>8.032604211622532</v>
      </c>
      <c r="C2250">
        <f t="shared" ref="C2250:C2313" si="106">HOUR(A2250)</f>
        <v>10</v>
      </c>
      <c r="D2250">
        <f t="shared" ref="D2250:D2313" si="107">MONTH(A2250)</f>
        <v>4</v>
      </c>
    </row>
    <row r="2251" spans="1:4" x14ac:dyDescent="0.25">
      <c r="A2251" s="7">
        <f t="shared" ref="A2251:A2314" si="108">+A2250+1/24</f>
        <v>44655.458333327893</v>
      </c>
      <c r="B2251" s="8">
        <v>13.541915972827157</v>
      </c>
      <c r="C2251">
        <f t="shared" si="106"/>
        <v>11</v>
      </c>
      <c r="D2251">
        <f t="shared" si="107"/>
        <v>4</v>
      </c>
    </row>
    <row r="2252" spans="1:4" x14ac:dyDescent="0.25">
      <c r="A2252" s="7">
        <f t="shared" si="108"/>
        <v>44655.499999994558</v>
      </c>
      <c r="B2252" s="8">
        <v>20.451301620130323</v>
      </c>
      <c r="C2252">
        <f t="shared" si="106"/>
        <v>12</v>
      </c>
      <c r="D2252">
        <f t="shared" si="107"/>
        <v>4</v>
      </c>
    </row>
    <row r="2253" spans="1:4" x14ac:dyDescent="0.25">
      <c r="A2253" s="7">
        <f t="shared" si="108"/>
        <v>44655.541666661222</v>
      </c>
      <c r="B2253" s="8">
        <v>20.451299558898956</v>
      </c>
      <c r="C2253">
        <f t="shared" si="106"/>
        <v>13</v>
      </c>
      <c r="D2253">
        <f t="shared" si="107"/>
        <v>4</v>
      </c>
    </row>
    <row r="2254" spans="1:4" x14ac:dyDescent="0.25">
      <c r="A2254" s="7">
        <f t="shared" si="108"/>
        <v>44655.583333327886</v>
      </c>
      <c r="B2254" s="8">
        <v>17.892969267075824</v>
      </c>
      <c r="C2254">
        <f t="shared" si="106"/>
        <v>14</v>
      </c>
      <c r="D2254">
        <f t="shared" si="107"/>
        <v>4</v>
      </c>
    </row>
    <row r="2255" spans="1:4" x14ac:dyDescent="0.25">
      <c r="A2255" s="7">
        <f t="shared" si="108"/>
        <v>44655.62499999455</v>
      </c>
      <c r="B2255" s="8">
        <v>6.9771166794327613</v>
      </c>
      <c r="C2255">
        <f t="shared" si="106"/>
        <v>15</v>
      </c>
      <c r="D2255">
        <f t="shared" si="107"/>
        <v>4</v>
      </c>
    </row>
    <row r="2256" spans="1:4" x14ac:dyDescent="0.25">
      <c r="A2256" s="7">
        <f t="shared" si="108"/>
        <v>44655.666666661215</v>
      </c>
      <c r="B2256" s="8">
        <v>2.7692138424451076</v>
      </c>
      <c r="C2256">
        <f t="shared" si="106"/>
        <v>16</v>
      </c>
      <c r="D2256">
        <f t="shared" si="107"/>
        <v>4</v>
      </c>
    </row>
    <row r="2257" spans="1:4" x14ac:dyDescent="0.25">
      <c r="A2257" s="7">
        <f t="shared" si="108"/>
        <v>44655.708333327879</v>
      </c>
      <c r="B2257" s="8">
        <v>1.5724278693782736</v>
      </c>
      <c r="C2257">
        <f t="shared" si="106"/>
        <v>17</v>
      </c>
      <c r="D2257">
        <f t="shared" si="107"/>
        <v>4</v>
      </c>
    </row>
    <row r="2258" spans="1:4" x14ac:dyDescent="0.25">
      <c r="A2258" s="7">
        <f t="shared" si="108"/>
        <v>44655.749999994543</v>
      </c>
      <c r="B2258" s="8">
        <v>0.96391526744473666</v>
      </c>
      <c r="C2258">
        <f t="shared" si="106"/>
        <v>18</v>
      </c>
      <c r="D2258">
        <f t="shared" si="107"/>
        <v>4</v>
      </c>
    </row>
    <row r="2259" spans="1:4" x14ac:dyDescent="0.25">
      <c r="A2259" s="7">
        <f t="shared" si="108"/>
        <v>44655.791666661207</v>
      </c>
      <c r="B2259" s="8">
        <v>0.51452251279409655</v>
      </c>
      <c r="C2259">
        <f t="shared" si="106"/>
        <v>19</v>
      </c>
      <c r="D2259">
        <f t="shared" si="107"/>
        <v>4</v>
      </c>
    </row>
    <row r="2260" spans="1:4" x14ac:dyDescent="0.25">
      <c r="A2260" s="7">
        <f t="shared" si="108"/>
        <v>44655.833333327872</v>
      </c>
      <c r="B2260" s="8">
        <v>-4.9800999999999998E-2</v>
      </c>
      <c r="C2260">
        <f t="shared" si="106"/>
        <v>20</v>
      </c>
      <c r="D2260">
        <f t="shared" si="107"/>
        <v>4</v>
      </c>
    </row>
    <row r="2261" spans="1:4" x14ac:dyDescent="0.25">
      <c r="A2261" s="7">
        <f t="shared" si="108"/>
        <v>44655.874999994536</v>
      </c>
      <c r="B2261" s="8">
        <v>-4.9800999999999998E-2</v>
      </c>
      <c r="C2261">
        <f t="shared" si="106"/>
        <v>21</v>
      </c>
      <c r="D2261">
        <f t="shared" si="107"/>
        <v>4</v>
      </c>
    </row>
    <row r="2262" spans="1:4" x14ac:dyDescent="0.25">
      <c r="A2262" s="7">
        <f t="shared" si="108"/>
        <v>44655.9166666612</v>
      </c>
      <c r="B2262" s="8">
        <v>-4.9800999999999998E-2</v>
      </c>
      <c r="C2262">
        <f t="shared" si="106"/>
        <v>22</v>
      </c>
      <c r="D2262">
        <f t="shared" si="107"/>
        <v>4</v>
      </c>
    </row>
    <row r="2263" spans="1:4" x14ac:dyDescent="0.25">
      <c r="A2263" s="7">
        <f t="shared" si="108"/>
        <v>44655.958333327864</v>
      </c>
      <c r="B2263" s="8">
        <v>-4.9800999999999998E-2</v>
      </c>
      <c r="C2263">
        <f t="shared" si="106"/>
        <v>23</v>
      </c>
      <c r="D2263">
        <f t="shared" si="107"/>
        <v>4</v>
      </c>
    </row>
    <row r="2264" spans="1:4" x14ac:dyDescent="0.25">
      <c r="A2264" s="7">
        <f t="shared" si="108"/>
        <v>44655.999999994528</v>
      </c>
      <c r="B2264" s="8">
        <v>-4.9800999999999998E-2</v>
      </c>
      <c r="C2264">
        <f t="shared" si="106"/>
        <v>0</v>
      </c>
      <c r="D2264">
        <f t="shared" si="107"/>
        <v>4</v>
      </c>
    </row>
    <row r="2265" spans="1:4" x14ac:dyDescent="0.25">
      <c r="A2265" s="7">
        <f t="shared" si="108"/>
        <v>44656.041666661193</v>
      </c>
      <c r="B2265" s="8">
        <v>-4.9800999999999998E-2</v>
      </c>
      <c r="C2265">
        <f t="shared" si="106"/>
        <v>1</v>
      </c>
      <c r="D2265">
        <f t="shared" si="107"/>
        <v>4</v>
      </c>
    </row>
    <row r="2266" spans="1:4" x14ac:dyDescent="0.25">
      <c r="A2266" s="7">
        <f t="shared" si="108"/>
        <v>44656.083333327857</v>
      </c>
      <c r="B2266" s="8">
        <v>-4.9800999999999998E-2</v>
      </c>
      <c r="C2266">
        <f t="shared" si="106"/>
        <v>2</v>
      </c>
      <c r="D2266">
        <f t="shared" si="107"/>
        <v>4</v>
      </c>
    </row>
    <row r="2267" spans="1:4" x14ac:dyDescent="0.25">
      <c r="A2267" s="7">
        <f t="shared" si="108"/>
        <v>44656.124999994521</v>
      </c>
      <c r="B2267" s="8">
        <v>-4.9800999999999998E-2</v>
      </c>
      <c r="C2267">
        <f t="shared" si="106"/>
        <v>3</v>
      </c>
      <c r="D2267">
        <f t="shared" si="107"/>
        <v>4</v>
      </c>
    </row>
    <row r="2268" spans="1:4" x14ac:dyDescent="0.25">
      <c r="A2268" s="7">
        <f t="shared" si="108"/>
        <v>44656.166666661185</v>
      </c>
      <c r="B2268" s="8">
        <v>-4.9800999999999998E-2</v>
      </c>
      <c r="C2268">
        <f t="shared" si="106"/>
        <v>4</v>
      </c>
      <c r="D2268">
        <f t="shared" si="107"/>
        <v>4</v>
      </c>
    </row>
    <row r="2269" spans="1:4" x14ac:dyDescent="0.25">
      <c r="A2269" s="7">
        <f t="shared" si="108"/>
        <v>44656.20833332785</v>
      </c>
      <c r="B2269" s="8">
        <v>-4.9800999999999998E-2</v>
      </c>
      <c r="C2269">
        <f t="shared" si="106"/>
        <v>5</v>
      </c>
      <c r="D2269">
        <f t="shared" si="107"/>
        <v>4</v>
      </c>
    </row>
    <row r="2270" spans="1:4" x14ac:dyDescent="0.25">
      <c r="A2270" s="7">
        <f t="shared" si="108"/>
        <v>44656.249999994514</v>
      </c>
      <c r="B2270" s="8">
        <v>-4.9800999999999998E-2</v>
      </c>
      <c r="C2270">
        <f t="shared" si="106"/>
        <v>6</v>
      </c>
      <c r="D2270">
        <f t="shared" si="107"/>
        <v>4</v>
      </c>
    </row>
    <row r="2271" spans="1:4" x14ac:dyDescent="0.25">
      <c r="A2271" s="7">
        <f t="shared" si="108"/>
        <v>44656.291666661178</v>
      </c>
      <c r="B2271" s="8">
        <v>0.34034124790682457</v>
      </c>
      <c r="C2271">
        <f t="shared" si="106"/>
        <v>7</v>
      </c>
      <c r="D2271">
        <f t="shared" si="107"/>
        <v>4</v>
      </c>
    </row>
    <row r="2272" spans="1:4" x14ac:dyDescent="0.25">
      <c r="A2272" s="7">
        <f t="shared" si="108"/>
        <v>44656.333333327842</v>
      </c>
      <c r="B2272" s="8">
        <v>2.4245842026776145</v>
      </c>
      <c r="C2272">
        <f t="shared" si="106"/>
        <v>8</v>
      </c>
      <c r="D2272">
        <f t="shared" si="107"/>
        <v>4</v>
      </c>
    </row>
    <row r="2273" spans="1:4" x14ac:dyDescent="0.25">
      <c r="A2273" s="7">
        <f t="shared" si="108"/>
        <v>44656.374999994507</v>
      </c>
      <c r="B2273" s="8">
        <v>3.7151891826803629</v>
      </c>
      <c r="C2273">
        <f t="shared" si="106"/>
        <v>9</v>
      </c>
      <c r="D2273">
        <f t="shared" si="107"/>
        <v>4</v>
      </c>
    </row>
    <row r="2274" spans="1:4" x14ac:dyDescent="0.25">
      <c r="A2274" s="7">
        <f t="shared" si="108"/>
        <v>44656.416666661171</v>
      </c>
      <c r="B2274" s="8">
        <v>4.7352379639638764</v>
      </c>
      <c r="C2274">
        <f t="shared" si="106"/>
        <v>10</v>
      </c>
      <c r="D2274">
        <f t="shared" si="107"/>
        <v>4</v>
      </c>
    </row>
    <row r="2275" spans="1:4" x14ac:dyDescent="0.25">
      <c r="A2275" s="7">
        <f t="shared" si="108"/>
        <v>44656.458333327835</v>
      </c>
      <c r="B2275" s="8">
        <v>4.0688243422936905</v>
      </c>
      <c r="C2275">
        <f t="shared" si="106"/>
        <v>11</v>
      </c>
      <c r="D2275">
        <f t="shared" si="107"/>
        <v>4</v>
      </c>
    </row>
    <row r="2276" spans="1:4" x14ac:dyDescent="0.25">
      <c r="A2276" s="7">
        <f t="shared" si="108"/>
        <v>44656.499999994499</v>
      </c>
      <c r="B2276" s="8">
        <v>20.451287191510747</v>
      </c>
      <c r="C2276">
        <f t="shared" si="106"/>
        <v>12</v>
      </c>
      <c r="D2276">
        <f t="shared" si="107"/>
        <v>4</v>
      </c>
    </row>
    <row r="2277" spans="1:4" x14ac:dyDescent="0.25">
      <c r="A2277" s="7">
        <f t="shared" si="108"/>
        <v>44656.541666661164</v>
      </c>
      <c r="B2277" s="8">
        <v>12.65126408250314</v>
      </c>
      <c r="C2277">
        <f t="shared" si="106"/>
        <v>13</v>
      </c>
      <c r="D2277">
        <f t="shared" si="107"/>
        <v>4</v>
      </c>
    </row>
    <row r="2278" spans="1:4" x14ac:dyDescent="0.25">
      <c r="A2278" s="7">
        <f t="shared" si="108"/>
        <v>44656.583333327828</v>
      </c>
      <c r="B2278" s="8">
        <v>14.066902326659793</v>
      </c>
      <c r="C2278">
        <f t="shared" si="106"/>
        <v>14</v>
      </c>
      <c r="D2278">
        <f t="shared" si="107"/>
        <v>4</v>
      </c>
    </row>
    <row r="2279" spans="1:4" x14ac:dyDescent="0.25">
      <c r="A2279" s="7">
        <f t="shared" si="108"/>
        <v>44656.624999994492</v>
      </c>
      <c r="B2279" s="8">
        <v>18.041943733566505</v>
      </c>
      <c r="C2279">
        <f t="shared" si="106"/>
        <v>15</v>
      </c>
      <c r="D2279">
        <f t="shared" si="107"/>
        <v>4</v>
      </c>
    </row>
    <row r="2280" spans="1:4" x14ac:dyDescent="0.25">
      <c r="A2280" s="7">
        <f t="shared" si="108"/>
        <v>44656.666666661156</v>
      </c>
      <c r="B2280" s="8">
        <v>6.9078479687028009</v>
      </c>
      <c r="C2280">
        <f t="shared" si="106"/>
        <v>16</v>
      </c>
      <c r="D2280">
        <f t="shared" si="107"/>
        <v>4</v>
      </c>
    </row>
    <row r="2281" spans="1:4" x14ac:dyDescent="0.25">
      <c r="A2281" s="7">
        <f t="shared" si="108"/>
        <v>44656.708333327821</v>
      </c>
      <c r="B2281" s="8">
        <v>3.0965734551976483</v>
      </c>
      <c r="C2281">
        <f t="shared" si="106"/>
        <v>17</v>
      </c>
      <c r="D2281">
        <f t="shared" si="107"/>
        <v>4</v>
      </c>
    </row>
    <row r="2282" spans="1:4" x14ac:dyDescent="0.25">
      <c r="A2282" s="7">
        <f t="shared" si="108"/>
        <v>44656.749999994485</v>
      </c>
      <c r="B2282" s="8">
        <v>4.1867020417543444</v>
      </c>
      <c r="C2282">
        <f t="shared" si="106"/>
        <v>18</v>
      </c>
      <c r="D2282">
        <f t="shared" si="107"/>
        <v>4</v>
      </c>
    </row>
    <row r="2283" spans="1:4" x14ac:dyDescent="0.25">
      <c r="A2283" s="7">
        <f t="shared" si="108"/>
        <v>44656.791666661149</v>
      </c>
      <c r="B2283" s="8">
        <v>0.5704849444293475</v>
      </c>
      <c r="C2283">
        <f t="shared" si="106"/>
        <v>19</v>
      </c>
      <c r="D2283">
        <f t="shared" si="107"/>
        <v>4</v>
      </c>
    </row>
    <row r="2284" spans="1:4" x14ac:dyDescent="0.25">
      <c r="A2284" s="7">
        <f t="shared" si="108"/>
        <v>44656.833333327813</v>
      </c>
      <c r="B2284" s="8">
        <v>-4.9800999999999998E-2</v>
      </c>
      <c r="C2284">
        <f t="shared" si="106"/>
        <v>20</v>
      </c>
      <c r="D2284">
        <f t="shared" si="107"/>
        <v>4</v>
      </c>
    </row>
    <row r="2285" spans="1:4" x14ac:dyDescent="0.25">
      <c r="A2285" s="7">
        <f t="shared" si="108"/>
        <v>44656.874999994478</v>
      </c>
      <c r="B2285" s="8">
        <v>-4.9800999999999998E-2</v>
      </c>
      <c r="C2285">
        <f t="shared" si="106"/>
        <v>21</v>
      </c>
      <c r="D2285">
        <f t="shared" si="107"/>
        <v>4</v>
      </c>
    </row>
    <row r="2286" spans="1:4" x14ac:dyDescent="0.25">
      <c r="A2286" s="7">
        <f t="shared" si="108"/>
        <v>44656.916666661142</v>
      </c>
      <c r="B2286" s="8">
        <v>-4.9800999999999998E-2</v>
      </c>
      <c r="C2286">
        <f t="shared" si="106"/>
        <v>22</v>
      </c>
      <c r="D2286">
        <f t="shared" si="107"/>
        <v>4</v>
      </c>
    </row>
    <row r="2287" spans="1:4" x14ac:dyDescent="0.25">
      <c r="A2287" s="7">
        <f t="shared" si="108"/>
        <v>44656.958333327806</v>
      </c>
      <c r="B2287" s="8">
        <v>-4.9800999999999998E-2</v>
      </c>
      <c r="C2287">
        <f t="shared" si="106"/>
        <v>23</v>
      </c>
      <c r="D2287">
        <f t="shared" si="107"/>
        <v>4</v>
      </c>
    </row>
    <row r="2288" spans="1:4" x14ac:dyDescent="0.25">
      <c r="A2288" s="7">
        <f t="shared" si="108"/>
        <v>44656.99999999447</v>
      </c>
      <c r="B2288" s="8">
        <v>-4.9800999999999998E-2</v>
      </c>
      <c r="C2288">
        <f t="shared" si="106"/>
        <v>0</v>
      </c>
      <c r="D2288">
        <f t="shared" si="107"/>
        <v>4</v>
      </c>
    </row>
    <row r="2289" spans="1:4" x14ac:dyDescent="0.25">
      <c r="A2289" s="7">
        <f t="shared" si="108"/>
        <v>44657.041666661135</v>
      </c>
      <c r="B2289" s="8">
        <v>-4.9800999999999998E-2</v>
      </c>
      <c r="C2289">
        <f t="shared" si="106"/>
        <v>1</v>
      </c>
      <c r="D2289">
        <f t="shared" si="107"/>
        <v>4</v>
      </c>
    </row>
    <row r="2290" spans="1:4" x14ac:dyDescent="0.25">
      <c r="A2290" s="7">
        <f t="shared" si="108"/>
        <v>44657.083333327799</v>
      </c>
      <c r="B2290" s="8">
        <v>-4.9800999999999998E-2</v>
      </c>
      <c r="C2290">
        <f t="shared" si="106"/>
        <v>2</v>
      </c>
      <c r="D2290">
        <f t="shared" si="107"/>
        <v>4</v>
      </c>
    </row>
    <row r="2291" spans="1:4" x14ac:dyDescent="0.25">
      <c r="A2291" s="7">
        <f t="shared" si="108"/>
        <v>44657.124999994463</v>
      </c>
      <c r="B2291" s="8">
        <v>-4.9800999999999998E-2</v>
      </c>
      <c r="C2291">
        <f t="shared" si="106"/>
        <v>3</v>
      </c>
      <c r="D2291">
        <f t="shared" si="107"/>
        <v>4</v>
      </c>
    </row>
    <row r="2292" spans="1:4" x14ac:dyDescent="0.25">
      <c r="A2292" s="7">
        <f t="shared" si="108"/>
        <v>44657.166666661127</v>
      </c>
      <c r="B2292" s="8">
        <v>-4.9800999999999998E-2</v>
      </c>
      <c r="C2292">
        <f t="shared" si="106"/>
        <v>4</v>
      </c>
      <c r="D2292">
        <f t="shared" si="107"/>
        <v>4</v>
      </c>
    </row>
    <row r="2293" spans="1:4" x14ac:dyDescent="0.25">
      <c r="A2293" s="7">
        <f t="shared" si="108"/>
        <v>44657.208333327791</v>
      </c>
      <c r="B2293" s="8">
        <v>-4.9800999999999998E-2</v>
      </c>
      <c r="C2293">
        <f t="shared" si="106"/>
        <v>5</v>
      </c>
      <c r="D2293">
        <f t="shared" si="107"/>
        <v>4</v>
      </c>
    </row>
    <row r="2294" spans="1:4" x14ac:dyDescent="0.25">
      <c r="A2294" s="7">
        <f t="shared" si="108"/>
        <v>44657.249999994456</v>
      </c>
      <c r="B2294" s="8">
        <v>-4.9800999999999998E-2</v>
      </c>
      <c r="C2294">
        <f t="shared" si="106"/>
        <v>6</v>
      </c>
      <c r="D2294">
        <f t="shared" si="107"/>
        <v>4</v>
      </c>
    </row>
    <row r="2295" spans="1:4" x14ac:dyDescent="0.25">
      <c r="A2295" s="7">
        <f t="shared" si="108"/>
        <v>44657.29166666112</v>
      </c>
      <c r="B2295" s="8">
        <v>0.55618721304673535</v>
      </c>
      <c r="C2295">
        <f t="shared" si="106"/>
        <v>7</v>
      </c>
      <c r="D2295">
        <f t="shared" si="107"/>
        <v>4</v>
      </c>
    </row>
    <row r="2296" spans="1:4" x14ac:dyDescent="0.25">
      <c r="A2296" s="7">
        <f t="shared" si="108"/>
        <v>44657.333333327784</v>
      </c>
      <c r="B2296" s="8">
        <v>5.5877467678271078</v>
      </c>
      <c r="C2296">
        <f t="shared" si="106"/>
        <v>8</v>
      </c>
      <c r="D2296">
        <f t="shared" si="107"/>
        <v>4</v>
      </c>
    </row>
    <row r="2297" spans="1:4" x14ac:dyDescent="0.25">
      <c r="A2297" s="7">
        <f t="shared" si="108"/>
        <v>44657.374999994448</v>
      </c>
      <c r="B2297" s="8">
        <v>12.387165721659162</v>
      </c>
      <c r="C2297">
        <f t="shared" si="106"/>
        <v>9</v>
      </c>
      <c r="D2297">
        <f t="shared" si="107"/>
        <v>4</v>
      </c>
    </row>
    <row r="2298" spans="1:4" x14ac:dyDescent="0.25">
      <c r="A2298" s="7">
        <f t="shared" si="108"/>
        <v>44657.416666661113</v>
      </c>
      <c r="B2298" s="8">
        <v>18.37883551077935</v>
      </c>
      <c r="C2298">
        <f t="shared" si="106"/>
        <v>10</v>
      </c>
      <c r="D2298">
        <f t="shared" si="107"/>
        <v>4</v>
      </c>
    </row>
    <row r="2299" spans="1:4" x14ac:dyDescent="0.25">
      <c r="A2299" s="7">
        <f t="shared" si="108"/>
        <v>44657.458333327777</v>
      </c>
      <c r="B2299" s="8">
        <v>20.451266579197071</v>
      </c>
      <c r="C2299">
        <f t="shared" si="106"/>
        <v>11</v>
      </c>
      <c r="D2299">
        <f t="shared" si="107"/>
        <v>4</v>
      </c>
    </row>
    <row r="2300" spans="1:4" x14ac:dyDescent="0.25">
      <c r="A2300" s="7">
        <f t="shared" si="108"/>
        <v>44657.499999994441</v>
      </c>
      <c r="B2300" s="8">
        <v>20.451350059067465</v>
      </c>
      <c r="C2300">
        <f t="shared" si="106"/>
        <v>12</v>
      </c>
      <c r="D2300">
        <f t="shared" si="107"/>
        <v>4</v>
      </c>
    </row>
    <row r="2301" spans="1:4" x14ac:dyDescent="0.25">
      <c r="A2301" s="7">
        <f t="shared" si="108"/>
        <v>44657.541666661105</v>
      </c>
      <c r="B2301" s="8">
        <v>20.451353150914514</v>
      </c>
      <c r="C2301">
        <f t="shared" si="106"/>
        <v>13</v>
      </c>
      <c r="D2301">
        <f t="shared" si="107"/>
        <v>4</v>
      </c>
    </row>
    <row r="2302" spans="1:4" x14ac:dyDescent="0.25">
      <c r="A2302" s="7">
        <f t="shared" si="108"/>
        <v>44657.58333332777</v>
      </c>
      <c r="B2302" s="8">
        <v>20.451357273377251</v>
      </c>
      <c r="C2302">
        <f t="shared" si="106"/>
        <v>14</v>
      </c>
      <c r="D2302">
        <f t="shared" si="107"/>
        <v>4</v>
      </c>
    </row>
    <row r="2303" spans="1:4" x14ac:dyDescent="0.25">
      <c r="A2303" s="7">
        <f t="shared" si="108"/>
        <v>44657.624999994434</v>
      </c>
      <c r="B2303" s="8">
        <v>20.451294405820537</v>
      </c>
      <c r="C2303">
        <f t="shared" si="106"/>
        <v>15</v>
      </c>
      <c r="D2303">
        <f t="shared" si="107"/>
        <v>4</v>
      </c>
    </row>
    <row r="2304" spans="1:4" x14ac:dyDescent="0.25">
      <c r="A2304" s="7">
        <f t="shared" si="108"/>
        <v>44657.666666661098</v>
      </c>
      <c r="B2304" s="8">
        <v>16.860871557831949</v>
      </c>
      <c r="C2304">
        <f t="shared" si="106"/>
        <v>16</v>
      </c>
      <c r="D2304">
        <f t="shared" si="107"/>
        <v>4</v>
      </c>
    </row>
    <row r="2305" spans="1:4" x14ac:dyDescent="0.25">
      <c r="A2305" s="7">
        <f t="shared" si="108"/>
        <v>44657.708333327762</v>
      </c>
      <c r="B2305" s="8">
        <v>11.684859878181809</v>
      </c>
      <c r="C2305">
        <f t="shared" si="106"/>
        <v>17</v>
      </c>
      <c r="D2305">
        <f t="shared" si="107"/>
        <v>4</v>
      </c>
    </row>
    <row r="2306" spans="1:4" x14ac:dyDescent="0.25">
      <c r="A2306" s="7">
        <f t="shared" si="108"/>
        <v>44657.749999994427</v>
      </c>
      <c r="B2306" s="8">
        <v>5.5104031832138656</v>
      </c>
      <c r="C2306">
        <f t="shared" si="106"/>
        <v>18</v>
      </c>
      <c r="D2306">
        <f t="shared" si="107"/>
        <v>4</v>
      </c>
    </row>
    <row r="2307" spans="1:4" x14ac:dyDescent="0.25">
      <c r="A2307" s="7">
        <f t="shared" si="108"/>
        <v>44657.791666661091</v>
      </c>
      <c r="B2307" s="8">
        <v>0.72721376332561871</v>
      </c>
      <c r="C2307">
        <f t="shared" si="106"/>
        <v>19</v>
      </c>
      <c r="D2307">
        <f t="shared" si="107"/>
        <v>4</v>
      </c>
    </row>
    <row r="2308" spans="1:4" x14ac:dyDescent="0.25">
      <c r="A2308" s="7">
        <f t="shared" si="108"/>
        <v>44657.833333327755</v>
      </c>
      <c r="B2308" s="8">
        <v>-4.9800999999999998E-2</v>
      </c>
      <c r="C2308">
        <f t="shared" si="106"/>
        <v>20</v>
      </c>
      <c r="D2308">
        <f t="shared" si="107"/>
        <v>4</v>
      </c>
    </row>
    <row r="2309" spans="1:4" x14ac:dyDescent="0.25">
      <c r="A2309" s="7">
        <f t="shared" si="108"/>
        <v>44657.874999994419</v>
      </c>
      <c r="B2309" s="8">
        <v>-4.9800999999999998E-2</v>
      </c>
      <c r="C2309">
        <f t="shared" si="106"/>
        <v>21</v>
      </c>
      <c r="D2309">
        <f t="shared" si="107"/>
        <v>4</v>
      </c>
    </row>
    <row r="2310" spans="1:4" x14ac:dyDescent="0.25">
      <c r="A2310" s="7">
        <f t="shared" si="108"/>
        <v>44657.916666661084</v>
      </c>
      <c r="B2310" s="8">
        <v>-4.9800999999999998E-2</v>
      </c>
      <c r="C2310">
        <f t="shared" si="106"/>
        <v>22</v>
      </c>
      <c r="D2310">
        <f t="shared" si="107"/>
        <v>4</v>
      </c>
    </row>
    <row r="2311" spans="1:4" x14ac:dyDescent="0.25">
      <c r="A2311" s="7">
        <f t="shared" si="108"/>
        <v>44657.958333327748</v>
      </c>
      <c r="B2311" s="8">
        <v>-4.9800999999999998E-2</v>
      </c>
      <c r="C2311">
        <f t="shared" si="106"/>
        <v>23</v>
      </c>
      <c r="D2311">
        <f t="shared" si="107"/>
        <v>4</v>
      </c>
    </row>
    <row r="2312" spans="1:4" x14ac:dyDescent="0.25">
      <c r="A2312" s="7">
        <f t="shared" si="108"/>
        <v>44657.999999994412</v>
      </c>
      <c r="B2312" s="8">
        <v>-4.9800999999999998E-2</v>
      </c>
      <c r="C2312">
        <f t="shared" si="106"/>
        <v>0</v>
      </c>
      <c r="D2312">
        <f t="shared" si="107"/>
        <v>4</v>
      </c>
    </row>
    <row r="2313" spans="1:4" x14ac:dyDescent="0.25">
      <c r="A2313" s="7">
        <f t="shared" si="108"/>
        <v>44658.041666661076</v>
      </c>
      <c r="B2313" s="8">
        <v>-4.9800999999999998E-2</v>
      </c>
      <c r="C2313">
        <f t="shared" si="106"/>
        <v>1</v>
      </c>
      <c r="D2313">
        <f t="shared" si="107"/>
        <v>4</v>
      </c>
    </row>
    <row r="2314" spans="1:4" x14ac:dyDescent="0.25">
      <c r="A2314" s="7">
        <f t="shared" si="108"/>
        <v>44658.083333327741</v>
      </c>
      <c r="B2314" s="8">
        <v>-4.9800999999999998E-2</v>
      </c>
      <c r="C2314">
        <f t="shared" ref="C2314:C2377" si="109">HOUR(A2314)</f>
        <v>2</v>
      </c>
      <c r="D2314">
        <f t="shared" ref="D2314:D2377" si="110">MONTH(A2314)</f>
        <v>4</v>
      </c>
    </row>
    <row r="2315" spans="1:4" x14ac:dyDescent="0.25">
      <c r="A2315" s="7">
        <f t="shared" ref="A2315:A2378" si="111">+A2314+1/24</f>
        <v>44658.124999994405</v>
      </c>
      <c r="B2315" s="8">
        <v>-4.9800999999999998E-2</v>
      </c>
      <c r="C2315">
        <f t="shared" si="109"/>
        <v>3</v>
      </c>
      <c r="D2315">
        <f t="shared" si="110"/>
        <v>4</v>
      </c>
    </row>
    <row r="2316" spans="1:4" x14ac:dyDescent="0.25">
      <c r="A2316" s="7">
        <f t="shared" si="111"/>
        <v>44658.166666661069</v>
      </c>
      <c r="B2316" s="8">
        <v>-4.9800999999999998E-2</v>
      </c>
      <c r="C2316">
        <f t="shared" si="109"/>
        <v>4</v>
      </c>
      <c r="D2316">
        <f t="shared" si="110"/>
        <v>4</v>
      </c>
    </row>
    <row r="2317" spans="1:4" x14ac:dyDescent="0.25">
      <c r="A2317" s="7">
        <f t="shared" si="111"/>
        <v>44658.208333327733</v>
      </c>
      <c r="B2317" s="8">
        <v>-4.9800999999999998E-2</v>
      </c>
      <c r="C2317">
        <f t="shared" si="109"/>
        <v>5</v>
      </c>
      <c r="D2317">
        <f t="shared" si="110"/>
        <v>4</v>
      </c>
    </row>
    <row r="2318" spans="1:4" x14ac:dyDescent="0.25">
      <c r="A2318" s="7">
        <f t="shared" si="111"/>
        <v>44658.249999994398</v>
      </c>
      <c r="B2318" s="8">
        <v>-4.9800999999999998E-2</v>
      </c>
      <c r="C2318">
        <f t="shared" si="109"/>
        <v>6</v>
      </c>
      <c r="D2318">
        <f t="shared" si="110"/>
        <v>4</v>
      </c>
    </row>
    <row r="2319" spans="1:4" x14ac:dyDescent="0.25">
      <c r="A2319" s="7">
        <f t="shared" si="111"/>
        <v>44658.291666661062</v>
      </c>
      <c r="B2319" s="8">
        <v>0.58313987441183834</v>
      </c>
      <c r="C2319">
        <f t="shared" si="109"/>
        <v>7</v>
      </c>
      <c r="D2319">
        <f t="shared" si="110"/>
        <v>4</v>
      </c>
    </row>
    <row r="2320" spans="1:4" x14ac:dyDescent="0.25">
      <c r="A2320" s="7">
        <f t="shared" si="111"/>
        <v>44658.333333327726</v>
      </c>
      <c r="B2320" s="8">
        <v>5.4995497694468147</v>
      </c>
      <c r="C2320">
        <f t="shared" si="109"/>
        <v>8</v>
      </c>
      <c r="D2320">
        <f t="shared" si="110"/>
        <v>4</v>
      </c>
    </row>
    <row r="2321" spans="1:4" x14ac:dyDescent="0.25">
      <c r="A2321" s="7">
        <f t="shared" si="111"/>
        <v>44658.37499999439</v>
      </c>
      <c r="B2321" s="8">
        <v>12.069914387534221</v>
      </c>
      <c r="C2321">
        <f t="shared" si="109"/>
        <v>9</v>
      </c>
      <c r="D2321">
        <f t="shared" si="110"/>
        <v>4</v>
      </c>
    </row>
    <row r="2322" spans="1:4" x14ac:dyDescent="0.25">
      <c r="A2322" s="7">
        <f t="shared" si="111"/>
        <v>44658.416666661054</v>
      </c>
      <c r="B2322" s="8">
        <v>17.842838058980028</v>
      </c>
      <c r="C2322">
        <f t="shared" si="109"/>
        <v>10</v>
      </c>
      <c r="D2322">
        <f t="shared" si="110"/>
        <v>4</v>
      </c>
    </row>
    <row r="2323" spans="1:4" x14ac:dyDescent="0.25">
      <c r="A2323" s="7">
        <f t="shared" si="111"/>
        <v>44658.458333327719</v>
      </c>
      <c r="B2323" s="8">
        <v>20.4512964670519</v>
      </c>
      <c r="C2323">
        <f t="shared" si="109"/>
        <v>11</v>
      </c>
      <c r="D2323">
        <f t="shared" si="110"/>
        <v>4</v>
      </c>
    </row>
    <row r="2324" spans="1:4" x14ac:dyDescent="0.25">
      <c r="A2324" s="7">
        <f t="shared" si="111"/>
        <v>44658.499999994383</v>
      </c>
      <c r="B2324" s="8">
        <v>20.451345936604728</v>
      </c>
      <c r="C2324">
        <f t="shared" si="109"/>
        <v>12</v>
      </c>
      <c r="D2324">
        <f t="shared" si="110"/>
        <v>4</v>
      </c>
    </row>
    <row r="2325" spans="1:4" x14ac:dyDescent="0.25">
      <c r="A2325" s="7">
        <f t="shared" si="111"/>
        <v>44658.541666661047</v>
      </c>
      <c r="B2325" s="8">
        <v>20.451306773208739</v>
      </c>
      <c r="C2325">
        <f t="shared" si="109"/>
        <v>13</v>
      </c>
      <c r="D2325">
        <f t="shared" si="110"/>
        <v>4</v>
      </c>
    </row>
    <row r="2326" spans="1:4" x14ac:dyDescent="0.25">
      <c r="A2326" s="7">
        <f t="shared" si="111"/>
        <v>44658.583333327711</v>
      </c>
      <c r="B2326" s="8">
        <v>20.45130574259306</v>
      </c>
      <c r="C2326">
        <f t="shared" si="109"/>
        <v>14</v>
      </c>
      <c r="D2326">
        <f t="shared" si="110"/>
        <v>4</v>
      </c>
    </row>
    <row r="2327" spans="1:4" x14ac:dyDescent="0.25">
      <c r="A2327" s="7">
        <f t="shared" si="111"/>
        <v>44658.624999994376</v>
      </c>
      <c r="B2327" s="8">
        <v>20.451309865055794</v>
      </c>
      <c r="C2327">
        <f t="shared" si="109"/>
        <v>15</v>
      </c>
      <c r="D2327">
        <f t="shared" si="110"/>
        <v>4</v>
      </c>
    </row>
    <row r="2328" spans="1:4" x14ac:dyDescent="0.25">
      <c r="A2328" s="7">
        <f t="shared" si="111"/>
        <v>44658.66666666104</v>
      </c>
      <c r="B2328" s="8">
        <v>17.132736638469726</v>
      </c>
      <c r="C2328">
        <f t="shared" si="109"/>
        <v>16</v>
      </c>
      <c r="D2328">
        <f t="shared" si="110"/>
        <v>4</v>
      </c>
    </row>
    <row r="2329" spans="1:4" x14ac:dyDescent="0.25">
      <c r="A2329" s="7">
        <f t="shared" si="111"/>
        <v>44658.708333327704</v>
      </c>
      <c r="B2329" s="8">
        <v>9.9656342026372329</v>
      </c>
      <c r="C2329">
        <f t="shared" si="109"/>
        <v>17</v>
      </c>
      <c r="D2329">
        <f t="shared" si="110"/>
        <v>4</v>
      </c>
    </row>
    <row r="2330" spans="1:4" x14ac:dyDescent="0.25">
      <c r="A2330" s="7">
        <f t="shared" si="111"/>
        <v>44658.749999994368</v>
      </c>
      <c r="B2330" s="8">
        <v>3.3084020804017538</v>
      </c>
      <c r="C2330">
        <f t="shared" si="109"/>
        <v>18</v>
      </c>
      <c r="D2330">
        <f t="shared" si="110"/>
        <v>4</v>
      </c>
    </row>
    <row r="2331" spans="1:4" x14ac:dyDescent="0.25">
      <c r="A2331" s="7">
        <f t="shared" si="111"/>
        <v>44658.791666661033</v>
      </c>
      <c r="B2331" s="8">
        <v>0.44065416426693299</v>
      </c>
      <c r="C2331">
        <f t="shared" si="109"/>
        <v>19</v>
      </c>
      <c r="D2331">
        <f t="shared" si="110"/>
        <v>4</v>
      </c>
    </row>
    <row r="2332" spans="1:4" x14ac:dyDescent="0.25">
      <c r="A2332" s="7">
        <f t="shared" si="111"/>
        <v>44658.833333327697</v>
      </c>
      <c r="B2332" s="8">
        <v>-4.9800999999999998E-2</v>
      </c>
      <c r="C2332">
        <f t="shared" si="109"/>
        <v>20</v>
      </c>
      <c r="D2332">
        <f t="shared" si="110"/>
        <v>4</v>
      </c>
    </row>
    <row r="2333" spans="1:4" x14ac:dyDescent="0.25">
      <c r="A2333" s="7">
        <f t="shared" si="111"/>
        <v>44658.874999994361</v>
      </c>
      <c r="B2333" s="8">
        <v>-4.9800999999999998E-2</v>
      </c>
      <c r="C2333">
        <f t="shared" si="109"/>
        <v>21</v>
      </c>
      <c r="D2333">
        <f t="shared" si="110"/>
        <v>4</v>
      </c>
    </row>
    <row r="2334" spans="1:4" x14ac:dyDescent="0.25">
      <c r="A2334" s="7">
        <f t="shared" si="111"/>
        <v>44658.916666661025</v>
      </c>
      <c r="B2334" s="8">
        <v>-4.9800999999999998E-2</v>
      </c>
      <c r="C2334">
        <f t="shared" si="109"/>
        <v>22</v>
      </c>
      <c r="D2334">
        <f t="shared" si="110"/>
        <v>4</v>
      </c>
    </row>
    <row r="2335" spans="1:4" x14ac:dyDescent="0.25">
      <c r="A2335" s="7">
        <f t="shared" si="111"/>
        <v>44658.95833332769</v>
      </c>
      <c r="B2335" s="8">
        <v>-4.9800999999999998E-2</v>
      </c>
      <c r="C2335">
        <f t="shared" si="109"/>
        <v>23</v>
      </c>
      <c r="D2335">
        <f t="shared" si="110"/>
        <v>4</v>
      </c>
    </row>
    <row r="2336" spans="1:4" x14ac:dyDescent="0.25">
      <c r="A2336" s="7">
        <f t="shared" si="111"/>
        <v>44658.999999994354</v>
      </c>
      <c r="B2336" s="8">
        <v>-4.9800999999999998E-2</v>
      </c>
      <c r="C2336">
        <f t="shared" si="109"/>
        <v>0</v>
      </c>
      <c r="D2336">
        <f t="shared" si="110"/>
        <v>4</v>
      </c>
    </row>
    <row r="2337" spans="1:4" x14ac:dyDescent="0.25">
      <c r="A2337" s="7">
        <f t="shared" si="111"/>
        <v>44659.041666661018</v>
      </c>
      <c r="B2337" s="8">
        <v>-4.9800999999999998E-2</v>
      </c>
      <c r="C2337">
        <f t="shared" si="109"/>
        <v>1</v>
      </c>
      <c r="D2337">
        <f t="shared" si="110"/>
        <v>4</v>
      </c>
    </row>
    <row r="2338" spans="1:4" x14ac:dyDescent="0.25">
      <c r="A2338" s="7">
        <f t="shared" si="111"/>
        <v>44659.083333327682</v>
      </c>
      <c r="B2338" s="8">
        <v>-4.9800999999999998E-2</v>
      </c>
      <c r="C2338">
        <f t="shared" si="109"/>
        <v>2</v>
      </c>
      <c r="D2338">
        <f t="shared" si="110"/>
        <v>4</v>
      </c>
    </row>
    <row r="2339" spans="1:4" x14ac:dyDescent="0.25">
      <c r="A2339" s="7">
        <f t="shared" si="111"/>
        <v>44659.124999994347</v>
      </c>
      <c r="B2339" s="8">
        <v>-4.9800999999999998E-2</v>
      </c>
      <c r="C2339">
        <f t="shared" si="109"/>
        <v>3</v>
      </c>
      <c r="D2339">
        <f t="shared" si="110"/>
        <v>4</v>
      </c>
    </row>
    <row r="2340" spans="1:4" x14ac:dyDescent="0.25">
      <c r="A2340" s="7">
        <f t="shared" si="111"/>
        <v>44659.166666661011</v>
      </c>
      <c r="B2340" s="8">
        <v>-4.9800999999999998E-2</v>
      </c>
      <c r="C2340">
        <f t="shared" si="109"/>
        <v>4</v>
      </c>
      <c r="D2340">
        <f t="shared" si="110"/>
        <v>4</v>
      </c>
    </row>
    <row r="2341" spans="1:4" x14ac:dyDescent="0.25">
      <c r="A2341" s="7">
        <f t="shared" si="111"/>
        <v>44659.208333327675</v>
      </c>
      <c r="B2341" s="8">
        <v>-4.9800999999999998E-2</v>
      </c>
      <c r="C2341">
        <f t="shared" si="109"/>
        <v>5</v>
      </c>
      <c r="D2341">
        <f t="shared" si="110"/>
        <v>4</v>
      </c>
    </row>
    <row r="2342" spans="1:4" x14ac:dyDescent="0.25">
      <c r="A2342" s="7">
        <f t="shared" si="111"/>
        <v>44659.249999994339</v>
      </c>
      <c r="B2342" s="8">
        <v>-4.9800999999999998E-2</v>
      </c>
      <c r="C2342">
        <f t="shared" si="109"/>
        <v>6</v>
      </c>
      <c r="D2342">
        <f t="shared" si="110"/>
        <v>4</v>
      </c>
    </row>
    <row r="2343" spans="1:4" x14ac:dyDescent="0.25">
      <c r="A2343" s="7">
        <f t="shared" si="111"/>
        <v>44659.291666661004</v>
      </c>
      <c r="B2343" s="8">
        <v>0.1863919995100059</v>
      </c>
      <c r="C2343">
        <f t="shared" si="109"/>
        <v>7</v>
      </c>
      <c r="D2343">
        <f t="shared" si="110"/>
        <v>4</v>
      </c>
    </row>
    <row r="2344" spans="1:4" x14ac:dyDescent="0.25">
      <c r="A2344" s="7">
        <f t="shared" si="111"/>
        <v>44659.333333327668</v>
      </c>
      <c r="B2344" s="8">
        <v>1.6640083790487783</v>
      </c>
      <c r="C2344">
        <f t="shared" si="109"/>
        <v>8</v>
      </c>
      <c r="D2344">
        <f t="shared" si="110"/>
        <v>4</v>
      </c>
    </row>
    <row r="2345" spans="1:4" x14ac:dyDescent="0.25">
      <c r="A2345" s="7">
        <f t="shared" si="111"/>
        <v>44659.374999994332</v>
      </c>
      <c r="B2345" s="8">
        <v>5.2661895213748711</v>
      </c>
      <c r="C2345">
        <f t="shared" si="109"/>
        <v>9</v>
      </c>
      <c r="D2345">
        <f t="shared" si="110"/>
        <v>4</v>
      </c>
    </row>
    <row r="2346" spans="1:4" x14ac:dyDescent="0.25">
      <c r="A2346" s="7">
        <f t="shared" si="111"/>
        <v>44659.416666660996</v>
      </c>
      <c r="B2346" s="8">
        <v>6.2204324606262951</v>
      </c>
      <c r="C2346">
        <f t="shared" si="109"/>
        <v>10</v>
      </c>
      <c r="D2346">
        <f t="shared" si="110"/>
        <v>4</v>
      </c>
    </row>
    <row r="2347" spans="1:4" x14ac:dyDescent="0.25">
      <c r="A2347" s="7">
        <f t="shared" si="111"/>
        <v>44659.458333327661</v>
      </c>
      <c r="B2347" s="8">
        <v>6.2573027367174756</v>
      </c>
      <c r="C2347">
        <f t="shared" si="109"/>
        <v>11</v>
      </c>
      <c r="D2347">
        <f t="shared" si="110"/>
        <v>4</v>
      </c>
    </row>
    <row r="2348" spans="1:4" x14ac:dyDescent="0.25">
      <c r="A2348" s="7">
        <f t="shared" si="111"/>
        <v>44659.499999994325</v>
      </c>
      <c r="B2348" s="8">
        <v>14.546728131840034</v>
      </c>
      <c r="C2348">
        <f t="shared" si="109"/>
        <v>12</v>
      </c>
      <c r="D2348">
        <f t="shared" si="110"/>
        <v>4</v>
      </c>
    </row>
    <row r="2349" spans="1:4" x14ac:dyDescent="0.25">
      <c r="A2349" s="7">
        <f t="shared" si="111"/>
        <v>44659.541666660989</v>
      </c>
      <c r="B2349" s="8">
        <v>7.8102890718348394</v>
      </c>
      <c r="C2349">
        <f t="shared" si="109"/>
        <v>13</v>
      </c>
      <c r="D2349">
        <f t="shared" si="110"/>
        <v>4</v>
      </c>
    </row>
    <row r="2350" spans="1:4" x14ac:dyDescent="0.25">
      <c r="A2350" s="7">
        <f t="shared" si="111"/>
        <v>44659.583333327653</v>
      </c>
      <c r="B2350" s="8">
        <v>10.936099032753091</v>
      </c>
      <c r="C2350">
        <f t="shared" si="109"/>
        <v>14</v>
      </c>
      <c r="D2350">
        <f t="shared" si="110"/>
        <v>4</v>
      </c>
    </row>
    <row r="2351" spans="1:4" x14ac:dyDescent="0.25">
      <c r="A2351" s="7">
        <f t="shared" si="111"/>
        <v>44659.624999994317</v>
      </c>
      <c r="B2351" s="8">
        <v>11.689884129640776</v>
      </c>
      <c r="C2351">
        <f t="shared" si="109"/>
        <v>15</v>
      </c>
      <c r="D2351">
        <f t="shared" si="110"/>
        <v>4</v>
      </c>
    </row>
    <row r="2352" spans="1:4" x14ac:dyDescent="0.25">
      <c r="A2352" s="7">
        <f t="shared" si="111"/>
        <v>44659.666666660982</v>
      </c>
      <c r="B2352" s="8">
        <v>16.95604376316081</v>
      </c>
      <c r="C2352">
        <f t="shared" si="109"/>
        <v>16</v>
      </c>
      <c r="D2352">
        <f t="shared" si="110"/>
        <v>4</v>
      </c>
    </row>
    <row r="2353" spans="1:4" x14ac:dyDescent="0.25">
      <c r="A2353" s="7">
        <f t="shared" si="111"/>
        <v>44659.708333327646</v>
      </c>
      <c r="B2353" s="8">
        <v>1.7103634112788026</v>
      </c>
      <c r="C2353">
        <f t="shared" si="109"/>
        <v>17</v>
      </c>
      <c r="D2353">
        <f t="shared" si="110"/>
        <v>4</v>
      </c>
    </row>
    <row r="2354" spans="1:4" x14ac:dyDescent="0.25">
      <c r="A2354" s="7">
        <f t="shared" si="111"/>
        <v>44659.74999999431</v>
      </c>
      <c r="B2354" s="8">
        <v>4.4783095964327249</v>
      </c>
      <c r="C2354">
        <f t="shared" si="109"/>
        <v>18</v>
      </c>
      <c r="D2354">
        <f t="shared" si="110"/>
        <v>4</v>
      </c>
    </row>
    <row r="2355" spans="1:4" x14ac:dyDescent="0.25">
      <c r="A2355" s="7">
        <f t="shared" si="111"/>
        <v>44659.791666660974</v>
      </c>
      <c r="B2355" s="8">
        <v>0.75586384872208912</v>
      </c>
      <c r="C2355">
        <f t="shared" si="109"/>
        <v>19</v>
      </c>
      <c r="D2355">
        <f t="shared" si="110"/>
        <v>4</v>
      </c>
    </row>
    <row r="2356" spans="1:4" x14ac:dyDescent="0.25">
      <c r="A2356" s="7">
        <f t="shared" si="111"/>
        <v>44659.833333327639</v>
      </c>
      <c r="B2356" s="8">
        <v>-4.9800999999999998E-2</v>
      </c>
      <c r="C2356">
        <f t="shared" si="109"/>
        <v>20</v>
      </c>
      <c r="D2356">
        <f t="shared" si="110"/>
        <v>4</v>
      </c>
    </row>
    <row r="2357" spans="1:4" x14ac:dyDescent="0.25">
      <c r="A2357" s="7">
        <f t="shared" si="111"/>
        <v>44659.874999994303</v>
      </c>
      <c r="B2357" s="8">
        <v>-4.9800999999999998E-2</v>
      </c>
      <c r="C2357">
        <f t="shared" si="109"/>
        <v>21</v>
      </c>
      <c r="D2357">
        <f t="shared" si="110"/>
        <v>4</v>
      </c>
    </row>
    <row r="2358" spans="1:4" x14ac:dyDescent="0.25">
      <c r="A2358" s="7">
        <f t="shared" si="111"/>
        <v>44659.916666660967</v>
      </c>
      <c r="B2358" s="8">
        <v>-4.9800999999999998E-2</v>
      </c>
      <c r="C2358">
        <f t="shared" si="109"/>
        <v>22</v>
      </c>
      <c r="D2358">
        <f t="shared" si="110"/>
        <v>4</v>
      </c>
    </row>
    <row r="2359" spans="1:4" x14ac:dyDescent="0.25">
      <c r="A2359" s="7">
        <f t="shared" si="111"/>
        <v>44659.958333327631</v>
      </c>
      <c r="B2359" s="8">
        <v>-4.9800999999999998E-2</v>
      </c>
      <c r="C2359">
        <f t="shared" si="109"/>
        <v>23</v>
      </c>
      <c r="D2359">
        <f t="shared" si="110"/>
        <v>4</v>
      </c>
    </row>
    <row r="2360" spans="1:4" x14ac:dyDescent="0.25">
      <c r="A2360" s="7">
        <f t="shared" si="111"/>
        <v>44659.999999994296</v>
      </c>
      <c r="B2360" s="8">
        <v>-4.9800999999999998E-2</v>
      </c>
      <c r="C2360">
        <f t="shared" si="109"/>
        <v>0</v>
      </c>
      <c r="D2360">
        <f t="shared" si="110"/>
        <v>4</v>
      </c>
    </row>
    <row r="2361" spans="1:4" x14ac:dyDescent="0.25">
      <c r="A2361" s="7">
        <f t="shared" si="111"/>
        <v>44660.04166666096</v>
      </c>
      <c r="B2361" s="8">
        <v>-4.9800999999999998E-2</v>
      </c>
      <c r="C2361">
        <f t="shared" si="109"/>
        <v>1</v>
      </c>
      <c r="D2361">
        <f t="shared" si="110"/>
        <v>4</v>
      </c>
    </row>
    <row r="2362" spans="1:4" x14ac:dyDescent="0.25">
      <c r="A2362" s="7">
        <f t="shared" si="111"/>
        <v>44660.083333327624</v>
      </c>
      <c r="B2362" s="8">
        <v>-4.9800999999999998E-2</v>
      </c>
      <c r="C2362">
        <f t="shared" si="109"/>
        <v>2</v>
      </c>
      <c r="D2362">
        <f t="shared" si="110"/>
        <v>4</v>
      </c>
    </row>
    <row r="2363" spans="1:4" x14ac:dyDescent="0.25">
      <c r="A2363" s="7">
        <f t="shared" si="111"/>
        <v>44660.124999994288</v>
      </c>
      <c r="B2363" s="8">
        <v>-4.9800999999999998E-2</v>
      </c>
      <c r="C2363">
        <f t="shared" si="109"/>
        <v>3</v>
      </c>
      <c r="D2363">
        <f t="shared" si="110"/>
        <v>4</v>
      </c>
    </row>
    <row r="2364" spans="1:4" x14ac:dyDescent="0.25">
      <c r="A2364" s="7">
        <f t="shared" si="111"/>
        <v>44660.166666660953</v>
      </c>
      <c r="B2364" s="8">
        <v>-4.9800999999999998E-2</v>
      </c>
      <c r="C2364">
        <f t="shared" si="109"/>
        <v>4</v>
      </c>
      <c r="D2364">
        <f t="shared" si="110"/>
        <v>4</v>
      </c>
    </row>
    <row r="2365" spans="1:4" x14ac:dyDescent="0.25">
      <c r="A2365" s="7">
        <f t="shared" si="111"/>
        <v>44660.208333327617</v>
      </c>
      <c r="B2365" s="8">
        <v>-4.9800999999999998E-2</v>
      </c>
      <c r="C2365">
        <f t="shared" si="109"/>
        <v>5</v>
      </c>
      <c r="D2365">
        <f t="shared" si="110"/>
        <v>4</v>
      </c>
    </row>
    <row r="2366" spans="1:4" x14ac:dyDescent="0.25">
      <c r="A2366" s="7">
        <f t="shared" si="111"/>
        <v>44660.249999994281</v>
      </c>
      <c r="B2366" s="8">
        <v>-4.9800999999999998E-2</v>
      </c>
      <c r="C2366">
        <f t="shared" si="109"/>
        <v>6</v>
      </c>
      <c r="D2366">
        <f t="shared" si="110"/>
        <v>4</v>
      </c>
    </row>
    <row r="2367" spans="1:4" x14ac:dyDescent="0.25">
      <c r="A2367" s="7">
        <f t="shared" si="111"/>
        <v>44660.291666660945</v>
      </c>
      <c r="B2367" s="8">
        <v>0.36796071761940458</v>
      </c>
      <c r="C2367">
        <f t="shared" si="109"/>
        <v>7</v>
      </c>
      <c r="D2367">
        <f t="shared" si="110"/>
        <v>4</v>
      </c>
    </row>
    <row r="2368" spans="1:4" x14ac:dyDescent="0.25">
      <c r="A2368" s="7">
        <f t="shared" si="111"/>
        <v>44660.33333332761</v>
      </c>
      <c r="B2368" s="8">
        <v>4.4005238776910938</v>
      </c>
      <c r="C2368">
        <f t="shared" si="109"/>
        <v>8</v>
      </c>
      <c r="D2368">
        <f t="shared" si="110"/>
        <v>4</v>
      </c>
    </row>
    <row r="2369" spans="1:4" x14ac:dyDescent="0.25">
      <c r="A2369" s="7">
        <f t="shared" si="111"/>
        <v>44660.374999994274</v>
      </c>
      <c r="B2369" s="8">
        <v>7.9058096252648582</v>
      </c>
      <c r="C2369">
        <f t="shared" si="109"/>
        <v>9</v>
      </c>
      <c r="D2369">
        <f t="shared" si="110"/>
        <v>4</v>
      </c>
    </row>
    <row r="2370" spans="1:4" x14ac:dyDescent="0.25">
      <c r="A2370" s="7">
        <f t="shared" si="111"/>
        <v>44660.416666660938</v>
      </c>
      <c r="B2370" s="8">
        <v>7.9297250622095357</v>
      </c>
      <c r="C2370">
        <f t="shared" si="109"/>
        <v>10</v>
      </c>
      <c r="D2370">
        <f t="shared" si="110"/>
        <v>4</v>
      </c>
    </row>
    <row r="2371" spans="1:4" x14ac:dyDescent="0.25">
      <c r="A2371" s="7">
        <f t="shared" si="111"/>
        <v>44660.458333327602</v>
      </c>
      <c r="B2371" s="8">
        <v>9.171593257136788</v>
      </c>
      <c r="C2371">
        <f t="shared" si="109"/>
        <v>11</v>
      </c>
      <c r="D2371">
        <f t="shared" si="110"/>
        <v>4</v>
      </c>
    </row>
    <row r="2372" spans="1:4" x14ac:dyDescent="0.25">
      <c r="A2372" s="7">
        <f t="shared" si="111"/>
        <v>44660.499999994267</v>
      </c>
      <c r="B2372" s="8">
        <v>4.4822125380276177</v>
      </c>
      <c r="C2372">
        <f t="shared" si="109"/>
        <v>12</v>
      </c>
      <c r="D2372">
        <f t="shared" si="110"/>
        <v>4</v>
      </c>
    </row>
    <row r="2373" spans="1:4" x14ac:dyDescent="0.25">
      <c r="A2373" s="7">
        <f t="shared" si="111"/>
        <v>44660.541666660931</v>
      </c>
      <c r="B2373" s="8">
        <v>3.1447135137921705</v>
      </c>
      <c r="C2373">
        <f t="shared" si="109"/>
        <v>13</v>
      </c>
      <c r="D2373">
        <f t="shared" si="110"/>
        <v>4</v>
      </c>
    </row>
    <row r="2374" spans="1:4" x14ac:dyDescent="0.25">
      <c r="A2374" s="7">
        <f t="shared" si="111"/>
        <v>44660.583333327595</v>
      </c>
      <c r="B2374" s="8">
        <v>3.0022989161294533</v>
      </c>
      <c r="C2374">
        <f t="shared" si="109"/>
        <v>14</v>
      </c>
      <c r="D2374">
        <f t="shared" si="110"/>
        <v>4</v>
      </c>
    </row>
    <row r="2375" spans="1:4" x14ac:dyDescent="0.25">
      <c r="A2375" s="7">
        <f t="shared" si="111"/>
        <v>44660.624999994259</v>
      </c>
      <c r="B2375" s="8">
        <v>2.6559543318639669</v>
      </c>
      <c r="C2375">
        <f t="shared" si="109"/>
        <v>15</v>
      </c>
      <c r="D2375">
        <f t="shared" si="110"/>
        <v>4</v>
      </c>
    </row>
    <row r="2376" spans="1:4" x14ac:dyDescent="0.25">
      <c r="A2376" s="7">
        <f t="shared" si="111"/>
        <v>44660.666666660924</v>
      </c>
      <c r="B2376" s="8">
        <v>2.9148996142884922</v>
      </c>
      <c r="C2376">
        <f t="shared" si="109"/>
        <v>16</v>
      </c>
      <c r="D2376">
        <f t="shared" si="110"/>
        <v>4</v>
      </c>
    </row>
    <row r="2377" spans="1:4" x14ac:dyDescent="0.25">
      <c r="A2377" s="7">
        <f t="shared" si="111"/>
        <v>44660.708333327588</v>
      </c>
      <c r="B2377" s="8">
        <v>6.7158514811037984</v>
      </c>
      <c r="C2377">
        <f t="shared" si="109"/>
        <v>17</v>
      </c>
      <c r="D2377">
        <f t="shared" si="110"/>
        <v>4</v>
      </c>
    </row>
    <row r="2378" spans="1:4" x14ac:dyDescent="0.25">
      <c r="A2378" s="7">
        <f t="shared" si="111"/>
        <v>44660.749999994252</v>
      </c>
      <c r="B2378" s="8">
        <v>2.7649388485883297</v>
      </c>
      <c r="C2378">
        <f t="shared" ref="C2378:C2441" si="112">HOUR(A2378)</f>
        <v>18</v>
      </c>
      <c r="D2378">
        <f t="shared" ref="D2378:D2441" si="113">MONTH(A2378)</f>
        <v>4</v>
      </c>
    </row>
    <row r="2379" spans="1:4" x14ac:dyDescent="0.25">
      <c r="A2379" s="7">
        <f t="shared" ref="A2379:A2442" si="114">+A2378+1/24</f>
        <v>44660.791666660916</v>
      </c>
      <c r="B2379" s="8">
        <v>0.47466448183531756</v>
      </c>
      <c r="C2379">
        <f t="shared" si="112"/>
        <v>19</v>
      </c>
      <c r="D2379">
        <f t="shared" si="113"/>
        <v>4</v>
      </c>
    </row>
    <row r="2380" spans="1:4" x14ac:dyDescent="0.25">
      <c r="A2380" s="7">
        <f t="shared" si="114"/>
        <v>44660.83333332758</v>
      </c>
      <c r="B2380" s="8">
        <v>-4.9800999999999998E-2</v>
      </c>
      <c r="C2380">
        <f t="shared" si="112"/>
        <v>20</v>
      </c>
      <c r="D2380">
        <f t="shared" si="113"/>
        <v>4</v>
      </c>
    </row>
    <row r="2381" spans="1:4" x14ac:dyDescent="0.25">
      <c r="A2381" s="7">
        <f t="shared" si="114"/>
        <v>44660.874999994245</v>
      </c>
      <c r="B2381" s="8">
        <v>-4.9800999999999998E-2</v>
      </c>
      <c r="C2381">
        <f t="shared" si="112"/>
        <v>21</v>
      </c>
      <c r="D2381">
        <f t="shared" si="113"/>
        <v>4</v>
      </c>
    </row>
    <row r="2382" spans="1:4" x14ac:dyDescent="0.25">
      <c r="A2382" s="7">
        <f t="shared" si="114"/>
        <v>44660.916666660909</v>
      </c>
      <c r="B2382" s="8">
        <v>-4.9800999999999998E-2</v>
      </c>
      <c r="C2382">
        <f t="shared" si="112"/>
        <v>22</v>
      </c>
      <c r="D2382">
        <f t="shared" si="113"/>
        <v>4</v>
      </c>
    </row>
    <row r="2383" spans="1:4" x14ac:dyDescent="0.25">
      <c r="A2383" s="7">
        <f t="shared" si="114"/>
        <v>44660.958333327573</v>
      </c>
      <c r="B2383" s="8">
        <v>-4.9800999999999998E-2</v>
      </c>
      <c r="C2383">
        <f t="shared" si="112"/>
        <v>23</v>
      </c>
      <c r="D2383">
        <f t="shared" si="113"/>
        <v>4</v>
      </c>
    </row>
    <row r="2384" spans="1:4" x14ac:dyDescent="0.25">
      <c r="A2384" s="7">
        <f t="shared" si="114"/>
        <v>44660.999999994237</v>
      </c>
      <c r="B2384" s="8">
        <v>-4.9800999999999998E-2</v>
      </c>
      <c r="C2384">
        <f t="shared" si="112"/>
        <v>0</v>
      </c>
      <c r="D2384">
        <f t="shared" si="113"/>
        <v>4</v>
      </c>
    </row>
    <row r="2385" spans="1:4" x14ac:dyDescent="0.25">
      <c r="A2385" s="7">
        <f t="shared" si="114"/>
        <v>44661.041666660902</v>
      </c>
      <c r="B2385" s="8">
        <v>-4.9800999999999998E-2</v>
      </c>
      <c r="C2385">
        <f t="shared" si="112"/>
        <v>1</v>
      </c>
      <c r="D2385">
        <f t="shared" si="113"/>
        <v>4</v>
      </c>
    </row>
    <row r="2386" spans="1:4" x14ac:dyDescent="0.25">
      <c r="A2386" s="7">
        <f t="shared" si="114"/>
        <v>44661.083333327566</v>
      </c>
      <c r="B2386" s="8">
        <v>-4.9800999999999998E-2</v>
      </c>
      <c r="C2386">
        <f t="shared" si="112"/>
        <v>2</v>
      </c>
      <c r="D2386">
        <f t="shared" si="113"/>
        <v>4</v>
      </c>
    </row>
    <row r="2387" spans="1:4" x14ac:dyDescent="0.25">
      <c r="A2387" s="7">
        <f t="shared" si="114"/>
        <v>44661.12499999423</v>
      </c>
      <c r="B2387" s="8">
        <v>-4.9800999999999998E-2</v>
      </c>
      <c r="C2387">
        <f t="shared" si="112"/>
        <v>3</v>
      </c>
      <c r="D2387">
        <f t="shared" si="113"/>
        <v>4</v>
      </c>
    </row>
    <row r="2388" spans="1:4" x14ac:dyDescent="0.25">
      <c r="A2388" s="7">
        <f t="shared" si="114"/>
        <v>44661.166666660894</v>
      </c>
      <c r="B2388" s="8">
        <v>-4.9800999999999998E-2</v>
      </c>
      <c r="C2388">
        <f t="shared" si="112"/>
        <v>4</v>
      </c>
      <c r="D2388">
        <f t="shared" si="113"/>
        <v>4</v>
      </c>
    </row>
    <row r="2389" spans="1:4" x14ac:dyDescent="0.25">
      <c r="A2389" s="7">
        <f t="shared" si="114"/>
        <v>44661.208333327559</v>
      </c>
      <c r="B2389" s="8">
        <v>-4.9800999999999998E-2</v>
      </c>
      <c r="C2389">
        <f t="shared" si="112"/>
        <v>5</v>
      </c>
      <c r="D2389">
        <f t="shared" si="113"/>
        <v>4</v>
      </c>
    </row>
    <row r="2390" spans="1:4" x14ac:dyDescent="0.25">
      <c r="A2390" s="7">
        <f t="shared" si="114"/>
        <v>44661.249999994223</v>
      </c>
      <c r="B2390" s="8">
        <v>-4.9800999999999998E-2</v>
      </c>
      <c r="C2390">
        <f t="shared" si="112"/>
        <v>6</v>
      </c>
      <c r="D2390">
        <f t="shared" si="113"/>
        <v>4</v>
      </c>
    </row>
    <row r="2391" spans="1:4" x14ac:dyDescent="0.25">
      <c r="A2391" s="7">
        <f t="shared" si="114"/>
        <v>44661.291666660887</v>
      </c>
      <c r="B2391" s="8">
        <v>0.64349994317024983</v>
      </c>
      <c r="C2391">
        <f t="shared" si="112"/>
        <v>7</v>
      </c>
      <c r="D2391">
        <f t="shared" si="113"/>
        <v>4</v>
      </c>
    </row>
    <row r="2392" spans="1:4" x14ac:dyDescent="0.25">
      <c r="A2392" s="7">
        <f t="shared" si="114"/>
        <v>44661.333333327551</v>
      </c>
      <c r="B2392" s="8">
        <v>5.4362009152051218</v>
      </c>
      <c r="C2392">
        <f t="shared" si="112"/>
        <v>8</v>
      </c>
      <c r="D2392">
        <f t="shared" si="113"/>
        <v>4</v>
      </c>
    </row>
    <row r="2393" spans="1:4" x14ac:dyDescent="0.25">
      <c r="A2393" s="7">
        <f t="shared" si="114"/>
        <v>44661.374999994216</v>
      </c>
      <c r="B2393" s="8">
        <v>11.987078651941525</v>
      </c>
      <c r="C2393">
        <f t="shared" si="112"/>
        <v>9</v>
      </c>
      <c r="D2393">
        <f t="shared" si="113"/>
        <v>4</v>
      </c>
    </row>
    <row r="2394" spans="1:4" x14ac:dyDescent="0.25">
      <c r="A2394" s="7">
        <f t="shared" si="114"/>
        <v>44661.41666666088</v>
      </c>
      <c r="B2394" s="8">
        <v>15.172802425027063</v>
      </c>
      <c r="C2394">
        <f t="shared" si="112"/>
        <v>10</v>
      </c>
      <c r="D2394">
        <f t="shared" si="113"/>
        <v>4</v>
      </c>
    </row>
    <row r="2395" spans="1:4" x14ac:dyDescent="0.25">
      <c r="A2395" s="7">
        <f t="shared" si="114"/>
        <v>44661.458333327544</v>
      </c>
      <c r="B2395" s="8">
        <v>18.566798168591603</v>
      </c>
      <c r="C2395">
        <f t="shared" si="112"/>
        <v>11</v>
      </c>
      <c r="D2395">
        <f t="shared" si="113"/>
        <v>4</v>
      </c>
    </row>
    <row r="2396" spans="1:4" x14ac:dyDescent="0.25">
      <c r="A2396" s="7">
        <f t="shared" si="114"/>
        <v>44661.499999994208</v>
      </c>
      <c r="B2396" s="8">
        <v>20.451307803824424</v>
      </c>
      <c r="C2396">
        <f t="shared" si="112"/>
        <v>12</v>
      </c>
      <c r="D2396">
        <f t="shared" si="113"/>
        <v>4</v>
      </c>
    </row>
    <row r="2397" spans="1:4" x14ac:dyDescent="0.25">
      <c r="A2397" s="7">
        <f t="shared" si="114"/>
        <v>44661.541666660873</v>
      </c>
      <c r="B2397" s="8">
        <v>20.451294405820537</v>
      </c>
      <c r="C2397">
        <f t="shared" si="112"/>
        <v>13</v>
      </c>
      <c r="D2397">
        <f t="shared" si="113"/>
        <v>4</v>
      </c>
    </row>
    <row r="2398" spans="1:4" x14ac:dyDescent="0.25">
      <c r="A2398" s="7">
        <f t="shared" si="114"/>
        <v>44661.583333327537</v>
      </c>
      <c r="B2398" s="8">
        <v>20.451316048749899</v>
      </c>
      <c r="C2398">
        <f t="shared" si="112"/>
        <v>14</v>
      </c>
      <c r="D2398">
        <f t="shared" si="113"/>
        <v>4</v>
      </c>
    </row>
    <row r="2399" spans="1:4" x14ac:dyDescent="0.25">
      <c r="A2399" s="7">
        <f t="shared" si="114"/>
        <v>44661.624999994201</v>
      </c>
      <c r="B2399" s="8">
        <v>20.451276885353909</v>
      </c>
      <c r="C2399">
        <f t="shared" si="112"/>
        <v>15</v>
      </c>
      <c r="D2399">
        <f t="shared" si="113"/>
        <v>4</v>
      </c>
    </row>
    <row r="2400" spans="1:4" x14ac:dyDescent="0.25">
      <c r="A2400" s="7">
        <f t="shared" si="114"/>
        <v>44661.666666660865</v>
      </c>
      <c r="B2400" s="8">
        <v>16.823932230489948</v>
      </c>
      <c r="C2400">
        <f t="shared" si="112"/>
        <v>16</v>
      </c>
      <c r="D2400">
        <f t="shared" si="113"/>
        <v>4</v>
      </c>
    </row>
    <row r="2401" spans="1:4" x14ac:dyDescent="0.25">
      <c r="A2401" s="7">
        <f t="shared" si="114"/>
        <v>44661.70833332753</v>
      </c>
      <c r="B2401" s="8">
        <v>11.61127391835203</v>
      </c>
      <c r="C2401">
        <f t="shared" si="112"/>
        <v>17</v>
      </c>
      <c r="D2401">
        <f t="shared" si="113"/>
        <v>4</v>
      </c>
    </row>
    <row r="2402" spans="1:4" x14ac:dyDescent="0.25">
      <c r="A2402" s="7">
        <f t="shared" si="114"/>
        <v>44661.749999994194</v>
      </c>
      <c r="B2402" s="8">
        <v>5.4404820927560023</v>
      </c>
      <c r="C2402">
        <f t="shared" si="112"/>
        <v>18</v>
      </c>
      <c r="D2402">
        <f t="shared" si="113"/>
        <v>4</v>
      </c>
    </row>
    <row r="2403" spans="1:4" x14ac:dyDescent="0.25">
      <c r="A2403" s="7">
        <f t="shared" si="114"/>
        <v>44661.791666660858</v>
      </c>
      <c r="B2403" s="8">
        <v>0.7466223178846435</v>
      </c>
      <c r="C2403">
        <f t="shared" si="112"/>
        <v>19</v>
      </c>
      <c r="D2403">
        <f t="shared" si="113"/>
        <v>4</v>
      </c>
    </row>
    <row r="2404" spans="1:4" x14ac:dyDescent="0.25">
      <c r="A2404" s="7">
        <f t="shared" si="114"/>
        <v>44661.833333327522</v>
      </c>
      <c r="B2404" s="8">
        <v>-4.9800999999999998E-2</v>
      </c>
      <c r="C2404">
        <f t="shared" si="112"/>
        <v>20</v>
      </c>
      <c r="D2404">
        <f t="shared" si="113"/>
        <v>4</v>
      </c>
    </row>
    <row r="2405" spans="1:4" x14ac:dyDescent="0.25">
      <c r="A2405" s="7">
        <f t="shared" si="114"/>
        <v>44661.874999994187</v>
      </c>
      <c r="B2405" s="8">
        <v>-4.9800999999999998E-2</v>
      </c>
      <c r="C2405">
        <f t="shared" si="112"/>
        <v>21</v>
      </c>
      <c r="D2405">
        <f t="shared" si="113"/>
        <v>4</v>
      </c>
    </row>
    <row r="2406" spans="1:4" x14ac:dyDescent="0.25">
      <c r="A2406" s="7">
        <f t="shared" si="114"/>
        <v>44661.916666660851</v>
      </c>
      <c r="B2406" s="8">
        <v>-4.9800999999999998E-2</v>
      </c>
      <c r="C2406">
        <f t="shared" si="112"/>
        <v>22</v>
      </c>
      <c r="D2406">
        <f t="shared" si="113"/>
        <v>4</v>
      </c>
    </row>
    <row r="2407" spans="1:4" x14ac:dyDescent="0.25">
      <c r="A2407" s="7">
        <f t="shared" si="114"/>
        <v>44661.958333327515</v>
      </c>
      <c r="B2407" s="8">
        <v>-4.9800999999999998E-2</v>
      </c>
      <c r="C2407">
        <f t="shared" si="112"/>
        <v>23</v>
      </c>
      <c r="D2407">
        <f t="shared" si="113"/>
        <v>4</v>
      </c>
    </row>
    <row r="2408" spans="1:4" x14ac:dyDescent="0.25">
      <c r="A2408" s="7">
        <f t="shared" si="114"/>
        <v>44661.999999994179</v>
      </c>
      <c r="B2408" s="8">
        <v>-4.9800999999999998E-2</v>
      </c>
      <c r="C2408">
        <f t="shared" si="112"/>
        <v>0</v>
      </c>
      <c r="D2408">
        <f t="shared" si="113"/>
        <v>4</v>
      </c>
    </row>
    <row r="2409" spans="1:4" x14ac:dyDescent="0.25">
      <c r="A2409" s="7">
        <f t="shared" si="114"/>
        <v>44662.041666660843</v>
      </c>
      <c r="B2409" s="8">
        <v>-4.9800999999999998E-2</v>
      </c>
      <c r="C2409">
        <f t="shared" si="112"/>
        <v>1</v>
      </c>
      <c r="D2409">
        <f t="shared" si="113"/>
        <v>4</v>
      </c>
    </row>
    <row r="2410" spans="1:4" x14ac:dyDescent="0.25">
      <c r="A2410" s="7">
        <f t="shared" si="114"/>
        <v>44662.083333327508</v>
      </c>
      <c r="B2410" s="8">
        <v>-4.9800999999999998E-2</v>
      </c>
      <c r="C2410">
        <f t="shared" si="112"/>
        <v>2</v>
      </c>
      <c r="D2410">
        <f t="shared" si="113"/>
        <v>4</v>
      </c>
    </row>
    <row r="2411" spans="1:4" x14ac:dyDescent="0.25">
      <c r="A2411" s="7">
        <f t="shared" si="114"/>
        <v>44662.124999994172</v>
      </c>
      <c r="B2411" s="8">
        <v>-4.9800999999999998E-2</v>
      </c>
      <c r="C2411">
        <f t="shared" si="112"/>
        <v>3</v>
      </c>
      <c r="D2411">
        <f t="shared" si="113"/>
        <v>4</v>
      </c>
    </row>
    <row r="2412" spans="1:4" x14ac:dyDescent="0.25">
      <c r="A2412" s="7">
        <f t="shared" si="114"/>
        <v>44662.166666660836</v>
      </c>
      <c r="B2412" s="8">
        <v>-4.9800999999999998E-2</v>
      </c>
      <c r="C2412">
        <f t="shared" si="112"/>
        <v>4</v>
      </c>
      <c r="D2412">
        <f t="shared" si="113"/>
        <v>4</v>
      </c>
    </row>
    <row r="2413" spans="1:4" x14ac:dyDescent="0.25">
      <c r="A2413" s="7">
        <f t="shared" si="114"/>
        <v>44662.2083333275</v>
      </c>
      <c r="B2413" s="8">
        <v>-4.9800999999999998E-2</v>
      </c>
      <c r="C2413">
        <f t="shared" si="112"/>
        <v>5</v>
      </c>
      <c r="D2413">
        <f t="shared" si="113"/>
        <v>4</v>
      </c>
    </row>
    <row r="2414" spans="1:4" x14ac:dyDescent="0.25">
      <c r="A2414" s="7">
        <f t="shared" si="114"/>
        <v>44662.249999994165</v>
      </c>
      <c r="B2414" s="8">
        <v>-4.9800999999999998E-2</v>
      </c>
      <c r="C2414">
        <f t="shared" si="112"/>
        <v>6</v>
      </c>
      <c r="D2414">
        <f t="shared" si="113"/>
        <v>4</v>
      </c>
    </row>
    <row r="2415" spans="1:4" x14ac:dyDescent="0.25">
      <c r="A2415" s="7">
        <f t="shared" si="114"/>
        <v>44662.291666660829</v>
      </c>
      <c r="B2415" s="8">
        <v>0.56869682621779771</v>
      </c>
      <c r="C2415">
        <f t="shared" si="112"/>
        <v>7</v>
      </c>
      <c r="D2415">
        <f t="shared" si="113"/>
        <v>4</v>
      </c>
    </row>
    <row r="2416" spans="1:4" x14ac:dyDescent="0.25">
      <c r="A2416" s="7">
        <f t="shared" si="114"/>
        <v>44662.333333327493</v>
      </c>
      <c r="B2416" s="8">
        <v>3.5615315985220852</v>
      </c>
      <c r="C2416">
        <f t="shared" si="112"/>
        <v>8</v>
      </c>
      <c r="D2416">
        <f t="shared" si="113"/>
        <v>4</v>
      </c>
    </row>
    <row r="2417" spans="1:4" x14ac:dyDescent="0.25">
      <c r="A2417" s="7">
        <f t="shared" si="114"/>
        <v>44662.374999994157</v>
      </c>
      <c r="B2417" s="8">
        <v>8.6331006847667684</v>
      </c>
      <c r="C2417">
        <f t="shared" si="112"/>
        <v>9</v>
      </c>
      <c r="D2417">
        <f t="shared" si="113"/>
        <v>4</v>
      </c>
    </row>
    <row r="2418" spans="1:4" x14ac:dyDescent="0.25">
      <c r="A2418" s="7">
        <f t="shared" si="114"/>
        <v>44662.416666660822</v>
      </c>
      <c r="B2418" s="8">
        <v>15.993831072825863</v>
      </c>
      <c r="C2418">
        <f t="shared" si="112"/>
        <v>10</v>
      </c>
      <c r="D2418">
        <f t="shared" si="113"/>
        <v>4</v>
      </c>
    </row>
    <row r="2419" spans="1:4" x14ac:dyDescent="0.25">
      <c r="A2419" s="7">
        <f t="shared" si="114"/>
        <v>44662.458333327486</v>
      </c>
      <c r="B2419" s="8">
        <v>14.263282022762382</v>
      </c>
      <c r="C2419">
        <f t="shared" si="112"/>
        <v>11</v>
      </c>
      <c r="D2419">
        <f t="shared" si="113"/>
        <v>4</v>
      </c>
    </row>
    <row r="2420" spans="1:4" x14ac:dyDescent="0.25">
      <c r="A2420" s="7">
        <f t="shared" si="114"/>
        <v>44662.49999999415</v>
      </c>
      <c r="B2420" s="8">
        <v>16.654645359485471</v>
      </c>
      <c r="C2420">
        <f t="shared" si="112"/>
        <v>12</v>
      </c>
      <c r="D2420">
        <f t="shared" si="113"/>
        <v>4</v>
      </c>
    </row>
    <row r="2421" spans="1:4" x14ac:dyDescent="0.25">
      <c r="A2421" s="7">
        <f t="shared" si="114"/>
        <v>44662.541666660814</v>
      </c>
      <c r="B2421" s="8">
        <v>14.571105284611095</v>
      </c>
      <c r="C2421">
        <f t="shared" si="112"/>
        <v>13</v>
      </c>
      <c r="D2421">
        <f t="shared" si="113"/>
        <v>4</v>
      </c>
    </row>
    <row r="2422" spans="1:4" x14ac:dyDescent="0.25">
      <c r="A2422" s="7">
        <f t="shared" si="114"/>
        <v>44662.583333327479</v>
      </c>
      <c r="B2422" s="8">
        <v>13.488272426480659</v>
      </c>
      <c r="C2422">
        <f t="shared" si="112"/>
        <v>14</v>
      </c>
      <c r="D2422">
        <f t="shared" si="113"/>
        <v>4</v>
      </c>
    </row>
    <row r="2423" spans="1:4" x14ac:dyDescent="0.25">
      <c r="A2423" s="7">
        <f t="shared" si="114"/>
        <v>44662.624999994143</v>
      </c>
      <c r="B2423" s="8">
        <v>18.258791457151158</v>
      </c>
      <c r="C2423">
        <f t="shared" si="112"/>
        <v>15</v>
      </c>
      <c r="D2423">
        <f t="shared" si="113"/>
        <v>4</v>
      </c>
    </row>
    <row r="2424" spans="1:4" x14ac:dyDescent="0.25">
      <c r="A2424" s="7">
        <f t="shared" si="114"/>
        <v>44662.666666660807</v>
      </c>
      <c r="B2424" s="8">
        <v>9.0662973139450713</v>
      </c>
      <c r="C2424">
        <f t="shared" si="112"/>
        <v>16</v>
      </c>
      <c r="D2424">
        <f t="shared" si="113"/>
        <v>4</v>
      </c>
    </row>
    <row r="2425" spans="1:4" x14ac:dyDescent="0.25">
      <c r="A2425" s="7">
        <f t="shared" si="114"/>
        <v>44662.708333327471</v>
      </c>
      <c r="B2425" s="8">
        <v>9.1530751545286453</v>
      </c>
      <c r="C2425">
        <f t="shared" si="112"/>
        <v>17</v>
      </c>
      <c r="D2425">
        <f t="shared" si="113"/>
        <v>4</v>
      </c>
    </row>
    <row r="2426" spans="1:4" x14ac:dyDescent="0.25">
      <c r="A2426" s="7">
        <f t="shared" si="114"/>
        <v>44662.749999994136</v>
      </c>
      <c r="B2426" s="8">
        <v>2.1512731682353405</v>
      </c>
      <c r="C2426">
        <f t="shared" si="112"/>
        <v>18</v>
      </c>
      <c r="D2426">
        <f t="shared" si="113"/>
        <v>4</v>
      </c>
    </row>
    <row r="2427" spans="1:4" x14ac:dyDescent="0.25">
      <c r="A2427" s="7">
        <f t="shared" si="114"/>
        <v>44662.7916666608</v>
      </c>
      <c r="B2427" s="8">
        <v>0.47536530050036307</v>
      </c>
      <c r="C2427">
        <f t="shared" si="112"/>
        <v>19</v>
      </c>
      <c r="D2427">
        <f t="shared" si="113"/>
        <v>4</v>
      </c>
    </row>
    <row r="2428" spans="1:4" x14ac:dyDescent="0.25">
      <c r="A2428" s="7">
        <f t="shared" si="114"/>
        <v>44662.833333327464</v>
      </c>
      <c r="B2428" s="8">
        <v>-4.9800999999999998E-2</v>
      </c>
      <c r="C2428">
        <f t="shared" si="112"/>
        <v>20</v>
      </c>
      <c r="D2428">
        <f t="shared" si="113"/>
        <v>4</v>
      </c>
    </row>
    <row r="2429" spans="1:4" x14ac:dyDescent="0.25">
      <c r="A2429" s="7">
        <f t="shared" si="114"/>
        <v>44662.874999994128</v>
      </c>
      <c r="B2429" s="8">
        <v>-4.9800999999999998E-2</v>
      </c>
      <c r="C2429">
        <f t="shared" si="112"/>
        <v>21</v>
      </c>
      <c r="D2429">
        <f t="shared" si="113"/>
        <v>4</v>
      </c>
    </row>
    <row r="2430" spans="1:4" x14ac:dyDescent="0.25">
      <c r="A2430" s="7">
        <f t="shared" si="114"/>
        <v>44662.916666660793</v>
      </c>
      <c r="B2430" s="8">
        <v>-4.9800999999999998E-2</v>
      </c>
      <c r="C2430">
        <f t="shared" si="112"/>
        <v>22</v>
      </c>
      <c r="D2430">
        <f t="shared" si="113"/>
        <v>4</v>
      </c>
    </row>
    <row r="2431" spans="1:4" x14ac:dyDescent="0.25">
      <c r="A2431" s="7">
        <f t="shared" si="114"/>
        <v>44662.958333327457</v>
      </c>
      <c r="B2431" s="8">
        <v>-4.9800999999999998E-2</v>
      </c>
      <c r="C2431">
        <f t="shared" si="112"/>
        <v>23</v>
      </c>
      <c r="D2431">
        <f t="shared" si="113"/>
        <v>4</v>
      </c>
    </row>
    <row r="2432" spans="1:4" x14ac:dyDescent="0.25">
      <c r="A2432" s="7">
        <f t="shared" si="114"/>
        <v>44662.999999994121</v>
      </c>
      <c r="B2432" s="8">
        <v>-4.9800999999999998E-2</v>
      </c>
      <c r="C2432">
        <f t="shared" si="112"/>
        <v>0</v>
      </c>
      <c r="D2432">
        <f t="shared" si="113"/>
        <v>4</v>
      </c>
    </row>
    <row r="2433" spans="1:4" x14ac:dyDescent="0.25">
      <c r="A2433" s="7">
        <f t="shared" si="114"/>
        <v>44663.041666660785</v>
      </c>
      <c r="B2433" s="8">
        <v>-4.9800999999999998E-2</v>
      </c>
      <c r="C2433">
        <f t="shared" si="112"/>
        <v>1</v>
      </c>
      <c r="D2433">
        <f t="shared" si="113"/>
        <v>4</v>
      </c>
    </row>
    <row r="2434" spans="1:4" x14ac:dyDescent="0.25">
      <c r="A2434" s="7">
        <f t="shared" si="114"/>
        <v>44663.08333332745</v>
      </c>
      <c r="B2434" s="8">
        <v>-4.9800999999999998E-2</v>
      </c>
      <c r="C2434">
        <f t="shared" si="112"/>
        <v>2</v>
      </c>
      <c r="D2434">
        <f t="shared" si="113"/>
        <v>4</v>
      </c>
    </row>
    <row r="2435" spans="1:4" x14ac:dyDescent="0.25">
      <c r="A2435" s="7">
        <f t="shared" si="114"/>
        <v>44663.124999994114</v>
      </c>
      <c r="B2435" s="8">
        <v>-4.9800999999999998E-2</v>
      </c>
      <c r="C2435">
        <f t="shared" si="112"/>
        <v>3</v>
      </c>
      <c r="D2435">
        <f t="shared" si="113"/>
        <v>4</v>
      </c>
    </row>
    <row r="2436" spans="1:4" x14ac:dyDescent="0.25">
      <c r="A2436" s="7">
        <f t="shared" si="114"/>
        <v>44663.166666660778</v>
      </c>
      <c r="B2436" s="8">
        <v>-4.9800999999999998E-2</v>
      </c>
      <c r="C2436">
        <f t="shared" si="112"/>
        <v>4</v>
      </c>
      <c r="D2436">
        <f t="shared" si="113"/>
        <v>4</v>
      </c>
    </row>
    <row r="2437" spans="1:4" x14ac:dyDescent="0.25">
      <c r="A2437" s="7">
        <f t="shared" si="114"/>
        <v>44663.208333327442</v>
      </c>
      <c r="B2437" s="8">
        <v>-4.9800999999999998E-2</v>
      </c>
      <c r="C2437">
        <f t="shared" si="112"/>
        <v>5</v>
      </c>
      <c r="D2437">
        <f t="shared" si="113"/>
        <v>4</v>
      </c>
    </row>
    <row r="2438" spans="1:4" x14ac:dyDescent="0.25">
      <c r="A2438" s="7">
        <f t="shared" si="114"/>
        <v>44663.249999994106</v>
      </c>
      <c r="B2438" s="8">
        <v>-4.9800999999999998E-2</v>
      </c>
      <c r="C2438">
        <f t="shared" si="112"/>
        <v>6</v>
      </c>
      <c r="D2438">
        <f t="shared" si="113"/>
        <v>4</v>
      </c>
    </row>
    <row r="2439" spans="1:4" x14ac:dyDescent="0.25">
      <c r="A2439" s="7">
        <f t="shared" si="114"/>
        <v>44663.291666660771</v>
      </c>
      <c r="B2439" s="8">
        <v>0.81250442547734003</v>
      </c>
      <c r="C2439">
        <f t="shared" si="112"/>
        <v>7</v>
      </c>
      <c r="D2439">
        <f t="shared" si="113"/>
        <v>4</v>
      </c>
    </row>
    <row r="2440" spans="1:4" x14ac:dyDescent="0.25">
      <c r="A2440" s="7">
        <f t="shared" si="114"/>
        <v>44663.333333327435</v>
      </c>
      <c r="B2440" s="8">
        <v>1.9128402297672866</v>
      </c>
      <c r="C2440">
        <f t="shared" si="112"/>
        <v>8</v>
      </c>
      <c r="D2440">
        <f t="shared" si="113"/>
        <v>4</v>
      </c>
    </row>
    <row r="2441" spans="1:4" x14ac:dyDescent="0.25">
      <c r="A2441" s="7">
        <f t="shared" si="114"/>
        <v>44663.374999994099</v>
      </c>
      <c r="B2441" s="8">
        <v>2.0371664915620422</v>
      </c>
      <c r="C2441">
        <f t="shared" si="112"/>
        <v>9</v>
      </c>
      <c r="D2441">
        <f t="shared" si="113"/>
        <v>4</v>
      </c>
    </row>
    <row r="2442" spans="1:4" x14ac:dyDescent="0.25">
      <c r="A2442" s="7">
        <f t="shared" si="114"/>
        <v>44663.416666660763</v>
      </c>
      <c r="B2442" s="8">
        <v>6.0352009343763502</v>
      </c>
      <c r="C2442">
        <f t="shared" ref="C2442:C2505" si="115">HOUR(A2442)</f>
        <v>10</v>
      </c>
      <c r="D2442">
        <f t="shared" ref="D2442:D2505" si="116">MONTH(A2442)</f>
        <v>4</v>
      </c>
    </row>
    <row r="2443" spans="1:4" x14ac:dyDescent="0.25">
      <c r="A2443" s="7">
        <f t="shared" ref="A2443:A2506" si="117">+A2442+1/24</f>
        <v>44663.458333327428</v>
      </c>
      <c r="B2443" s="8">
        <v>5.1776926138305654</v>
      </c>
      <c r="C2443">
        <f t="shared" si="115"/>
        <v>11</v>
      </c>
      <c r="D2443">
        <f t="shared" si="116"/>
        <v>4</v>
      </c>
    </row>
    <row r="2444" spans="1:4" x14ac:dyDescent="0.25">
      <c r="A2444" s="7">
        <f t="shared" si="117"/>
        <v>44663.499999994092</v>
      </c>
      <c r="B2444" s="8">
        <v>4.0200071691948516</v>
      </c>
      <c r="C2444">
        <f t="shared" si="115"/>
        <v>12</v>
      </c>
      <c r="D2444">
        <f t="shared" si="116"/>
        <v>4</v>
      </c>
    </row>
    <row r="2445" spans="1:4" x14ac:dyDescent="0.25">
      <c r="A2445" s="7">
        <f t="shared" si="117"/>
        <v>44663.541666660756</v>
      </c>
      <c r="B2445" s="8">
        <v>4.1115608828575754</v>
      </c>
      <c r="C2445">
        <f t="shared" si="115"/>
        <v>13</v>
      </c>
      <c r="D2445">
        <f t="shared" si="116"/>
        <v>4</v>
      </c>
    </row>
    <row r="2446" spans="1:4" x14ac:dyDescent="0.25">
      <c r="A2446" s="7">
        <f t="shared" si="117"/>
        <v>44663.58333332742</v>
      </c>
      <c r="B2446" s="8">
        <v>3.199595860190704</v>
      </c>
      <c r="C2446">
        <f t="shared" si="115"/>
        <v>14</v>
      </c>
      <c r="D2446">
        <f t="shared" si="116"/>
        <v>4</v>
      </c>
    </row>
    <row r="2447" spans="1:4" x14ac:dyDescent="0.25">
      <c r="A2447" s="7">
        <f t="shared" si="117"/>
        <v>44663.624999994085</v>
      </c>
      <c r="B2447" s="8">
        <v>5.1832620609863103</v>
      </c>
      <c r="C2447">
        <f t="shared" si="115"/>
        <v>15</v>
      </c>
      <c r="D2447">
        <f t="shared" si="116"/>
        <v>4</v>
      </c>
    </row>
    <row r="2448" spans="1:4" x14ac:dyDescent="0.25">
      <c r="A2448" s="7">
        <f t="shared" si="117"/>
        <v>44663.666666660749</v>
      </c>
      <c r="B2448" s="8">
        <v>3.0582469191451302</v>
      </c>
      <c r="C2448">
        <f t="shared" si="115"/>
        <v>16</v>
      </c>
      <c r="D2448">
        <f t="shared" si="116"/>
        <v>4</v>
      </c>
    </row>
    <row r="2449" spans="1:4" x14ac:dyDescent="0.25">
      <c r="A2449" s="7">
        <f t="shared" si="117"/>
        <v>44663.708333327413</v>
      </c>
      <c r="B2449" s="8">
        <v>2.6816383053222013</v>
      </c>
      <c r="C2449">
        <f t="shared" si="115"/>
        <v>17</v>
      </c>
      <c r="D2449">
        <f t="shared" si="116"/>
        <v>4</v>
      </c>
    </row>
    <row r="2450" spans="1:4" x14ac:dyDescent="0.25">
      <c r="A2450" s="7">
        <f t="shared" si="117"/>
        <v>44663.749999994077</v>
      </c>
      <c r="B2450" s="8">
        <v>2.3189306358435857</v>
      </c>
      <c r="C2450">
        <f t="shared" si="115"/>
        <v>18</v>
      </c>
      <c r="D2450">
        <f t="shared" si="116"/>
        <v>4</v>
      </c>
    </row>
    <row r="2451" spans="1:4" x14ac:dyDescent="0.25">
      <c r="A2451" s="7">
        <f t="shared" si="117"/>
        <v>44663.791666660742</v>
      </c>
      <c r="B2451" s="8">
        <v>0.40504433115715038</v>
      </c>
      <c r="C2451">
        <f t="shared" si="115"/>
        <v>19</v>
      </c>
      <c r="D2451">
        <f t="shared" si="116"/>
        <v>4</v>
      </c>
    </row>
    <row r="2452" spans="1:4" x14ac:dyDescent="0.25">
      <c r="A2452" s="7">
        <f t="shared" si="117"/>
        <v>44663.833333327406</v>
      </c>
      <c r="B2452" s="8">
        <v>-4.9800999999999998E-2</v>
      </c>
      <c r="C2452">
        <f t="shared" si="115"/>
        <v>20</v>
      </c>
      <c r="D2452">
        <f t="shared" si="116"/>
        <v>4</v>
      </c>
    </row>
    <row r="2453" spans="1:4" x14ac:dyDescent="0.25">
      <c r="A2453" s="7">
        <f t="shared" si="117"/>
        <v>44663.87499999407</v>
      </c>
      <c r="B2453" s="8">
        <v>-4.9800999999999998E-2</v>
      </c>
      <c r="C2453">
        <f t="shared" si="115"/>
        <v>21</v>
      </c>
      <c r="D2453">
        <f t="shared" si="116"/>
        <v>4</v>
      </c>
    </row>
    <row r="2454" spans="1:4" x14ac:dyDescent="0.25">
      <c r="A2454" s="7">
        <f t="shared" si="117"/>
        <v>44663.916666660734</v>
      </c>
      <c r="B2454" s="8">
        <v>-4.9800999999999998E-2</v>
      </c>
      <c r="C2454">
        <f t="shared" si="115"/>
        <v>22</v>
      </c>
      <c r="D2454">
        <f t="shared" si="116"/>
        <v>4</v>
      </c>
    </row>
    <row r="2455" spans="1:4" x14ac:dyDescent="0.25">
      <c r="A2455" s="7">
        <f t="shared" si="117"/>
        <v>44663.958333327399</v>
      </c>
      <c r="B2455" s="8">
        <v>-4.9800999999999998E-2</v>
      </c>
      <c r="C2455">
        <f t="shared" si="115"/>
        <v>23</v>
      </c>
      <c r="D2455">
        <f t="shared" si="116"/>
        <v>4</v>
      </c>
    </row>
    <row r="2456" spans="1:4" x14ac:dyDescent="0.25">
      <c r="A2456" s="7">
        <f t="shared" si="117"/>
        <v>44663.999999994063</v>
      </c>
      <c r="B2456" s="8">
        <v>-4.9800999999999998E-2</v>
      </c>
      <c r="C2456">
        <f t="shared" si="115"/>
        <v>0</v>
      </c>
      <c r="D2456">
        <f t="shared" si="116"/>
        <v>4</v>
      </c>
    </row>
    <row r="2457" spans="1:4" x14ac:dyDescent="0.25">
      <c r="A2457" s="7">
        <f t="shared" si="117"/>
        <v>44664.041666660727</v>
      </c>
      <c r="B2457" s="8">
        <v>-4.9800999999999998E-2</v>
      </c>
      <c r="C2457">
        <f t="shared" si="115"/>
        <v>1</v>
      </c>
      <c r="D2457">
        <f t="shared" si="116"/>
        <v>4</v>
      </c>
    </row>
    <row r="2458" spans="1:4" x14ac:dyDescent="0.25">
      <c r="A2458" s="7">
        <f t="shared" si="117"/>
        <v>44664.083333327391</v>
      </c>
      <c r="B2458" s="8">
        <v>-4.9800999999999998E-2</v>
      </c>
      <c r="C2458">
        <f t="shared" si="115"/>
        <v>2</v>
      </c>
      <c r="D2458">
        <f t="shared" si="116"/>
        <v>4</v>
      </c>
    </row>
    <row r="2459" spans="1:4" x14ac:dyDescent="0.25">
      <c r="A2459" s="7">
        <f t="shared" si="117"/>
        <v>44664.124999994056</v>
      </c>
      <c r="B2459" s="8">
        <v>-4.9800999999999998E-2</v>
      </c>
      <c r="C2459">
        <f t="shared" si="115"/>
        <v>3</v>
      </c>
      <c r="D2459">
        <f t="shared" si="116"/>
        <v>4</v>
      </c>
    </row>
    <row r="2460" spans="1:4" x14ac:dyDescent="0.25">
      <c r="A2460" s="7">
        <f t="shared" si="117"/>
        <v>44664.16666666072</v>
      </c>
      <c r="B2460" s="8">
        <v>-4.9800999999999998E-2</v>
      </c>
      <c r="C2460">
        <f t="shared" si="115"/>
        <v>4</v>
      </c>
      <c r="D2460">
        <f t="shared" si="116"/>
        <v>4</v>
      </c>
    </row>
    <row r="2461" spans="1:4" x14ac:dyDescent="0.25">
      <c r="A2461" s="7">
        <f t="shared" si="117"/>
        <v>44664.208333327384</v>
      </c>
      <c r="B2461" s="8">
        <v>-4.9800999999999998E-2</v>
      </c>
      <c r="C2461">
        <f t="shared" si="115"/>
        <v>5</v>
      </c>
      <c r="D2461">
        <f t="shared" si="116"/>
        <v>4</v>
      </c>
    </row>
    <row r="2462" spans="1:4" x14ac:dyDescent="0.25">
      <c r="A2462" s="7">
        <f t="shared" si="117"/>
        <v>44664.249999994048</v>
      </c>
      <c r="B2462" s="8">
        <v>-4.9800999999999998E-2</v>
      </c>
      <c r="C2462">
        <f t="shared" si="115"/>
        <v>6</v>
      </c>
      <c r="D2462">
        <f t="shared" si="116"/>
        <v>4</v>
      </c>
    </row>
    <row r="2463" spans="1:4" x14ac:dyDescent="0.25">
      <c r="A2463" s="7">
        <f t="shared" si="117"/>
        <v>44664.291666660713</v>
      </c>
      <c r="B2463" s="8">
        <v>0.86388473978201419</v>
      </c>
      <c r="C2463">
        <f t="shared" si="115"/>
        <v>7</v>
      </c>
      <c r="D2463">
        <f t="shared" si="116"/>
        <v>4</v>
      </c>
    </row>
    <row r="2464" spans="1:4" x14ac:dyDescent="0.25">
      <c r="A2464" s="7">
        <f t="shared" si="117"/>
        <v>44664.333333327377</v>
      </c>
      <c r="B2464" s="8">
        <v>6.1176790463267343</v>
      </c>
      <c r="C2464">
        <f t="shared" si="115"/>
        <v>8</v>
      </c>
      <c r="D2464">
        <f t="shared" si="116"/>
        <v>4</v>
      </c>
    </row>
    <row r="2465" spans="1:4" x14ac:dyDescent="0.25">
      <c r="A2465" s="7">
        <f t="shared" si="117"/>
        <v>44664.374999994041</v>
      </c>
      <c r="B2465" s="8">
        <v>12.706974013295838</v>
      </c>
      <c r="C2465">
        <f t="shared" si="115"/>
        <v>9</v>
      </c>
      <c r="D2465">
        <f t="shared" si="116"/>
        <v>4</v>
      </c>
    </row>
    <row r="2466" spans="1:4" x14ac:dyDescent="0.25">
      <c r="A2466" s="7">
        <f t="shared" si="117"/>
        <v>44664.416666660705</v>
      </c>
      <c r="B2466" s="8">
        <v>18.674984988776632</v>
      </c>
      <c r="C2466">
        <f t="shared" si="115"/>
        <v>10</v>
      </c>
      <c r="D2466">
        <f t="shared" si="116"/>
        <v>4</v>
      </c>
    </row>
    <row r="2467" spans="1:4" x14ac:dyDescent="0.25">
      <c r="A2467" s="7">
        <f t="shared" si="117"/>
        <v>44664.458333327369</v>
      </c>
      <c r="B2467" s="8">
        <v>20.451281007816647</v>
      </c>
      <c r="C2467">
        <f t="shared" si="115"/>
        <v>11</v>
      </c>
      <c r="D2467">
        <f t="shared" si="116"/>
        <v>4</v>
      </c>
    </row>
    <row r="2468" spans="1:4" x14ac:dyDescent="0.25">
      <c r="A2468" s="7">
        <f t="shared" si="117"/>
        <v>44664.499999994034</v>
      </c>
      <c r="B2468" s="8">
        <v>20.451350059067465</v>
      </c>
      <c r="C2468">
        <f t="shared" si="115"/>
        <v>12</v>
      </c>
      <c r="D2468">
        <f t="shared" si="116"/>
        <v>4</v>
      </c>
    </row>
    <row r="2469" spans="1:4" x14ac:dyDescent="0.25">
      <c r="A2469" s="7">
        <f t="shared" si="117"/>
        <v>44664.541666660698</v>
      </c>
      <c r="B2469" s="8">
        <v>20.45135624276157</v>
      </c>
      <c r="C2469">
        <f t="shared" si="115"/>
        <v>13</v>
      </c>
      <c r="D2469">
        <f t="shared" si="116"/>
        <v>4</v>
      </c>
    </row>
    <row r="2470" spans="1:4" x14ac:dyDescent="0.25">
      <c r="A2470" s="7">
        <f t="shared" si="117"/>
        <v>44664.583333327362</v>
      </c>
      <c r="B2470" s="8">
        <v>20.45135624276157</v>
      </c>
      <c r="C2470">
        <f t="shared" si="115"/>
        <v>14</v>
      </c>
      <c r="D2470">
        <f t="shared" si="116"/>
        <v>4</v>
      </c>
    </row>
    <row r="2471" spans="1:4" x14ac:dyDescent="0.25">
      <c r="A2471" s="7">
        <f t="shared" si="117"/>
        <v>44664.624999994026</v>
      </c>
      <c r="B2471" s="8">
        <v>20.451295436436219</v>
      </c>
      <c r="C2471">
        <f t="shared" si="115"/>
        <v>15</v>
      </c>
      <c r="D2471">
        <f t="shared" si="116"/>
        <v>4</v>
      </c>
    </row>
    <row r="2472" spans="1:4" x14ac:dyDescent="0.25">
      <c r="A2472" s="7">
        <f t="shared" si="117"/>
        <v>44664.666666660691</v>
      </c>
      <c r="B2472" s="8">
        <v>18.14101269679616</v>
      </c>
      <c r="C2472">
        <f t="shared" si="115"/>
        <v>16</v>
      </c>
      <c r="D2472">
        <f t="shared" si="116"/>
        <v>4</v>
      </c>
    </row>
    <row r="2473" spans="1:4" x14ac:dyDescent="0.25">
      <c r="A2473" s="7">
        <f t="shared" si="117"/>
        <v>44664.708333327355</v>
      </c>
      <c r="B2473" s="8">
        <v>10.989256128496795</v>
      </c>
      <c r="C2473">
        <f t="shared" si="115"/>
        <v>17</v>
      </c>
      <c r="D2473">
        <f t="shared" si="116"/>
        <v>4</v>
      </c>
    </row>
    <row r="2474" spans="1:4" x14ac:dyDescent="0.25">
      <c r="A2474" s="7">
        <f t="shared" si="117"/>
        <v>44664.749999994019</v>
      </c>
      <c r="B2474" s="8">
        <v>6.0453019986941605</v>
      </c>
      <c r="C2474">
        <f t="shared" si="115"/>
        <v>18</v>
      </c>
      <c r="D2474">
        <f t="shared" si="116"/>
        <v>4</v>
      </c>
    </row>
    <row r="2475" spans="1:4" x14ac:dyDescent="0.25">
      <c r="A2475" s="7">
        <f t="shared" si="117"/>
        <v>44664.791666660683</v>
      </c>
      <c r="B2475" s="8">
        <v>0.85124114657204619</v>
      </c>
      <c r="C2475">
        <f t="shared" si="115"/>
        <v>19</v>
      </c>
      <c r="D2475">
        <f t="shared" si="116"/>
        <v>4</v>
      </c>
    </row>
    <row r="2476" spans="1:4" x14ac:dyDescent="0.25">
      <c r="A2476" s="7">
        <f t="shared" si="117"/>
        <v>44664.833333327348</v>
      </c>
      <c r="B2476" s="8">
        <v>-4.9800999999999998E-2</v>
      </c>
      <c r="C2476">
        <f t="shared" si="115"/>
        <v>20</v>
      </c>
      <c r="D2476">
        <f t="shared" si="116"/>
        <v>4</v>
      </c>
    </row>
    <row r="2477" spans="1:4" x14ac:dyDescent="0.25">
      <c r="A2477" s="7">
        <f t="shared" si="117"/>
        <v>44664.874999994012</v>
      </c>
      <c r="B2477" s="8">
        <v>-4.9800999999999998E-2</v>
      </c>
      <c r="C2477">
        <f t="shared" si="115"/>
        <v>21</v>
      </c>
      <c r="D2477">
        <f t="shared" si="116"/>
        <v>4</v>
      </c>
    </row>
    <row r="2478" spans="1:4" x14ac:dyDescent="0.25">
      <c r="A2478" s="7">
        <f t="shared" si="117"/>
        <v>44664.916666660676</v>
      </c>
      <c r="B2478" s="8">
        <v>-4.9800999999999998E-2</v>
      </c>
      <c r="C2478">
        <f t="shared" si="115"/>
        <v>22</v>
      </c>
      <c r="D2478">
        <f t="shared" si="116"/>
        <v>4</v>
      </c>
    </row>
    <row r="2479" spans="1:4" x14ac:dyDescent="0.25">
      <c r="A2479" s="7">
        <f t="shared" si="117"/>
        <v>44664.95833332734</v>
      </c>
      <c r="B2479" s="8">
        <v>-4.9800999999999998E-2</v>
      </c>
      <c r="C2479">
        <f t="shared" si="115"/>
        <v>23</v>
      </c>
      <c r="D2479">
        <f t="shared" si="116"/>
        <v>4</v>
      </c>
    </row>
    <row r="2480" spans="1:4" x14ac:dyDescent="0.25">
      <c r="A2480" s="7">
        <f t="shared" si="117"/>
        <v>44664.999999994005</v>
      </c>
      <c r="B2480" s="8">
        <v>-4.9800999999999998E-2</v>
      </c>
      <c r="C2480">
        <f t="shared" si="115"/>
        <v>0</v>
      </c>
      <c r="D2480">
        <f t="shared" si="116"/>
        <v>4</v>
      </c>
    </row>
    <row r="2481" spans="1:4" x14ac:dyDescent="0.25">
      <c r="A2481" s="7">
        <f t="shared" si="117"/>
        <v>44665.041666660669</v>
      </c>
      <c r="B2481" s="8">
        <v>-4.9800999999999998E-2</v>
      </c>
      <c r="C2481">
        <f t="shared" si="115"/>
        <v>1</v>
      </c>
      <c r="D2481">
        <f t="shared" si="116"/>
        <v>4</v>
      </c>
    </row>
    <row r="2482" spans="1:4" x14ac:dyDescent="0.25">
      <c r="A2482" s="7">
        <f t="shared" si="117"/>
        <v>44665.083333327333</v>
      </c>
      <c r="B2482" s="8">
        <v>-4.9800999999999998E-2</v>
      </c>
      <c r="C2482">
        <f t="shared" si="115"/>
        <v>2</v>
      </c>
      <c r="D2482">
        <f t="shared" si="116"/>
        <v>4</v>
      </c>
    </row>
    <row r="2483" spans="1:4" x14ac:dyDescent="0.25">
      <c r="A2483" s="7">
        <f t="shared" si="117"/>
        <v>44665.124999993997</v>
      </c>
      <c r="B2483" s="8">
        <v>-4.9800999999999998E-2</v>
      </c>
      <c r="C2483">
        <f t="shared" si="115"/>
        <v>3</v>
      </c>
      <c r="D2483">
        <f t="shared" si="116"/>
        <v>4</v>
      </c>
    </row>
    <row r="2484" spans="1:4" x14ac:dyDescent="0.25">
      <c r="A2484" s="7">
        <f t="shared" si="117"/>
        <v>44665.166666660662</v>
      </c>
      <c r="B2484" s="8">
        <v>-4.9800999999999998E-2</v>
      </c>
      <c r="C2484">
        <f t="shared" si="115"/>
        <v>4</v>
      </c>
      <c r="D2484">
        <f t="shared" si="116"/>
        <v>4</v>
      </c>
    </row>
    <row r="2485" spans="1:4" x14ac:dyDescent="0.25">
      <c r="A2485" s="7">
        <f t="shared" si="117"/>
        <v>44665.208333327326</v>
      </c>
      <c r="B2485" s="8">
        <v>-4.9800999999999998E-2</v>
      </c>
      <c r="C2485">
        <f t="shared" si="115"/>
        <v>5</v>
      </c>
      <c r="D2485">
        <f t="shared" si="116"/>
        <v>4</v>
      </c>
    </row>
    <row r="2486" spans="1:4" x14ac:dyDescent="0.25">
      <c r="A2486" s="7">
        <f t="shared" si="117"/>
        <v>44665.24999999399</v>
      </c>
      <c r="B2486" s="8">
        <v>-4.9800999999999998E-2</v>
      </c>
      <c r="C2486">
        <f t="shared" si="115"/>
        <v>6</v>
      </c>
      <c r="D2486">
        <f t="shared" si="116"/>
        <v>4</v>
      </c>
    </row>
    <row r="2487" spans="1:4" x14ac:dyDescent="0.25">
      <c r="A2487" s="7">
        <f t="shared" si="117"/>
        <v>44665.291666660654</v>
      </c>
      <c r="B2487" s="8">
        <v>0.8801839268227416</v>
      </c>
      <c r="C2487">
        <f t="shared" si="115"/>
        <v>7</v>
      </c>
      <c r="D2487">
        <f t="shared" si="116"/>
        <v>4</v>
      </c>
    </row>
    <row r="2488" spans="1:4" x14ac:dyDescent="0.25">
      <c r="A2488" s="7">
        <f t="shared" si="117"/>
        <v>44665.333333327319</v>
      </c>
      <c r="B2488" s="8">
        <v>6.1338411614815049</v>
      </c>
      <c r="C2488">
        <f t="shared" si="115"/>
        <v>8</v>
      </c>
      <c r="D2488">
        <f t="shared" si="116"/>
        <v>4</v>
      </c>
    </row>
    <row r="2489" spans="1:4" x14ac:dyDescent="0.25">
      <c r="A2489" s="7">
        <f t="shared" si="117"/>
        <v>44665.374999993983</v>
      </c>
      <c r="B2489" s="8">
        <v>12.797372406776921</v>
      </c>
      <c r="C2489">
        <f t="shared" si="115"/>
        <v>9</v>
      </c>
      <c r="D2489">
        <f t="shared" si="116"/>
        <v>4</v>
      </c>
    </row>
    <row r="2490" spans="1:4" x14ac:dyDescent="0.25">
      <c r="A2490" s="7">
        <f t="shared" si="117"/>
        <v>44665.416666660647</v>
      </c>
      <c r="B2490" s="8">
        <v>18.09495860434583</v>
      </c>
      <c r="C2490">
        <f t="shared" si="115"/>
        <v>10</v>
      </c>
      <c r="D2490">
        <f t="shared" si="116"/>
        <v>4</v>
      </c>
    </row>
    <row r="2491" spans="1:4" x14ac:dyDescent="0.25">
      <c r="A2491" s="7">
        <f t="shared" si="117"/>
        <v>44665.458333327311</v>
      </c>
      <c r="B2491" s="8">
        <v>20.451283069048014</v>
      </c>
      <c r="C2491">
        <f t="shared" si="115"/>
        <v>11</v>
      </c>
      <c r="D2491">
        <f t="shared" si="116"/>
        <v>4</v>
      </c>
    </row>
    <row r="2492" spans="1:4" x14ac:dyDescent="0.25">
      <c r="A2492" s="7">
        <f t="shared" si="117"/>
        <v>44665.499999993976</v>
      </c>
      <c r="B2492" s="8">
        <v>20.451350059067465</v>
      </c>
      <c r="C2492">
        <f t="shared" si="115"/>
        <v>12</v>
      </c>
      <c r="D2492">
        <f t="shared" si="116"/>
        <v>4</v>
      </c>
    </row>
    <row r="2493" spans="1:4" x14ac:dyDescent="0.25">
      <c r="A2493" s="7">
        <f t="shared" si="117"/>
        <v>44665.54166666064</v>
      </c>
      <c r="B2493" s="8">
        <v>20.451354181530199</v>
      </c>
      <c r="C2493">
        <f t="shared" si="115"/>
        <v>13</v>
      </c>
      <c r="D2493">
        <f t="shared" si="116"/>
        <v>4</v>
      </c>
    </row>
    <row r="2494" spans="1:4" x14ac:dyDescent="0.25">
      <c r="A2494" s="7">
        <f t="shared" si="117"/>
        <v>44665.583333327304</v>
      </c>
      <c r="B2494" s="8">
        <v>20.4512902833578</v>
      </c>
      <c r="C2494">
        <f t="shared" si="115"/>
        <v>14</v>
      </c>
      <c r="D2494">
        <f t="shared" si="116"/>
        <v>4</v>
      </c>
    </row>
    <row r="2495" spans="1:4" x14ac:dyDescent="0.25">
      <c r="A2495" s="7">
        <f t="shared" si="117"/>
        <v>44665.624999993968</v>
      </c>
      <c r="B2495" s="8">
        <v>20.451308834440109</v>
      </c>
      <c r="C2495">
        <f t="shared" si="115"/>
        <v>15</v>
      </c>
      <c r="D2495">
        <f t="shared" si="116"/>
        <v>4</v>
      </c>
    </row>
    <row r="2496" spans="1:4" x14ac:dyDescent="0.25">
      <c r="A2496" s="7">
        <f t="shared" si="117"/>
        <v>44665.666666660632</v>
      </c>
      <c r="B2496" s="8">
        <v>17.359338108886718</v>
      </c>
      <c r="C2496">
        <f t="shared" si="115"/>
        <v>16</v>
      </c>
      <c r="D2496">
        <f t="shared" si="116"/>
        <v>4</v>
      </c>
    </row>
    <row r="2497" spans="1:4" x14ac:dyDescent="0.25">
      <c r="A2497" s="7">
        <f t="shared" si="117"/>
        <v>44665.708333327297</v>
      </c>
      <c r="B2497" s="8">
        <v>10.928416823445373</v>
      </c>
      <c r="C2497">
        <f t="shared" si="115"/>
        <v>17</v>
      </c>
      <c r="D2497">
        <f t="shared" si="116"/>
        <v>4</v>
      </c>
    </row>
    <row r="2498" spans="1:4" x14ac:dyDescent="0.25">
      <c r="A2498" s="7">
        <f t="shared" si="117"/>
        <v>44665.749999993961</v>
      </c>
      <c r="B2498" s="8">
        <v>5.6282200763491694</v>
      </c>
      <c r="C2498">
        <f t="shared" si="115"/>
        <v>18</v>
      </c>
      <c r="D2498">
        <f t="shared" si="116"/>
        <v>4</v>
      </c>
    </row>
    <row r="2499" spans="1:4" x14ac:dyDescent="0.25">
      <c r="A2499" s="7">
        <f t="shared" si="117"/>
        <v>44665.791666660625</v>
      </c>
      <c r="B2499" s="8">
        <v>0.82027835958092576</v>
      </c>
      <c r="C2499">
        <f t="shared" si="115"/>
        <v>19</v>
      </c>
      <c r="D2499">
        <f t="shared" si="116"/>
        <v>4</v>
      </c>
    </row>
    <row r="2500" spans="1:4" x14ac:dyDescent="0.25">
      <c r="A2500" s="7">
        <f t="shared" si="117"/>
        <v>44665.833333327289</v>
      </c>
      <c r="B2500" s="8">
        <v>-4.9800999999999998E-2</v>
      </c>
      <c r="C2500">
        <f t="shared" si="115"/>
        <v>20</v>
      </c>
      <c r="D2500">
        <f t="shared" si="116"/>
        <v>4</v>
      </c>
    </row>
    <row r="2501" spans="1:4" x14ac:dyDescent="0.25">
      <c r="A2501" s="7">
        <f t="shared" si="117"/>
        <v>44665.874999993954</v>
      </c>
      <c r="B2501" s="8">
        <v>-4.9800999999999998E-2</v>
      </c>
      <c r="C2501">
        <f t="shared" si="115"/>
        <v>21</v>
      </c>
      <c r="D2501">
        <f t="shared" si="116"/>
        <v>4</v>
      </c>
    </row>
    <row r="2502" spans="1:4" x14ac:dyDescent="0.25">
      <c r="A2502" s="7">
        <f t="shared" si="117"/>
        <v>44665.916666660618</v>
      </c>
      <c r="B2502" s="8">
        <v>-4.9800999999999998E-2</v>
      </c>
      <c r="C2502">
        <f t="shared" si="115"/>
        <v>22</v>
      </c>
      <c r="D2502">
        <f t="shared" si="116"/>
        <v>4</v>
      </c>
    </row>
    <row r="2503" spans="1:4" x14ac:dyDescent="0.25">
      <c r="A2503" s="7">
        <f t="shared" si="117"/>
        <v>44665.958333327282</v>
      </c>
      <c r="B2503" s="8">
        <v>-4.9800999999999998E-2</v>
      </c>
      <c r="C2503">
        <f t="shared" si="115"/>
        <v>23</v>
      </c>
      <c r="D2503">
        <f t="shared" si="116"/>
        <v>4</v>
      </c>
    </row>
    <row r="2504" spans="1:4" x14ac:dyDescent="0.25">
      <c r="A2504" s="7">
        <f t="shared" si="117"/>
        <v>44665.999999993946</v>
      </c>
      <c r="B2504" s="8">
        <v>-4.9800999999999998E-2</v>
      </c>
      <c r="C2504">
        <f t="shared" si="115"/>
        <v>0</v>
      </c>
      <c r="D2504">
        <f t="shared" si="116"/>
        <v>4</v>
      </c>
    </row>
    <row r="2505" spans="1:4" x14ac:dyDescent="0.25">
      <c r="A2505" s="7">
        <f t="shared" si="117"/>
        <v>44666.041666660611</v>
      </c>
      <c r="B2505" s="8">
        <v>-4.9800999999999998E-2</v>
      </c>
      <c r="C2505">
        <f t="shared" si="115"/>
        <v>1</v>
      </c>
      <c r="D2505">
        <f t="shared" si="116"/>
        <v>4</v>
      </c>
    </row>
    <row r="2506" spans="1:4" x14ac:dyDescent="0.25">
      <c r="A2506" s="7">
        <f t="shared" si="117"/>
        <v>44666.083333327275</v>
      </c>
      <c r="B2506" s="8">
        <v>-4.9800999999999998E-2</v>
      </c>
      <c r="C2506">
        <f t="shared" ref="C2506:C2569" si="118">HOUR(A2506)</f>
        <v>2</v>
      </c>
      <c r="D2506">
        <f t="shared" ref="D2506:D2569" si="119">MONTH(A2506)</f>
        <v>4</v>
      </c>
    </row>
    <row r="2507" spans="1:4" x14ac:dyDescent="0.25">
      <c r="A2507" s="7">
        <f t="shared" ref="A2507:A2570" si="120">+A2506+1/24</f>
        <v>44666.124999993939</v>
      </c>
      <c r="B2507" s="8">
        <v>-4.9800999999999998E-2</v>
      </c>
      <c r="C2507">
        <f t="shared" si="118"/>
        <v>3</v>
      </c>
      <c r="D2507">
        <f t="shared" si="119"/>
        <v>4</v>
      </c>
    </row>
    <row r="2508" spans="1:4" x14ac:dyDescent="0.25">
      <c r="A2508" s="7">
        <f t="shared" si="120"/>
        <v>44666.166666660603</v>
      </c>
      <c r="B2508" s="8">
        <v>-4.9800999999999998E-2</v>
      </c>
      <c r="C2508">
        <f t="shared" si="118"/>
        <v>4</v>
      </c>
      <c r="D2508">
        <f t="shared" si="119"/>
        <v>4</v>
      </c>
    </row>
    <row r="2509" spans="1:4" x14ac:dyDescent="0.25">
      <c r="A2509" s="7">
        <f t="shared" si="120"/>
        <v>44666.208333327268</v>
      </c>
      <c r="B2509" s="8">
        <v>-4.9800999999999998E-2</v>
      </c>
      <c r="C2509">
        <f t="shared" si="118"/>
        <v>5</v>
      </c>
      <c r="D2509">
        <f t="shared" si="119"/>
        <v>4</v>
      </c>
    </row>
    <row r="2510" spans="1:4" x14ac:dyDescent="0.25">
      <c r="A2510" s="7">
        <f t="shared" si="120"/>
        <v>44666.249999993932</v>
      </c>
      <c r="B2510" s="8">
        <v>-4.9800999999999998E-2</v>
      </c>
      <c r="C2510">
        <f t="shared" si="118"/>
        <v>6</v>
      </c>
      <c r="D2510">
        <f t="shared" si="119"/>
        <v>4</v>
      </c>
    </row>
    <row r="2511" spans="1:4" x14ac:dyDescent="0.25">
      <c r="A2511" s="7">
        <f t="shared" si="120"/>
        <v>44666.291666660596</v>
      </c>
      <c r="B2511" s="8">
        <v>0.72967487357874916</v>
      </c>
      <c r="C2511">
        <f t="shared" si="118"/>
        <v>7</v>
      </c>
      <c r="D2511">
        <f t="shared" si="119"/>
        <v>4</v>
      </c>
    </row>
    <row r="2512" spans="1:4" x14ac:dyDescent="0.25">
      <c r="A2512" s="7">
        <f t="shared" si="120"/>
        <v>44666.33333332726</v>
      </c>
      <c r="B2512" s="8">
        <v>4.6979441048266164</v>
      </c>
      <c r="C2512">
        <f t="shared" si="118"/>
        <v>8</v>
      </c>
      <c r="D2512">
        <f t="shared" si="119"/>
        <v>4</v>
      </c>
    </row>
    <row r="2513" spans="1:4" x14ac:dyDescent="0.25">
      <c r="A2513" s="7">
        <f t="shared" si="120"/>
        <v>44666.374999993925</v>
      </c>
      <c r="B2513" s="8">
        <v>11.372773989864523</v>
      </c>
      <c r="C2513">
        <f t="shared" si="118"/>
        <v>9</v>
      </c>
      <c r="D2513">
        <f t="shared" si="119"/>
        <v>4</v>
      </c>
    </row>
    <row r="2514" spans="1:4" x14ac:dyDescent="0.25">
      <c r="A2514" s="7">
        <f t="shared" si="120"/>
        <v>44666.416666660589</v>
      </c>
      <c r="B2514" s="8">
        <v>13.280233375146219</v>
      </c>
      <c r="C2514">
        <f t="shared" si="118"/>
        <v>10</v>
      </c>
      <c r="D2514">
        <f t="shared" si="119"/>
        <v>4</v>
      </c>
    </row>
    <row r="2515" spans="1:4" x14ac:dyDescent="0.25">
      <c r="A2515" s="7">
        <f t="shared" si="120"/>
        <v>44666.458333327253</v>
      </c>
      <c r="B2515" s="8">
        <v>16.774855342238766</v>
      </c>
      <c r="C2515">
        <f t="shared" si="118"/>
        <v>11</v>
      </c>
      <c r="D2515">
        <f t="shared" si="119"/>
        <v>4</v>
      </c>
    </row>
    <row r="2516" spans="1:4" x14ac:dyDescent="0.25">
      <c r="A2516" s="7">
        <f t="shared" si="120"/>
        <v>44666.499999993917</v>
      </c>
      <c r="B2516" s="8">
        <v>20.111063433791884</v>
      </c>
      <c r="C2516">
        <f t="shared" si="118"/>
        <v>12</v>
      </c>
      <c r="D2516">
        <f t="shared" si="119"/>
        <v>4</v>
      </c>
    </row>
    <row r="2517" spans="1:4" x14ac:dyDescent="0.25">
      <c r="A2517" s="7">
        <f t="shared" si="120"/>
        <v>44666.541666660582</v>
      </c>
      <c r="B2517" s="8">
        <v>13.578052450551407</v>
      </c>
      <c r="C2517">
        <f t="shared" si="118"/>
        <v>13</v>
      </c>
      <c r="D2517">
        <f t="shared" si="119"/>
        <v>4</v>
      </c>
    </row>
    <row r="2518" spans="1:4" x14ac:dyDescent="0.25">
      <c r="A2518" s="7">
        <f t="shared" si="120"/>
        <v>44666.583333327246</v>
      </c>
      <c r="B2518" s="8">
        <v>12.408637568817337</v>
      </c>
      <c r="C2518">
        <f t="shared" si="118"/>
        <v>14</v>
      </c>
      <c r="D2518">
        <f t="shared" si="119"/>
        <v>4</v>
      </c>
    </row>
    <row r="2519" spans="1:4" x14ac:dyDescent="0.25">
      <c r="A2519" s="7">
        <f t="shared" si="120"/>
        <v>44666.62499999391</v>
      </c>
      <c r="B2519" s="8">
        <v>9.3246592678925122</v>
      </c>
      <c r="C2519">
        <f t="shared" si="118"/>
        <v>15</v>
      </c>
      <c r="D2519">
        <f t="shared" si="119"/>
        <v>4</v>
      </c>
    </row>
    <row r="2520" spans="1:4" x14ac:dyDescent="0.25">
      <c r="A2520" s="7">
        <f t="shared" si="120"/>
        <v>44666.666666660574</v>
      </c>
      <c r="B2520" s="8">
        <v>4.6375654849858954</v>
      </c>
      <c r="C2520">
        <f t="shared" si="118"/>
        <v>16</v>
      </c>
      <c r="D2520">
        <f t="shared" si="119"/>
        <v>4</v>
      </c>
    </row>
    <row r="2521" spans="1:4" x14ac:dyDescent="0.25">
      <c r="A2521" s="7">
        <f t="shared" si="120"/>
        <v>44666.708333327239</v>
      </c>
      <c r="B2521" s="8">
        <v>1.6066432794677523</v>
      </c>
      <c r="C2521">
        <f t="shared" si="118"/>
        <v>17</v>
      </c>
      <c r="D2521">
        <f t="shared" si="119"/>
        <v>4</v>
      </c>
    </row>
    <row r="2522" spans="1:4" x14ac:dyDescent="0.25">
      <c r="A2522" s="7">
        <f t="shared" si="120"/>
        <v>44666.749999993903</v>
      </c>
      <c r="B2522" s="8">
        <v>1.2399945356139406</v>
      </c>
      <c r="C2522">
        <f t="shared" si="118"/>
        <v>18</v>
      </c>
      <c r="D2522">
        <f t="shared" si="119"/>
        <v>4</v>
      </c>
    </row>
    <row r="2523" spans="1:4" x14ac:dyDescent="0.25">
      <c r="A2523" s="7">
        <f t="shared" si="120"/>
        <v>44666.791666660567</v>
      </c>
      <c r="B2523" s="8">
        <v>0.34459150698718877</v>
      </c>
      <c r="C2523">
        <f t="shared" si="118"/>
        <v>19</v>
      </c>
      <c r="D2523">
        <f t="shared" si="119"/>
        <v>4</v>
      </c>
    </row>
    <row r="2524" spans="1:4" x14ac:dyDescent="0.25">
      <c r="A2524" s="7">
        <f t="shared" si="120"/>
        <v>44666.833333327231</v>
      </c>
      <c r="B2524" s="8">
        <v>-4.9800999999999998E-2</v>
      </c>
      <c r="C2524">
        <f t="shared" si="118"/>
        <v>20</v>
      </c>
      <c r="D2524">
        <f t="shared" si="119"/>
        <v>4</v>
      </c>
    </row>
    <row r="2525" spans="1:4" x14ac:dyDescent="0.25">
      <c r="A2525" s="7">
        <f t="shared" si="120"/>
        <v>44666.874999993895</v>
      </c>
      <c r="B2525" s="8">
        <v>-4.9800999999999998E-2</v>
      </c>
      <c r="C2525">
        <f t="shared" si="118"/>
        <v>21</v>
      </c>
      <c r="D2525">
        <f t="shared" si="119"/>
        <v>4</v>
      </c>
    </row>
    <row r="2526" spans="1:4" x14ac:dyDescent="0.25">
      <c r="A2526" s="7">
        <f t="shared" si="120"/>
        <v>44666.91666666056</v>
      </c>
      <c r="B2526" s="8">
        <v>-4.9800999999999998E-2</v>
      </c>
      <c r="C2526">
        <f t="shared" si="118"/>
        <v>22</v>
      </c>
      <c r="D2526">
        <f t="shared" si="119"/>
        <v>4</v>
      </c>
    </row>
    <row r="2527" spans="1:4" x14ac:dyDescent="0.25">
      <c r="A2527" s="7">
        <f t="shared" si="120"/>
        <v>44666.958333327224</v>
      </c>
      <c r="B2527" s="8">
        <v>-4.9800999999999998E-2</v>
      </c>
      <c r="C2527">
        <f t="shared" si="118"/>
        <v>23</v>
      </c>
      <c r="D2527">
        <f t="shared" si="119"/>
        <v>4</v>
      </c>
    </row>
    <row r="2528" spans="1:4" x14ac:dyDescent="0.25">
      <c r="A2528" s="7">
        <f t="shared" si="120"/>
        <v>44666.999999993888</v>
      </c>
      <c r="B2528" s="8">
        <v>-4.9800999999999998E-2</v>
      </c>
      <c r="C2528">
        <f t="shared" si="118"/>
        <v>0</v>
      </c>
      <c r="D2528">
        <f t="shared" si="119"/>
        <v>4</v>
      </c>
    </row>
    <row r="2529" spans="1:4" x14ac:dyDescent="0.25">
      <c r="A2529" s="7">
        <f t="shared" si="120"/>
        <v>44667.041666660552</v>
      </c>
      <c r="B2529" s="8">
        <v>-4.9800999999999998E-2</v>
      </c>
      <c r="C2529">
        <f t="shared" si="118"/>
        <v>1</v>
      </c>
      <c r="D2529">
        <f t="shared" si="119"/>
        <v>4</v>
      </c>
    </row>
    <row r="2530" spans="1:4" x14ac:dyDescent="0.25">
      <c r="A2530" s="7">
        <f t="shared" si="120"/>
        <v>44667.083333327217</v>
      </c>
      <c r="B2530" s="8">
        <v>-4.9800999999999998E-2</v>
      </c>
      <c r="C2530">
        <f t="shared" si="118"/>
        <v>2</v>
      </c>
      <c r="D2530">
        <f t="shared" si="119"/>
        <v>4</v>
      </c>
    </row>
    <row r="2531" spans="1:4" x14ac:dyDescent="0.25">
      <c r="A2531" s="7">
        <f t="shared" si="120"/>
        <v>44667.124999993881</v>
      </c>
      <c r="B2531" s="8">
        <v>-4.9800999999999998E-2</v>
      </c>
      <c r="C2531">
        <f t="shared" si="118"/>
        <v>3</v>
      </c>
      <c r="D2531">
        <f t="shared" si="119"/>
        <v>4</v>
      </c>
    </row>
    <row r="2532" spans="1:4" x14ac:dyDescent="0.25">
      <c r="A2532" s="7">
        <f t="shared" si="120"/>
        <v>44667.166666660545</v>
      </c>
      <c r="B2532" s="8">
        <v>-4.9800999999999998E-2</v>
      </c>
      <c r="C2532">
        <f t="shared" si="118"/>
        <v>4</v>
      </c>
      <c r="D2532">
        <f t="shared" si="119"/>
        <v>4</v>
      </c>
    </row>
    <row r="2533" spans="1:4" x14ac:dyDescent="0.25">
      <c r="A2533" s="7">
        <f t="shared" si="120"/>
        <v>44667.208333327209</v>
      </c>
      <c r="B2533" s="8">
        <v>-4.9800999999999998E-2</v>
      </c>
      <c r="C2533">
        <f t="shared" si="118"/>
        <v>5</v>
      </c>
      <c r="D2533">
        <f t="shared" si="119"/>
        <v>4</v>
      </c>
    </row>
    <row r="2534" spans="1:4" x14ac:dyDescent="0.25">
      <c r="A2534" s="7">
        <f t="shared" si="120"/>
        <v>44667.249999993874</v>
      </c>
      <c r="B2534" s="8">
        <v>-4.9800999999999998E-2</v>
      </c>
      <c r="C2534">
        <f t="shared" si="118"/>
        <v>6</v>
      </c>
      <c r="D2534">
        <f t="shared" si="119"/>
        <v>4</v>
      </c>
    </row>
    <row r="2535" spans="1:4" x14ac:dyDescent="0.25">
      <c r="A2535" s="7">
        <f t="shared" si="120"/>
        <v>44667.291666660538</v>
      </c>
      <c r="B2535" s="8">
        <v>0.18880467082599342</v>
      </c>
      <c r="C2535">
        <f t="shared" si="118"/>
        <v>7</v>
      </c>
      <c r="D2535">
        <f t="shared" si="119"/>
        <v>4</v>
      </c>
    </row>
    <row r="2536" spans="1:4" x14ac:dyDescent="0.25">
      <c r="A2536" s="7">
        <f t="shared" si="120"/>
        <v>44667.333333327202</v>
      </c>
      <c r="B2536" s="8">
        <v>1.6539557536681111</v>
      </c>
      <c r="C2536">
        <f t="shared" si="118"/>
        <v>8</v>
      </c>
      <c r="D2536">
        <f t="shared" si="119"/>
        <v>4</v>
      </c>
    </row>
    <row r="2537" spans="1:4" x14ac:dyDescent="0.25">
      <c r="A2537" s="7">
        <f t="shared" si="120"/>
        <v>44667.374999993866</v>
      </c>
      <c r="B2537" s="8">
        <v>1.8430902215129492</v>
      </c>
      <c r="C2537">
        <f t="shared" si="118"/>
        <v>9</v>
      </c>
      <c r="D2537">
        <f t="shared" si="119"/>
        <v>4</v>
      </c>
    </row>
    <row r="2538" spans="1:4" x14ac:dyDescent="0.25">
      <c r="A2538" s="7">
        <f t="shared" si="120"/>
        <v>44667.416666660531</v>
      </c>
      <c r="B2538" s="8">
        <v>4.3615243495969951</v>
      </c>
      <c r="C2538">
        <f t="shared" si="118"/>
        <v>10</v>
      </c>
      <c r="D2538">
        <f t="shared" si="119"/>
        <v>4</v>
      </c>
    </row>
    <row r="2539" spans="1:4" x14ac:dyDescent="0.25">
      <c r="A2539" s="7">
        <f t="shared" si="120"/>
        <v>44667.458333327195</v>
      </c>
      <c r="B2539" s="8">
        <v>14.378510009299752</v>
      </c>
      <c r="C2539">
        <f t="shared" si="118"/>
        <v>11</v>
      </c>
      <c r="D2539">
        <f t="shared" si="119"/>
        <v>4</v>
      </c>
    </row>
    <row r="2540" spans="1:4" x14ac:dyDescent="0.25">
      <c r="A2540" s="7">
        <f t="shared" si="120"/>
        <v>44667.499999993859</v>
      </c>
      <c r="B2540" s="8">
        <v>20.451343875373361</v>
      </c>
      <c r="C2540">
        <f t="shared" si="118"/>
        <v>12</v>
      </c>
      <c r="D2540">
        <f t="shared" si="119"/>
        <v>4</v>
      </c>
    </row>
    <row r="2541" spans="1:4" x14ac:dyDescent="0.25">
      <c r="A2541" s="7">
        <f t="shared" si="120"/>
        <v>44667.541666660523</v>
      </c>
      <c r="B2541" s="8">
        <v>13.407558728581096</v>
      </c>
      <c r="C2541">
        <f t="shared" si="118"/>
        <v>13</v>
      </c>
      <c r="D2541">
        <f t="shared" si="119"/>
        <v>4</v>
      </c>
    </row>
    <row r="2542" spans="1:4" x14ac:dyDescent="0.25">
      <c r="A2542" s="7">
        <f t="shared" si="120"/>
        <v>44667.583333327188</v>
      </c>
      <c r="B2542" s="8">
        <v>14.47671634720199</v>
      </c>
      <c r="C2542">
        <f t="shared" si="118"/>
        <v>14</v>
      </c>
      <c r="D2542">
        <f t="shared" si="119"/>
        <v>4</v>
      </c>
    </row>
    <row r="2543" spans="1:4" x14ac:dyDescent="0.25">
      <c r="A2543" s="7">
        <f t="shared" si="120"/>
        <v>44667.624999993852</v>
      </c>
      <c r="B2543" s="8">
        <v>3.169028829622198</v>
      </c>
      <c r="C2543">
        <f t="shared" si="118"/>
        <v>15</v>
      </c>
      <c r="D2543">
        <f t="shared" si="119"/>
        <v>4</v>
      </c>
    </row>
    <row r="2544" spans="1:4" x14ac:dyDescent="0.25">
      <c r="A2544" s="7">
        <f t="shared" si="120"/>
        <v>44667.666666660516</v>
      </c>
      <c r="B2544" s="8">
        <v>4.1021338411970296</v>
      </c>
      <c r="C2544">
        <f t="shared" si="118"/>
        <v>16</v>
      </c>
      <c r="D2544">
        <f t="shared" si="119"/>
        <v>4</v>
      </c>
    </row>
    <row r="2545" spans="1:4" x14ac:dyDescent="0.25">
      <c r="A2545" s="7">
        <f t="shared" si="120"/>
        <v>44667.70833332718</v>
      </c>
      <c r="B2545" s="8">
        <v>3.5639380861439691</v>
      </c>
      <c r="C2545">
        <f t="shared" si="118"/>
        <v>17</v>
      </c>
      <c r="D2545">
        <f t="shared" si="119"/>
        <v>4</v>
      </c>
    </row>
    <row r="2546" spans="1:4" x14ac:dyDescent="0.25">
      <c r="A2546" s="7">
        <f t="shared" si="120"/>
        <v>44667.749999993845</v>
      </c>
      <c r="B2546" s="8">
        <v>1.2589248844956402</v>
      </c>
      <c r="C2546">
        <f t="shared" si="118"/>
        <v>18</v>
      </c>
      <c r="D2546">
        <f t="shared" si="119"/>
        <v>4</v>
      </c>
    </row>
    <row r="2547" spans="1:4" x14ac:dyDescent="0.25">
      <c r="A2547" s="7">
        <f t="shared" si="120"/>
        <v>44667.791666660509</v>
      </c>
      <c r="B2547" s="8">
        <v>0.64372873985207346</v>
      </c>
      <c r="C2547">
        <f t="shared" si="118"/>
        <v>19</v>
      </c>
      <c r="D2547">
        <f t="shared" si="119"/>
        <v>4</v>
      </c>
    </row>
    <row r="2548" spans="1:4" x14ac:dyDescent="0.25">
      <c r="A2548" s="7">
        <f t="shared" si="120"/>
        <v>44667.833333327173</v>
      </c>
      <c r="B2548" s="8">
        <v>-4.9800999999999998E-2</v>
      </c>
      <c r="C2548">
        <f t="shared" si="118"/>
        <v>20</v>
      </c>
      <c r="D2548">
        <f t="shared" si="119"/>
        <v>4</v>
      </c>
    </row>
    <row r="2549" spans="1:4" x14ac:dyDescent="0.25">
      <c r="A2549" s="7">
        <f t="shared" si="120"/>
        <v>44667.874999993837</v>
      </c>
      <c r="B2549" s="8">
        <v>-4.9800999999999998E-2</v>
      </c>
      <c r="C2549">
        <f t="shared" si="118"/>
        <v>21</v>
      </c>
      <c r="D2549">
        <f t="shared" si="119"/>
        <v>4</v>
      </c>
    </row>
    <row r="2550" spans="1:4" x14ac:dyDescent="0.25">
      <c r="A2550" s="7">
        <f t="shared" si="120"/>
        <v>44667.916666660502</v>
      </c>
      <c r="B2550" s="8">
        <v>-4.9800999999999998E-2</v>
      </c>
      <c r="C2550">
        <f t="shared" si="118"/>
        <v>22</v>
      </c>
      <c r="D2550">
        <f t="shared" si="119"/>
        <v>4</v>
      </c>
    </row>
    <row r="2551" spans="1:4" x14ac:dyDescent="0.25">
      <c r="A2551" s="7">
        <f t="shared" si="120"/>
        <v>44667.958333327166</v>
      </c>
      <c r="B2551" s="8">
        <v>-4.9800999999999998E-2</v>
      </c>
      <c r="C2551">
        <f t="shared" si="118"/>
        <v>23</v>
      </c>
      <c r="D2551">
        <f t="shared" si="119"/>
        <v>4</v>
      </c>
    </row>
    <row r="2552" spans="1:4" x14ac:dyDescent="0.25">
      <c r="A2552" s="7">
        <f t="shared" si="120"/>
        <v>44667.99999999383</v>
      </c>
      <c r="B2552" s="8">
        <v>-4.9800999999999998E-2</v>
      </c>
      <c r="C2552">
        <f t="shared" si="118"/>
        <v>0</v>
      </c>
      <c r="D2552">
        <f t="shared" si="119"/>
        <v>4</v>
      </c>
    </row>
    <row r="2553" spans="1:4" x14ac:dyDescent="0.25">
      <c r="A2553" s="7">
        <f t="shared" si="120"/>
        <v>44668.041666660494</v>
      </c>
      <c r="B2553" s="8">
        <v>-4.9800999999999998E-2</v>
      </c>
      <c r="C2553">
        <f t="shared" si="118"/>
        <v>1</v>
      </c>
      <c r="D2553">
        <f t="shared" si="119"/>
        <v>4</v>
      </c>
    </row>
    <row r="2554" spans="1:4" x14ac:dyDescent="0.25">
      <c r="A2554" s="7">
        <f t="shared" si="120"/>
        <v>44668.083333327158</v>
      </c>
      <c r="B2554" s="8">
        <v>-4.9800999999999998E-2</v>
      </c>
      <c r="C2554">
        <f t="shared" si="118"/>
        <v>2</v>
      </c>
      <c r="D2554">
        <f t="shared" si="119"/>
        <v>4</v>
      </c>
    </row>
    <row r="2555" spans="1:4" x14ac:dyDescent="0.25">
      <c r="A2555" s="7">
        <f t="shared" si="120"/>
        <v>44668.124999993823</v>
      </c>
      <c r="B2555" s="8">
        <v>-4.9800999999999998E-2</v>
      </c>
      <c r="C2555">
        <f t="shared" si="118"/>
        <v>3</v>
      </c>
      <c r="D2555">
        <f t="shared" si="119"/>
        <v>4</v>
      </c>
    </row>
    <row r="2556" spans="1:4" x14ac:dyDescent="0.25">
      <c r="A2556" s="7">
        <f t="shared" si="120"/>
        <v>44668.166666660487</v>
      </c>
      <c r="B2556" s="8">
        <v>-4.9800999999999998E-2</v>
      </c>
      <c r="C2556">
        <f t="shared" si="118"/>
        <v>4</v>
      </c>
      <c r="D2556">
        <f t="shared" si="119"/>
        <v>4</v>
      </c>
    </row>
    <row r="2557" spans="1:4" x14ac:dyDescent="0.25">
      <c r="A2557" s="7">
        <f t="shared" si="120"/>
        <v>44668.208333327151</v>
      </c>
      <c r="B2557" s="8">
        <v>-4.9800999999999998E-2</v>
      </c>
      <c r="C2557">
        <f t="shared" si="118"/>
        <v>5</v>
      </c>
      <c r="D2557">
        <f t="shared" si="119"/>
        <v>4</v>
      </c>
    </row>
    <row r="2558" spans="1:4" x14ac:dyDescent="0.25">
      <c r="A2558" s="7">
        <f t="shared" si="120"/>
        <v>44668.249999993815</v>
      </c>
      <c r="B2558" s="8">
        <v>-4.9800999999999998E-2</v>
      </c>
      <c r="C2558">
        <f t="shared" si="118"/>
        <v>6</v>
      </c>
      <c r="D2558">
        <f t="shared" si="119"/>
        <v>4</v>
      </c>
    </row>
    <row r="2559" spans="1:4" x14ac:dyDescent="0.25">
      <c r="A2559" s="7">
        <f t="shared" si="120"/>
        <v>44668.29166666048</v>
      </c>
      <c r="B2559" s="8">
        <v>0.99307859945178445</v>
      </c>
      <c r="C2559">
        <f t="shared" si="118"/>
        <v>7</v>
      </c>
      <c r="D2559">
        <f t="shared" si="119"/>
        <v>4</v>
      </c>
    </row>
    <row r="2560" spans="1:4" x14ac:dyDescent="0.25">
      <c r="A2560" s="7">
        <f t="shared" si="120"/>
        <v>44668.333333327144</v>
      </c>
      <c r="B2560" s="8">
        <v>6.3568024973029944</v>
      </c>
      <c r="C2560">
        <f t="shared" si="118"/>
        <v>8</v>
      </c>
      <c r="D2560">
        <f t="shared" si="119"/>
        <v>4</v>
      </c>
    </row>
    <row r="2561" spans="1:4" x14ac:dyDescent="0.25">
      <c r="A2561" s="7">
        <f t="shared" si="120"/>
        <v>44668.374999993808</v>
      </c>
      <c r="B2561" s="8">
        <v>13.221928354061484</v>
      </c>
      <c r="C2561">
        <f t="shared" si="118"/>
        <v>9</v>
      </c>
      <c r="D2561">
        <f t="shared" si="119"/>
        <v>4</v>
      </c>
    </row>
    <row r="2562" spans="1:4" x14ac:dyDescent="0.25">
      <c r="A2562" s="7">
        <f t="shared" si="120"/>
        <v>44668.416666660472</v>
      </c>
      <c r="B2562" s="8">
        <v>19.056933222457801</v>
      </c>
      <c r="C2562">
        <f t="shared" si="118"/>
        <v>10</v>
      </c>
      <c r="D2562">
        <f t="shared" si="119"/>
        <v>4</v>
      </c>
    </row>
    <row r="2563" spans="1:4" x14ac:dyDescent="0.25">
      <c r="A2563" s="7">
        <f t="shared" si="120"/>
        <v>44668.458333327137</v>
      </c>
      <c r="B2563" s="8">
        <v>20.451291313973485</v>
      </c>
      <c r="C2563">
        <f t="shared" si="118"/>
        <v>11</v>
      </c>
      <c r="D2563">
        <f t="shared" si="119"/>
        <v>4</v>
      </c>
    </row>
    <row r="2564" spans="1:4" x14ac:dyDescent="0.25">
      <c r="A2564" s="7">
        <f t="shared" si="120"/>
        <v>44668.499999993801</v>
      </c>
      <c r="B2564" s="8">
        <v>20.451345936604728</v>
      </c>
      <c r="C2564">
        <f t="shared" si="118"/>
        <v>12</v>
      </c>
      <c r="D2564">
        <f t="shared" si="119"/>
        <v>4</v>
      </c>
    </row>
    <row r="2565" spans="1:4" x14ac:dyDescent="0.25">
      <c r="A2565" s="7">
        <f t="shared" si="120"/>
        <v>44668.541666660465</v>
      </c>
      <c r="B2565" s="8">
        <v>20.451353150914514</v>
      </c>
      <c r="C2565">
        <f t="shared" si="118"/>
        <v>13</v>
      </c>
      <c r="D2565">
        <f t="shared" si="119"/>
        <v>4</v>
      </c>
    </row>
    <row r="2566" spans="1:4" x14ac:dyDescent="0.25">
      <c r="A2566" s="7">
        <f t="shared" si="120"/>
        <v>44668.583333327129</v>
      </c>
      <c r="B2566" s="8">
        <v>20.451357273377251</v>
      </c>
      <c r="C2566">
        <f t="shared" si="118"/>
        <v>14</v>
      </c>
      <c r="D2566">
        <f t="shared" si="119"/>
        <v>4</v>
      </c>
    </row>
    <row r="2567" spans="1:4" x14ac:dyDescent="0.25">
      <c r="A2567" s="7">
        <f t="shared" si="120"/>
        <v>44668.624999993794</v>
      </c>
      <c r="B2567" s="8">
        <v>20.451291313973485</v>
      </c>
      <c r="C2567">
        <f t="shared" si="118"/>
        <v>15</v>
      </c>
      <c r="D2567">
        <f t="shared" si="119"/>
        <v>4</v>
      </c>
    </row>
    <row r="2568" spans="1:4" x14ac:dyDescent="0.25">
      <c r="A2568" s="7">
        <f t="shared" si="120"/>
        <v>44668.666666660458</v>
      </c>
      <c r="B2568" s="8">
        <v>18.260160114779364</v>
      </c>
      <c r="C2568">
        <f t="shared" si="118"/>
        <v>16</v>
      </c>
      <c r="D2568">
        <f t="shared" si="119"/>
        <v>4</v>
      </c>
    </row>
    <row r="2569" spans="1:4" x14ac:dyDescent="0.25">
      <c r="A2569" s="7">
        <f t="shared" si="120"/>
        <v>44668.708333327122</v>
      </c>
      <c r="B2569" s="8">
        <v>12.52917734858948</v>
      </c>
      <c r="C2569">
        <f t="shared" si="118"/>
        <v>17</v>
      </c>
      <c r="D2569">
        <f t="shared" si="119"/>
        <v>4</v>
      </c>
    </row>
    <row r="2570" spans="1:4" x14ac:dyDescent="0.25">
      <c r="A2570" s="7">
        <f t="shared" si="120"/>
        <v>44668.749999993786</v>
      </c>
      <c r="B2570" s="8">
        <v>5.9665196745862072</v>
      </c>
      <c r="C2570">
        <f t="shared" ref="C2570:C2633" si="121">HOUR(A2570)</f>
        <v>18</v>
      </c>
      <c r="D2570">
        <f t="shared" ref="D2570:D2633" si="122">MONTH(A2570)</f>
        <v>4</v>
      </c>
    </row>
    <row r="2571" spans="1:4" x14ac:dyDescent="0.25">
      <c r="A2571" s="7">
        <f t="shared" ref="A2571:A2634" si="123">+A2570+1/24</f>
        <v>44668.791666660451</v>
      </c>
      <c r="B2571" s="8">
        <v>0.91808069613507703</v>
      </c>
      <c r="C2571">
        <f t="shared" si="121"/>
        <v>19</v>
      </c>
      <c r="D2571">
        <f t="shared" si="122"/>
        <v>4</v>
      </c>
    </row>
    <row r="2572" spans="1:4" x14ac:dyDescent="0.25">
      <c r="A2572" s="7">
        <f t="shared" si="123"/>
        <v>44668.833333327115</v>
      </c>
      <c r="B2572" s="8">
        <v>-4.9800999999999998E-2</v>
      </c>
      <c r="C2572">
        <f t="shared" si="121"/>
        <v>20</v>
      </c>
      <c r="D2572">
        <f t="shared" si="122"/>
        <v>4</v>
      </c>
    </row>
    <row r="2573" spans="1:4" x14ac:dyDescent="0.25">
      <c r="A2573" s="7">
        <f t="shared" si="123"/>
        <v>44668.874999993779</v>
      </c>
      <c r="B2573" s="8">
        <v>-4.9800999999999998E-2</v>
      </c>
      <c r="C2573">
        <f t="shared" si="121"/>
        <v>21</v>
      </c>
      <c r="D2573">
        <f t="shared" si="122"/>
        <v>4</v>
      </c>
    </row>
    <row r="2574" spans="1:4" x14ac:dyDescent="0.25">
      <c r="A2574" s="7">
        <f t="shared" si="123"/>
        <v>44668.916666660443</v>
      </c>
      <c r="B2574" s="8">
        <v>-4.9800999999999998E-2</v>
      </c>
      <c r="C2574">
        <f t="shared" si="121"/>
        <v>22</v>
      </c>
      <c r="D2574">
        <f t="shared" si="122"/>
        <v>4</v>
      </c>
    </row>
    <row r="2575" spans="1:4" x14ac:dyDescent="0.25">
      <c r="A2575" s="7">
        <f t="shared" si="123"/>
        <v>44668.958333327108</v>
      </c>
      <c r="B2575" s="8">
        <v>-4.9800999999999998E-2</v>
      </c>
      <c r="C2575">
        <f t="shared" si="121"/>
        <v>23</v>
      </c>
      <c r="D2575">
        <f t="shared" si="122"/>
        <v>4</v>
      </c>
    </row>
    <row r="2576" spans="1:4" x14ac:dyDescent="0.25">
      <c r="A2576" s="7">
        <f t="shared" si="123"/>
        <v>44668.999999993772</v>
      </c>
      <c r="B2576" s="8">
        <v>-4.9800999999999998E-2</v>
      </c>
      <c r="C2576">
        <f t="shared" si="121"/>
        <v>0</v>
      </c>
      <c r="D2576">
        <f t="shared" si="122"/>
        <v>4</v>
      </c>
    </row>
    <row r="2577" spans="1:4" x14ac:dyDescent="0.25">
      <c r="A2577" s="7">
        <f t="shared" si="123"/>
        <v>44669.041666660436</v>
      </c>
      <c r="B2577" s="8">
        <v>-4.9800999999999998E-2</v>
      </c>
      <c r="C2577">
        <f t="shared" si="121"/>
        <v>1</v>
      </c>
      <c r="D2577">
        <f t="shared" si="122"/>
        <v>4</v>
      </c>
    </row>
    <row r="2578" spans="1:4" x14ac:dyDescent="0.25">
      <c r="A2578" s="7">
        <f t="shared" si="123"/>
        <v>44669.0833333271</v>
      </c>
      <c r="B2578" s="8">
        <v>-4.9800999999999998E-2</v>
      </c>
      <c r="C2578">
        <f t="shared" si="121"/>
        <v>2</v>
      </c>
      <c r="D2578">
        <f t="shared" si="122"/>
        <v>4</v>
      </c>
    </row>
    <row r="2579" spans="1:4" x14ac:dyDescent="0.25">
      <c r="A2579" s="7">
        <f t="shared" si="123"/>
        <v>44669.124999993765</v>
      </c>
      <c r="B2579" s="8">
        <v>-4.9800999999999998E-2</v>
      </c>
      <c r="C2579">
        <f t="shared" si="121"/>
        <v>3</v>
      </c>
      <c r="D2579">
        <f t="shared" si="122"/>
        <v>4</v>
      </c>
    </row>
    <row r="2580" spans="1:4" x14ac:dyDescent="0.25">
      <c r="A2580" s="7">
        <f t="shared" si="123"/>
        <v>44669.166666660429</v>
      </c>
      <c r="B2580" s="8">
        <v>-4.9800999999999998E-2</v>
      </c>
      <c r="C2580">
        <f t="shared" si="121"/>
        <v>4</v>
      </c>
      <c r="D2580">
        <f t="shared" si="122"/>
        <v>4</v>
      </c>
    </row>
    <row r="2581" spans="1:4" x14ac:dyDescent="0.25">
      <c r="A2581" s="7">
        <f t="shared" si="123"/>
        <v>44669.208333327093</v>
      </c>
      <c r="B2581" s="8">
        <v>-4.9800999999999998E-2</v>
      </c>
      <c r="C2581">
        <f t="shared" si="121"/>
        <v>5</v>
      </c>
      <c r="D2581">
        <f t="shared" si="122"/>
        <v>4</v>
      </c>
    </row>
    <row r="2582" spans="1:4" x14ac:dyDescent="0.25">
      <c r="A2582" s="7">
        <f t="shared" si="123"/>
        <v>44669.249999993757</v>
      </c>
      <c r="B2582" s="8">
        <v>-4.9800999999999998E-2</v>
      </c>
      <c r="C2582">
        <f t="shared" si="121"/>
        <v>6</v>
      </c>
      <c r="D2582">
        <f t="shared" si="122"/>
        <v>4</v>
      </c>
    </row>
    <row r="2583" spans="1:4" x14ac:dyDescent="0.25">
      <c r="A2583" s="7">
        <f t="shared" si="123"/>
        <v>44669.291666660421</v>
      </c>
      <c r="B2583" s="8">
        <v>0.53812155072381995</v>
      </c>
      <c r="C2583">
        <f t="shared" si="121"/>
        <v>7</v>
      </c>
      <c r="D2583">
        <f t="shared" si="122"/>
        <v>4</v>
      </c>
    </row>
    <row r="2584" spans="1:4" x14ac:dyDescent="0.25">
      <c r="A2584" s="7">
        <f t="shared" si="123"/>
        <v>44669.333333327086</v>
      </c>
      <c r="B2584" s="8">
        <v>4.1862310503868061</v>
      </c>
      <c r="C2584">
        <f t="shared" si="121"/>
        <v>8</v>
      </c>
      <c r="D2584">
        <f t="shared" si="122"/>
        <v>4</v>
      </c>
    </row>
    <row r="2585" spans="1:4" x14ac:dyDescent="0.25">
      <c r="A2585" s="7">
        <f t="shared" si="123"/>
        <v>44669.37499999375</v>
      </c>
      <c r="B2585" s="8">
        <v>7.4826429479221774</v>
      </c>
      <c r="C2585">
        <f t="shared" si="121"/>
        <v>9</v>
      </c>
      <c r="D2585">
        <f t="shared" si="122"/>
        <v>4</v>
      </c>
    </row>
    <row r="2586" spans="1:4" x14ac:dyDescent="0.25">
      <c r="A2586" s="7">
        <f t="shared" si="123"/>
        <v>44669.416666660414</v>
      </c>
      <c r="B2586" s="8">
        <v>10.601832233687118</v>
      </c>
      <c r="C2586">
        <f t="shared" si="121"/>
        <v>10</v>
      </c>
      <c r="D2586">
        <f t="shared" si="122"/>
        <v>4</v>
      </c>
    </row>
    <row r="2587" spans="1:4" x14ac:dyDescent="0.25">
      <c r="A2587" s="7">
        <f t="shared" si="123"/>
        <v>44669.458333327078</v>
      </c>
      <c r="B2587" s="8">
        <v>18.986636987891004</v>
      </c>
      <c r="C2587">
        <f t="shared" si="121"/>
        <v>11</v>
      </c>
      <c r="D2587">
        <f t="shared" si="122"/>
        <v>4</v>
      </c>
    </row>
    <row r="2588" spans="1:4" x14ac:dyDescent="0.25">
      <c r="A2588" s="7">
        <f t="shared" si="123"/>
        <v>44669.499999993743</v>
      </c>
      <c r="B2588" s="8">
        <v>10.310790487019192</v>
      </c>
      <c r="C2588">
        <f t="shared" si="121"/>
        <v>12</v>
      </c>
      <c r="D2588">
        <f t="shared" si="122"/>
        <v>4</v>
      </c>
    </row>
    <row r="2589" spans="1:4" x14ac:dyDescent="0.25">
      <c r="A2589" s="7">
        <f t="shared" si="123"/>
        <v>44669.541666660407</v>
      </c>
      <c r="B2589" s="8">
        <v>10.848637893971096</v>
      </c>
      <c r="C2589">
        <f t="shared" si="121"/>
        <v>13</v>
      </c>
      <c r="D2589">
        <f t="shared" si="122"/>
        <v>4</v>
      </c>
    </row>
    <row r="2590" spans="1:4" x14ac:dyDescent="0.25">
      <c r="A2590" s="7">
        <f t="shared" si="123"/>
        <v>44669.583333327071</v>
      </c>
      <c r="B2590" s="8">
        <v>10.653019822858903</v>
      </c>
      <c r="C2590">
        <f t="shared" si="121"/>
        <v>14</v>
      </c>
      <c r="D2590">
        <f t="shared" si="122"/>
        <v>4</v>
      </c>
    </row>
    <row r="2591" spans="1:4" x14ac:dyDescent="0.25">
      <c r="A2591" s="7">
        <f t="shared" si="123"/>
        <v>44669.624999993735</v>
      </c>
      <c r="B2591" s="8">
        <v>12.873123690158552</v>
      </c>
      <c r="C2591">
        <f t="shared" si="121"/>
        <v>15</v>
      </c>
      <c r="D2591">
        <f t="shared" si="122"/>
        <v>4</v>
      </c>
    </row>
    <row r="2592" spans="1:4" x14ac:dyDescent="0.25">
      <c r="A2592" s="7">
        <f t="shared" si="123"/>
        <v>44669.6666666604</v>
      </c>
      <c r="B2592" s="8">
        <v>7.4534528199073495</v>
      </c>
      <c r="C2592">
        <f t="shared" si="121"/>
        <v>16</v>
      </c>
      <c r="D2592">
        <f t="shared" si="122"/>
        <v>4</v>
      </c>
    </row>
    <row r="2593" spans="1:4" x14ac:dyDescent="0.25">
      <c r="A2593" s="7">
        <f t="shared" si="123"/>
        <v>44669.708333327064</v>
      </c>
      <c r="B2593" s="8">
        <v>7.7774041865932642</v>
      </c>
      <c r="C2593">
        <f t="shared" si="121"/>
        <v>17</v>
      </c>
      <c r="D2593">
        <f t="shared" si="122"/>
        <v>4</v>
      </c>
    </row>
    <row r="2594" spans="1:4" x14ac:dyDescent="0.25">
      <c r="A2594" s="7">
        <f t="shared" si="123"/>
        <v>44669.749999993728</v>
      </c>
      <c r="B2594" s="8">
        <v>1.4412026661955553</v>
      </c>
      <c r="C2594">
        <f t="shared" si="121"/>
        <v>18</v>
      </c>
      <c r="D2594">
        <f t="shared" si="122"/>
        <v>4</v>
      </c>
    </row>
    <row r="2595" spans="1:4" x14ac:dyDescent="0.25">
      <c r="A2595" s="7">
        <f t="shared" si="123"/>
        <v>44669.791666660392</v>
      </c>
      <c r="B2595" s="8">
        <v>0.95137576641884158</v>
      </c>
      <c r="C2595">
        <f t="shared" si="121"/>
        <v>19</v>
      </c>
      <c r="D2595">
        <f t="shared" si="122"/>
        <v>4</v>
      </c>
    </row>
    <row r="2596" spans="1:4" x14ac:dyDescent="0.25">
      <c r="A2596" s="7">
        <f t="shared" si="123"/>
        <v>44669.833333327057</v>
      </c>
      <c r="B2596" s="8">
        <v>-4.9800999999999998E-2</v>
      </c>
      <c r="C2596">
        <f t="shared" si="121"/>
        <v>20</v>
      </c>
      <c r="D2596">
        <f t="shared" si="122"/>
        <v>4</v>
      </c>
    </row>
    <row r="2597" spans="1:4" x14ac:dyDescent="0.25">
      <c r="A2597" s="7">
        <f t="shared" si="123"/>
        <v>44669.874999993721</v>
      </c>
      <c r="B2597" s="8">
        <v>-4.9800999999999998E-2</v>
      </c>
      <c r="C2597">
        <f t="shared" si="121"/>
        <v>21</v>
      </c>
      <c r="D2597">
        <f t="shared" si="122"/>
        <v>4</v>
      </c>
    </row>
    <row r="2598" spans="1:4" x14ac:dyDescent="0.25">
      <c r="A2598" s="7">
        <f t="shared" si="123"/>
        <v>44669.916666660385</v>
      </c>
      <c r="B2598" s="8">
        <v>-4.9800999999999998E-2</v>
      </c>
      <c r="C2598">
        <f t="shared" si="121"/>
        <v>22</v>
      </c>
      <c r="D2598">
        <f t="shared" si="122"/>
        <v>4</v>
      </c>
    </row>
    <row r="2599" spans="1:4" x14ac:dyDescent="0.25">
      <c r="A2599" s="7">
        <f t="shared" si="123"/>
        <v>44669.958333327049</v>
      </c>
      <c r="B2599" s="8">
        <v>-4.9800999999999998E-2</v>
      </c>
      <c r="C2599">
        <f t="shared" si="121"/>
        <v>23</v>
      </c>
      <c r="D2599">
        <f t="shared" si="122"/>
        <v>4</v>
      </c>
    </row>
    <row r="2600" spans="1:4" x14ac:dyDescent="0.25">
      <c r="A2600" s="7">
        <f t="shared" si="123"/>
        <v>44669.999999993714</v>
      </c>
      <c r="B2600" s="8">
        <v>-4.9800999999999998E-2</v>
      </c>
      <c r="C2600">
        <f t="shared" si="121"/>
        <v>0</v>
      </c>
      <c r="D2600">
        <f t="shared" si="122"/>
        <v>4</v>
      </c>
    </row>
    <row r="2601" spans="1:4" x14ac:dyDescent="0.25">
      <c r="A2601" s="7">
        <f t="shared" si="123"/>
        <v>44670.041666660378</v>
      </c>
      <c r="B2601" s="8">
        <v>-4.9800999999999998E-2</v>
      </c>
      <c r="C2601">
        <f t="shared" si="121"/>
        <v>1</v>
      </c>
      <c r="D2601">
        <f t="shared" si="122"/>
        <v>4</v>
      </c>
    </row>
    <row r="2602" spans="1:4" x14ac:dyDescent="0.25">
      <c r="A2602" s="7">
        <f t="shared" si="123"/>
        <v>44670.083333327042</v>
      </c>
      <c r="B2602" s="8">
        <v>-4.9800999999999998E-2</v>
      </c>
      <c r="C2602">
        <f t="shared" si="121"/>
        <v>2</v>
      </c>
      <c r="D2602">
        <f t="shared" si="122"/>
        <v>4</v>
      </c>
    </row>
    <row r="2603" spans="1:4" x14ac:dyDescent="0.25">
      <c r="A2603" s="7">
        <f t="shared" si="123"/>
        <v>44670.124999993706</v>
      </c>
      <c r="B2603" s="8">
        <v>-4.9800999999999998E-2</v>
      </c>
      <c r="C2603">
        <f t="shared" si="121"/>
        <v>3</v>
      </c>
      <c r="D2603">
        <f t="shared" si="122"/>
        <v>4</v>
      </c>
    </row>
    <row r="2604" spans="1:4" x14ac:dyDescent="0.25">
      <c r="A2604" s="7">
        <f t="shared" si="123"/>
        <v>44670.166666660371</v>
      </c>
      <c r="B2604" s="8">
        <v>-4.9800999999999998E-2</v>
      </c>
      <c r="C2604">
        <f t="shared" si="121"/>
        <v>4</v>
      </c>
      <c r="D2604">
        <f t="shared" si="122"/>
        <v>4</v>
      </c>
    </row>
    <row r="2605" spans="1:4" x14ac:dyDescent="0.25">
      <c r="A2605" s="7">
        <f t="shared" si="123"/>
        <v>44670.208333327035</v>
      </c>
      <c r="B2605" s="8">
        <v>-4.9800999999999998E-2</v>
      </c>
      <c r="C2605">
        <f t="shared" si="121"/>
        <v>5</v>
      </c>
      <c r="D2605">
        <f t="shared" si="122"/>
        <v>4</v>
      </c>
    </row>
    <row r="2606" spans="1:4" x14ac:dyDescent="0.25">
      <c r="A2606" s="7">
        <f t="shared" si="123"/>
        <v>44670.249999993699</v>
      </c>
      <c r="B2606" s="8">
        <v>-4.9800999999999998E-2</v>
      </c>
      <c r="C2606">
        <f t="shared" si="121"/>
        <v>6</v>
      </c>
      <c r="D2606">
        <f t="shared" si="122"/>
        <v>4</v>
      </c>
    </row>
    <row r="2607" spans="1:4" x14ac:dyDescent="0.25">
      <c r="A2607" s="7">
        <f t="shared" si="123"/>
        <v>44670.291666660363</v>
      </c>
      <c r="B2607" s="8">
        <v>0.44243403755301175</v>
      </c>
      <c r="C2607">
        <f t="shared" si="121"/>
        <v>7</v>
      </c>
      <c r="D2607">
        <f t="shared" si="122"/>
        <v>4</v>
      </c>
    </row>
    <row r="2608" spans="1:4" x14ac:dyDescent="0.25">
      <c r="A2608" s="7">
        <f t="shared" si="123"/>
        <v>44670.333333327028</v>
      </c>
      <c r="B2608" s="8">
        <v>2.1256994706552828</v>
      </c>
      <c r="C2608">
        <f t="shared" si="121"/>
        <v>8</v>
      </c>
      <c r="D2608">
        <f t="shared" si="122"/>
        <v>4</v>
      </c>
    </row>
    <row r="2609" spans="1:4" x14ac:dyDescent="0.25">
      <c r="A2609" s="7">
        <f t="shared" si="123"/>
        <v>44670.374999993692</v>
      </c>
      <c r="B2609" s="8">
        <v>4.9008465675925477</v>
      </c>
      <c r="C2609">
        <f t="shared" si="121"/>
        <v>9</v>
      </c>
      <c r="D2609">
        <f t="shared" si="122"/>
        <v>4</v>
      </c>
    </row>
    <row r="2610" spans="1:4" x14ac:dyDescent="0.25">
      <c r="A2610" s="7">
        <f t="shared" si="123"/>
        <v>44670.416666660356</v>
      </c>
      <c r="B2610" s="8">
        <v>8.2245574133628097</v>
      </c>
      <c r="C2610">
        <f t="shared" si="121"/>
        <v>10</v>
      </c>
      <c r="D2610">
        <f t="shared" si="122"/>
        <v>4</v>
      </c>
    </row>
    <row r="2611" spans="1:4" x14ac:dyDescent="0.25">
      <c r="A2611" s="7">
        <f t="shared" si="123"/>
        <v>44670.45833332702</v>
      </c>
      <c r="B2611" s="8">
        <v>8.1259357373399652</v>
      </c>
      <c r="C2611">
        <f t="shared" si="121"/>
        <v>11</v>
      </c>
      <c r="D2611">
        <f t="shared" si="122"/>
        <v>4</v>
      </c>
    </row>
    <row r="2612" spans="1:4" x14ac:dyDescent="0.25">
      <c r="A2612" s="7">
        <f t="shared" si="123"/>
        <v>44670.499999993684</v>
      </c>
      <c r="B2612" s="8">
        <v>8.5702980568375366</v>
      </c>
      <c r="C2612">
        <f t="shared" si="121"/>
        <v>12</v>
      </c>
      <c r="D2612">
        <f t="shared" si="122"/>
        <v>4</v>
      </c>
    </row>
    <row r="2613" spans="1:4" x14ac:dyDescent="0.25">
      <c r="A2613" s="7">
        <f t="shared" si="123"/>
        <v>44670.541666660349</v>
      </c>
      <c r="B2613" s="8">
        <v>10.533667312354604</v>
      </c>
      <c r="C2613">
        <f t="shared" si="121"/>
        <v>13</v>
      </c>
      <c r="D2613">
        <f t="shared" si="122"/>
        <v>4</v>
      </c>
    </row>
    <row r="2614" spans="1:4" x14ac:dyDescent="0.25">
      <c r="A2614" s="7">
        <f t="shared" si="123"/>
        <v>44670.583333327013</v>
      </c>
      <c r="B2614" s="8">
        <v>10.916241129755891</v>
      </c>
      <c r="C2614">
        <f t="shared" si="121"/>
        <v>14</v>
      </c>
      <c r="D2614">
        <f t="shared" si="122"/>
        <v>4</v>
      </c>
    </row>
    <row r="2615" spans="1:4" x14ac:dyDescent="0.25">
      <c r="A2615" s="7">
        <f t="shared" si="123"/>
        <v>44670.624999993677</v>
      </c>
      <c r="B2615" s="8">
        <v>10.345124417912318</v>
      </c>
      <c r="C2615">
        <f t="shared" si="121"/>
        <v>15</v>
      </c>
      <c r="D2615">
        <f t="shared" si="122"/>
        <v>4</v>
      </c>
    </row>
    <row r="2616" spans="1:4" x14ac:dyDescent="0.25">
      <c r="A2616" s="7">
        <f t="shared" si="123"/>
        <v>44670.666666660341</v>
      </c>
      <c r="B2616" s="8">
        <v>13.722979689251449</v>
      </c>
      <c r="C2616">
        <f t="shared" si="121"/>
        <v>16</v>
      </c>
      <c r="D2616">
        <f t="shared" si="122"/>
        <v>4</v>
      </c>
    </row>
    <row r="2617" spans="1:4" x14ac:dyDescent="0.25">
      <c r="A2617" s="7">
        <f t="shared" si="123"/>
        <v>44670.708333327006</v>
      </c>
      <c r="B2617" s="8">
        <v>11.360912633958629</v>
      </c>
      <c r="C2617">
        <f t="shared" si="121"/>
        <v>17</v>
      </c>
      <c r="D2617">
        <f t="shared" si="122"/>
        <v>4</v>
      </c>
    </row>
    <row r="2618" spans="1:4" x14ac:dyDescent="0.25">
      <c r="A2618" s="7">
        <f t="shared" si="123"/>
        <v>44670.74999999367</v>
      </c>
      <c r="B2618" s="8">
        <v>5.3812824972576516</v>
      </c>
      <c r="C2618">
        <f t="shared" si="121"/>
        <v>18</v>
      </c>
      <c r="D2618">
        <f t="shared" si="122"/>
        <v>4</v>
      </c>
    </row>
    <row r="2619" spans="1:4" x14ac:dyDescent="0.25">
      <c r="A2619" s="7">
        <f t="shared" si="123"/>
        <v>44670.791666660334</v>
      </c>
      <c r="B2619" s="8">
        <v>0.86439489454553997</v>
      </c>
      <c r="C2619">
        <f t="shared" si="121"/>
        <v>19</v>
      </c>
      <c r="D2619">
        <f t="shared" si="122"/>
        <v>4</v>
      </c>
    </row>
    <row r="2620" spans="1:4" x14ac:dyDescent="0.25">
      <c r="A2620" s="7">
        <f t="shared" si="123"/>
        <v>44670.833333326998</v>
      </c>
      <c r="B2620" s="8">
        <v>-4.9800999999999998E-2</v>
      </c>
      <c r="C2620">
        <f t="shared" si="121"/>
        <v>20</v>
      </c>
      <c r="D2620">
        <f t="shared" si="122"/>
        <v>4</v>
      </c>
    </row>
    <row r="2621" spans="1:4" x14ac:dyDescent="0.25">
      <c r="A2621" s="7">
        <f t="shared" si="123"/>
        <v>44670.874999993663</v>
      </c>
      <c r="B2621" s="8">
        <v>-4.9800999999999998E-2</v>
      </c>
      <c r="C2621">
        <f t="shared" si="121"/>
        <v>21</v>
      </c>
      <c r="D2621">
        <f t="shared" si="122"/>
        <v>4</v>
      </c>
    </row>
    <row r="2622" spans="1:4" x14ac:dyDescent="0.25">
      <c r="A2622" s="7">
        <f t="shared" si="123"/>
        <v>44670.916666660327</v>
      </c>
      <c r="B2622" s="8">
        <v>-4.9800999999999998E-2</v>
      </c>
      <c r="C2622">
        <f t="shared" si="121"/>
        <v>22</v>
      </c>
      <c r="D2622">
        <f t="shared" si="122"/>
        <v>4</v>
      </c>
    </row>
    <row r="2623" spans="1:4" x14ac:dyDescent="0.25">
      <c r="A2623" s="7">
        <f t="shared" si="123"/>
        <v>44670.958333326991</v>
      </c>
      <c r="B2623" s="8">
        <v>-4.9800999999999998E-2</v>
      </c>
      <c r="C2623">
        <f t="shared" si="121"/>
        <v>23</v>
      </c>
      <c r="D2623">
        <f t="shared" si="122"/>
        <v>4</v>
      </c>
    </row>
    <row r="2624" spans="1:4" x14ac:dyDescent="0.25">
      <c r="A2624" s="7">
        <f t="shared" si="123"/>
        <v>44670.999999993655</v>
      </c>
      <c r="B2624" s="8">
        <v>-4.9800999999999998E-2</v>
      </c>
      <c r="C2624">
        <f t="shared" si="121"/>
        <v>0</v>
      </c>
      <c r="D2624">
        <f t="shared" si="122"/>
        <v>4</v>
      </c>
    </row>
    <row r="2625" spans="1:4" x14ac:dyDescent="0.25">
      <c r="A2625" s="7">
        <f t="shared" si="123"/>
        <v>44671.04166666032</v>
      </c>
      <c r="B2625" s="8">
        <v>-4.9800999999999998E-2</v>
      </c>
      <c r="C2625">
        <f t="shared" si="121"/>
        <v>1</v>
      </c>
      <c r="D2625">
        <f t="shared" si="122"/>
        <v>4</v>
      </c>
    </row>
    <row r="2626" spans="1:4" x14ac:dyDescent="0.25">
      <c r="A2626" s="7">
        <f t="shared" si="123"/>
        <v>44671.083333326984</v>
      </c>
      <c r="B2626" s="8">
        <v>-4.9800999999999998E-2</v>
      </c>
      <c r="C2626">
        <f t="shared" si="121"/>
        <v>2</v>
      </c>
      <c r="D2626">
        <f t="shared" si="122"/>
        <v>4</v>
      </c>
    </row>
    <row r="2627" spans="1:4" x14ac:dyDescent="0.25">
      <c r="A2627" s="7">
        <f t="shared" si="123"/>
        <v>44671.124999993648</v>
      </c>
      <c r="B2627" s="8">
        <v>-4.9800999999999998E-2</v>
      </c>
      <c r="C2627">
        <f t="shared" si="121"/>
        <v>3</v>
      </c>
      <c r="D2627">
        <f t="shared" si="122"/>
        <v>4</v>
      </c>
    </row>
    <row r="2628" spans="1:4" x14ac:dyDescent="0.25">
      <c r="A2628" s="7">
        <f t="shared" si="123"/>
        <v>44671.166666660312</v>
      </c>
      <c r="B2628" s="8">
        <v>-4.9800999999999998E-2</v>
      </c>
      <c r="C2628">
        <f t="shared" si="121"/>
        <v>4</v>
      </c>
      <c r="D2628">
        <f t="shared" si="122"/>
        <v>4</v>
      </c>
    </row>
    <row r="2629" spans="1:4" x14ac:dyDescent="0.25">
      <c r="A2629" s="7">
        <f t="shared" si="123"/>
        <v>44671.208333326977</v>
      </c>
      <c r="B2629" s="8">
        <v>-4.9800999999999998E-2</v>
      </c>
      <c r="C2629">
        <f t="shared" si="121"/>
        <v>5</v>
      </c>
      <c r="D2629">
        <f t="shared" si="122"/>
        <v>4</v>
      </c>
    </row>
    <row r="2630" spans="1:4" x14ac:dyDescent="0.25">
      <c r="A2630" s="7">
        <f t="shared" si="123"/>
        <v>44671.249999993641</v>
      </c>
      <c r="B2630" s="8">
        <v>-4.9800999999999998E-2</v>
      </c>
      <c r="C2630">
        <f t="shared" si="121"/>
        <v>6</v>
      </c>
      <c r="D2630">
        <f t="shared" si="122"/>
        <v>4</v>
      </c>
    </row>
    <row r="2631" spans="1:4" x14ac:dyDescent="0.25">
      <c r="A2631" s="7">
        <f t="shared" si="123"/>
        <v>44671.291666660305</v>
      </c>
      <c r="B2631" s="8">
        <v>0.26706550339789803</v>
      </c>
      <c r="C2631">
        <f t="shared" si="121"/>
        <v>7</v>
      </c>
      <c r="D2631">
        <f t="shared" si="122"/>
        <v>4</v>
      </c>
    </row>
    <row r="2632" spans="1:4" x14ac:dyDescent="0.25">
      <c r="A2632" s="7">
        <f t="shared" si="123"/>
        <v>44671.333333326969</v>
      </c>
      <c r="B2632" s="8">
        <v>1.278115979145364</v>
      </c>
      <c r="C2632">
        <f t="shared" si="121"/>
        <v>8</v>
      </c>
      <c r="D2632">
        <f t="shared" si="122"/>
        <v>4</v>
      </c>
    </row>
    <row r="2633" spans="1:4" x14ac:dyDescent="0.25">
      <c r="A2633" s="7">
        <f t="shared" si="123"/>
        <v>44671.374999993634</v>
      </c>
      <c r="B2633" s="8">
        <v>6.3277659310250653</v>
      </c>
      <c r="C2633">
        <f t="shared" si="121"/>
        <v>9</v>
      </c>
      <c r="D2633">
        <f t="shared" si="122"/>
        <v>4</v>
      </c>
    </row>
    <row r="2634" spans="1:4" x14ac:dyDescent="0.25">
      <c r="A2634" s="7">
        <f t="shared" si="123"/>
        <v>44671.416666660298</v>
      </c>
      <c r="B2634" s="8">
        <v>7.5308726700811999</v>
      </c>
      <c r="C2634">
        <f t="shared" ref="C2634:C2697" si="124">HOUR(A2634)</f>
        <v>10</v>
      </c>
      <c r="D2634">
        <f t="shared" ref="D2634:D2697" si="125">MONTH(A2634)</f>
        <v>4</v>
      </c>
    </row>
    <row r="2635" spans="1:4" x14ac:dyDescent="0.25">
      <c r="A2635" s="7">
        <f t="shared" ref="A2635:A2698" si="126">+A2634+1/24</f>
        <v>44671.458333326962</v>
      </c>
      <c r="B2635" s="8">
        <v>9.7616444403247957</v>
      </c>
      <c r="C2635">
        <f t="shared" si="124"/>
        <v>11</v>
      </c>
      <c r="D2635">
        <f t="shared" si="125"/>
        <v>4</v>
      </c>
    </row>
    <row r="2636" spans="1:4" x14ac:dyDescent="0.25">
      <c r="A2636" s="7">
        <f t="shared" si="126"/>
        <v>44671.499999993626</v>
      </c>
      <c r="B2636" s="8">
        <v>4.885442985581121</v>
      </c>
      <c r="C2636">
        <f t="shared" si="124"/>
        <v>12</v>
      </c>
      <c r="D2636">
        <f t="shared" si="125"/>
        <v>4</v>
      </c>
    </row>
    <row r="2637" spans="1:4" x14ac:dyDescent="0.25">
      <c r="A2637" s="7">
        <f t="shared" si="126"/>
        <v>44671.541666660291</v>
      </c>
      <c r="B2637" s="8">
        <v>6.4486602425924655</v>
      </c>
      <c r="C2637">
        <f t="shared" si="124"/>
        <v>13</v>
      </c>
      <c r="D2637">
        <f t="shared" si="125"/>
        <v>4</v>
      </c>
    </row>
    <row r="2638" spans="1:4" x14ac:dyDescent="0.25">
      <c r="A2638" s="7">
        <f t="shared" si="126"/>
        <v>44671.583333326955</v>
      </c>
      <c r="B2638" s="8">
        <v>9.3399597883355501</v>
      </c>
      <c r="C2638">
        <f t="shared" si="124"/>
        <v>14</v>
      </c>
      <c r="D2638">
        <f t="shared" si="125"/>
        <v>4</v>
      </c>
    </row>
    <row r="2639" spans="1:4" x14ac:dyDescent="0.25">
      <c r="A2639" s="7">
        <f t="shared" si="126"/>
        <v>44671.624999993619</v>
      </c>
      <c r="B2639" s="8">
        <v>18.167339774441139</v>
      </c>
      <c r="C2639">
        <f t="shared" si="124"/>
        <v>15</v>
      </c>
      <c r="D2639">
        <f t="shared" si="125"/>
        <v>4</v>
      </c>
    </row>
    <row r="2640" spans="1:4" x14ac:dyDescent="0.25">
      <c r="A2640" s="7">
        <f t="shared" si="126"/>
        <v>44671.666666660283</v>
      </c>
      <c r="B2640" s="8">
        <v>15.152658010869741</v>
      </c>
      <c r="C2640">
        <f t="shared" si="124"/>
        <v>16</v>
      </c>
      <c r="D2640">
        <f t="shared" si="125"/>
        <v>4</v>
      </c>
    </row>
    <row r="2641" spans="1:4" x14ac:dyDescent="0.25">
      <c r="A2641" s="7">
        <f t="shared" si="126"/>
        <v>44671.708333326947</v>
      </c>
      <c r="B2641" s="8">
        <v>5.8460108132845816</v>
      </c>
      <c r="C2641">
        <f t="shared" si="124"/>
        <v>17</v>
      </c>
      <c r="D2641">
        <f t="shared" si="125"/>
        <v>4</v>
      </c>
    </row>
    <row r="2642" spans="1:4" x14ac:dyDescent="0.25">
      <c r="A2642" s="7">
        <f t="shared" si="126"/>
        <v>44671.749999993612</v>
      </c>
      <c r="B2642" s="8">
        <v>3.4635458123762013</v>
      </c>
      <c r="C2642">
        <f t="shared" si="124"/>
        <v>18</v>
      </c>
      <c r="D2642">
        <f t="shared" si="125"/>
        <v>4</v>
      </c>
    </row>
    <row r="2643" spans="1:4" x14ac:dyDescent="0.25">
      <c r="A2643" s="7">
        <f t="shared" si="126"/>
        <v>44671.791666660276</v>
      </c>
      <c r="B2643" s="8">
        <v>0.74647390922616341</v>
      </c>
      <c r="C2643">
        <f t="shared" si="124"/>
        <v>19</v>
      </c>
      <c r="D2643">
        <f t="shared" si="125"/>
        <v>4</v>
      </c>
    </row>
    <row r="2644" spans="1:4" x14ac:dyDescent="0.25">
      <c r="A2644" s="7">
        <f t="shared" si="126"/>
        <v>44671.83333332694</v>
      </c>
      <c r="B2644" s="8">
        <v>-4.9800999999999998E-2</v>
      </c>
      <c r="C2644">
        <f t="shared" si="124"/>
        <v>20</v>
      </c>
      <c r="D2644">
        <f t="shared" si="125"/>
        <v>4</v>
      </c>
    </row>
    <row r="2645" spans="1:4" x14ac:dyDescent="0.25">
      <c r="A2645" s="7">
        <f t="shared" si="126"/>
        <v>44671.874999993604</v>
      </c>
      <c r="B2645" s="8">
        <v>-4.9800999999999998E-2</v>
      </c>
      <c r="C2645">
        <f t="shared" si="124"/>
        <v>21</v>
      </c>
      <c r="D2645">
        <f t="shared" si="125"/>
        <v>4</v>
      </c>
    </row>
    <row r="2646" spans="1:4" x14ac:dyDescent="0.25">
      <c r="A2646" s="7">
        <f t="shared" si="126"/>
        <v>44671.916666660269</v>
      </c>
      <c r="B2646" s="8">
        <v>-4.9800999999999998E-2</v>
      </c>
      <c r="C2646">
        <f t="shared" si="124"/>
        <v>22</v>
      </c>
      <c r="D2646">
        <f t="shared" si="125"/>
        <v>4</v>
      </c>
    </row>
    <row r="2647" spans="1:4" x14ac:dyDescent="0.25">
      <c r="A2647" s="7">
        <f t="shared" si="126"/>
        <v>44671.958333326933</v>
      </c>
      <c r="B2647" s="8">
        <v>-4.9800999999999998E-2</v>
      </c>
      <c r="C2647">
        <f t="shared" si="124"/>
        <v>23</v>
      </c>
      <c r="D2647">
        <f t="shared" si="125"/>
        <v>4</v>
      </c>
    </row>
    <row r="2648" spans="1:4" x14ac:dyDescent="0.25">
      <c r="A2648" s="7">
        <f t="shared" si="126"/>
        <v>44671.999999993597</v>
      </c>
      <c r="B2648" s="8">
        <v>-4.9800999999999998E-2</v>
      </c>
      <c r="C2648">
        <f t="shared" si="124"/>
        <v>0</v>
      </c>
      <c r="D2648">
        <f t="shared" si="125"/>
        <v>4</v>
      </c>
    </row>
    <row r="2649" spans="1:4" x14ac:dyDescent="0.25">
      <c r="A2649" s="7">
        <f t="shared" si="126"/>
        <v>44672.041666660261</v>
      </c>
      <c r="B2649" s="8">
        <v>-4.9800999999999998E-2</v>
      </c>
      <c r="C2649">
        <f t="shared" si="124"/>
        <v>1</v>
      </c>
      <c r="D2649">
        <f t="shared" si="125"/>
        <v>4</v>
      </c>
    </row>
    <row r="2650" spans="1:4" x14ac:dyDescent="0.25">
      <c r="A2650" s="7">
        <f t="shared" si="126"/>
        <v>44672.083333326926</v>
      </c>
      <c r="B2650" s="8">
        <v>-4.9800999999999998E-2</v>
      </c>
      <c r="C2650">
        <f t="shared" si="124"/>
        <v>2</v>
      </c>
      <c r="D2650">
        <f t="shared" si="125"/>
        <v>4</v>
      </c>
    </row>
    <row r="2651" spans="1:4" x14ac:dyDescent="0.25">
      <c r="A2651" s="7">
        <f t="shared" si="126"/>
        <v>44672.12499999359</v>
      </c>
      <c r="B2651" s="8">
        <v>-4.9800999999999998E-2</v>
      </c>
      <c r="C2651">
        <f t="shared" si="124"/>
        <v>3</v>
      </c>
      <c r="D2651">
        <f t="shared" si="125"/>
        <v>4</v>
      </c>
    </row>
    <row r="2652" spans="1:4" x14ac:dyDescent="0.25">
      <c r="A2652" s="7">
        <f t="shared" si="126"/>
        <v>44672.166666660254</v>
      </c>
      <c r="B2652" s="8">
        <v>-4.9800999999999998E-2</v>
      </c>
      <c r="C2652">
        <f t="shared" si="124"/>
        <v>4</v>
      </c>
      <c r="D2652">
        <f t="shared" si="125"/>
        <v>4</v>
      </c>
    </row>
    <row r="2653" spans="1:4" x14ac:dyDescent="0.25">
      <c r="A2653" s="7">
        <f t="shared" si="126"/>
        <v>44672.208333326918</v>
      </c>
      <c r="B2653" s="8">
        <v>-4.9800999999999998E-2</v>
      </c>
      <c r="C2653">
        <f t="shared" si="124"/>
        <v>5</v>
      </c>
      <c r="D2653">
        <f t="shared" si="125"/>
        <v>4</v>
      </c>
    </row>
    <row r="2654" spans="1:4" x14ac:dyDescent="0.25">
      <c r="A2654" s="7">
        <f t="shared" si="126"/>
        <v>44672.249999993583</v>
      </c>
      <c r="B2654" s="8">
        <v>-4.9800999999999998E-2</v>
      </c>
      <c r="C2654">
        <f t="shared" si="124"/>
        <v>6</v>
      </c>
      <c r="D2654">
        <f t="shared" si="125"/>
        <v>4</v>
      </c>
    </row>
    <row r="2655" spans="1:4" x14ac:dyDescent="0.25">
      <c r="A2655" s="7">
        <f t="shared" si="126"/>
        <v>44672.291666660247</v>
      </c>
      <c r="B2655" s="8">
        <v>0.55986341919117266</v>
      </c>
      <c r="C2655">
        <f t="shared" si="124"/>
        <v>7</v>
      </c>
      <c r="D2655">
        <f t="shared" si="125"/>
        <v>4</v>
      </c>
    </row>
    <row r="2656" spans="1:4" x14ac:dyDescent="0.25">
      <c r="A2656" s="7">
        <f t="shared" si="126"/>
        <v>44672.333333326911</v>
      </c>
      <c r="B2656" s="8">
        <v>3.8027430768739077</v>
      </c>
      <c r="C2656">
        <f t="shared" si="124"/>
        <v>8</v>
      </c>
      <c r="D2656">
        <f t="shared" si="125"/>
        <v>4</v>
      </c>
    </row>
    <row r="2657" spans="1:4" x14ac:dyDescent="0.25">
      <c r="A2657" s="7">
        <f t="shared" si="126"/>
        <v>44672.374999993575</v>
      </c>
      <c r="B2657" s="8">
        <v>5.7870121878445895</v>
      </c>
      <c r="C2657">
        <f t="shared" si="124"/>
        <v>9</v>
      </c>
      <c r="D2657">
        <f t="shared" si="125"/>
        <v>4</v>
      </c>
    </row>
    <row r="2658" spans="1:4" x14ac:dyDescent="0.25">
      <c r="A2658" s="7">
        <f t="shared" si="126"/>
        <v>44672.41666666024</v>
      </c>
      <c r="B2658" s="8">
        <v>17.072021007300371</v>
      </c>
      <c r="C2658">
        <f t="shared" si="124"/>
        <v>10</v>
      </c>
      <c r="D2658">
        <f t="shared" si="125"/>
        <v>4</v>
      </c>
    </row>
    <row r="2659" spans="1:4" x14ac:dyDescent="0.25">
      <c r="A2659" s="7">
        <f t="shared" si="126"/>
        <v>44672.458333326904</v>
      </c>
      <c r="B2659" s="8">
        <v>20.497875142885331</v>
      </c>
      <c r="C2659">
        <f t="shared" si="124"/>
        <v>11</v>
      </c>
      <c r="D2659">
        <f t="shared" si="125"/>
        <v>4</v>
      </c>
    </row>
    <row r="2660" spans="1:4" x14ac:dyDescent="0.25">
      <c r="A2660" s="7">
        <f t="shared" si="126"/>
        <v>44672.499999993568</v>
      </c>
      <c r="B2660" s="8">
        <v>20.451302650746008</v>
      </c>
      <c r="C2660">
        <f t="shared" si="124"/>
        <v>12</v>
      </c>
      <c r="D2660">
        <f t="shared" si="125"/>
        <v>4</v>
      </c>
    </row>
    <row r="2661" spans="1:4" x14ac:dyDescent="0.25">
      <c r="A2661" s="7">
        <f t="shared" si="126"/>
        <v>44672.541666660232</v>
      </c>
      <c r="B2661" s="8">
        <v>20.451318109981262</v>
      </c>
      <c r="C2661">
        <f t="shared" si="124"/>
        <v>13</v>
      </c>
      <c r="D2661">
        <f t="shared" si="125"/>
        <v>4</v>
      </c>
    </row>
    <row r="2662" spans="1:4" x14ac:dyDescent="0.25">
      <c r="A2662" s="7">
        <f t="shared" si="126"/>
        <v>44672.583333326897</v>
      </c>
      <c r="B2662" s="8">
        <v>20.451287191510747</v>
      </c>
      <c r="C2662">
        <f t="shared" si="124"/>
        <v>14</v>
      </c>
      <c r="D2662">
        <f t="shared" si="125"/>
        <v>4</v>
      </c>
    </row>
    <row r="2663" spans="1:4" x14ac:dyDescent="0.25">
      <c r="A2663" s="7">
        <f t="shared" si="126"/>
        <v>44672.624999993561</v>
      </c>
      <c r="B2663" s="8">
        <v>17.837942634481546</v>
      </c>
      <c r="C2663">
        <f t="shared" si="124"/>
        <v>15</v>
      </c>
      <c r="D2663">
        <f t="shared" si="125"/>
        <v>4</v>
      </c>
    </row>
    <row r="2664" spans="1:4" x14ac:dyDescent="0.25">
      <c r="A2664" s="7">
        <f t="shared" si="126"/>
        <v>44672.666666660225</v>
      </c>
      <c r="B2664" s="8">
        <v>17.347205701055959</v>
      </c>
      <c r="C2664">
        <f t="shared" si="124"/>
        <v>16</v>
      </c>
      <c r="D2664">
        <f t="shared" si="125"/>
        <v>4</v>
      </c>
    </row>
    <row r="2665" spans="1:4" x14ac:dyDescent="0.25">
      <c r="A2665" s="7">
        <f t="shared" si="126"/>
        <v>44672.708333326889</v>
      </c>
      <c r="B2665" s="8">
        <v>12.6465964240708</v>
      </c>
      <c r="C2665">
        <f t="shared" si="124"/>
        <v>17</v>
      </c>
      <c r="D2665">
        <f t="shared" si="125"/>
        <v>4</v>
      </c>
    </row>
    <row r="2666" spans="1:4" x14ac:dyDescent="0.25">
      <c r="A2666" s="7">
        <f t="shared" si="126"/>
        <v>44672.749999993554</v>
      </c>
      <c r="B2666" s="8">
        <v>5.8674455582781349</v>
      </c>
      <c r="C2666">
        <f t="shared" si="124"/>
        <v>18</v>
      </c>
      <c r="D2666">
        <f t="shared" si="125"/>
        <v>4</v>
      </c>
    </row>
    <row r="2667" spans="1:4" x14ac:dyDescent="0.25">
      <c r="A2667" s="7">
        <f t="shared" si="126"/>
        <v>44672.791666660218</v>
      </c>
      <c r="B2667" s="8">
        <v>0.97385658633154371</v>
      </c>
      <c r="C2667">
        <f t="shared" si="124"/>
        <v>19</v>
      </c>
      <c r="D2667">
        <f t="shared" si="125"/>
        <v>4</v>
      </c>
    </row>
    <row r="2668" spans="1:4" x14ac:dyDescent="0.25">
      <c r="A2668" s="7">
        <f t="shared" si="126"/>
        <v>44672.833333326882</v>
      </c>
      <c r="B2668" s="8">
        <v>-4.9800999999999998E-2</v>
      </c>
      <c r="C2668">
        <f t="shared" si="124"/>
        <v>20</v>
      </c>
      <c r="D2668">
        <f t="shared" si="125"/>
        <v>4</v>
      </c>
    </row>
    <row r="2669" spans="1:4" x14ac:dyDescent="0.25">
      <c r="A2669" s="7">
        <f t="shared" si="126"/>
        <v>44672.874999993546</v>
      </c>
      <c r="B2669" s="8">
        <v>-4.9800999999999998E-2</v>
      </c>
      <c r="C2669">
        <f t="shared" si="124"/>
        <v>21</v>
      </c>
      <c r="D2669">
        <f t="shared" si="125"/>
        <v>4</v>
      </c>
    </row>
    <row r="2670" spans="1:4" x14ac:dyDescent="0.25">
      <c r="A2670" s="7">
        <f t="shared" si="126"/>
        <v>44672.91666666021</v>
      </c>
      <c r="B2670" s="8">
        <v>-4.9800999999999998E-2</v>
      </c>
      <c r="C2670">
        <f t="shared" si="124"/>
        <v>22</v>
      </c>
      <c r="D2670">
        <f t="shared" si="125"/>
        <v>4</v>
      </c>
    </row>
    <row r="2671" spans="1:4" x14ac:dyDescent="0.25">
      <c r="A2671" s="7">
        <f t="shared" si="126"/>
        <v>44672.958333326875</v>
      </c>
      <c r="B2671" s="8">
        <v>-4.9800999999999998E-2</v>
      </c>
      <c r="C2671">
        <f t="shared" si="124"/>
        <v>23</v>
      </c>
      <c r="D2671">
        <f t="shared" si="125"/>
        <v>4</v>
      </c>
    </row>
    <row r="2672" spans="1:4" x14ac:dyDescent="0.25">
      <c r="A2672" s="7">
        <f t="shared" si="126"/>
        <v>44672.999999993539</v>
      </c>
      <c r="B2672" s="8">
        <v>-4.9800999999999998E-2</v>
      </c>
      <c r="C2672">
        <f t="shared" si="124"/>
        <v>0</v>
      </c>
      <c r="D2672">
        <f t="shared" si="125"/>
        <v>4</v>
      </c>
    </row>
    <row r="2673" spans="1:4" x14ac:dyDescent="0.25">
      <c r="A2673" s="7">
        <f t="shared" si="126"/>
        <v>44673.041666660203</v>
      </c>
      <c r="B2673" s="8">
        <v>-4.9800999999999998E-2</v>
      </c>
      <c r="C2673">
        <f t="shared" si="124"/>
        <v>1</v>
      </c>
      <c r="D2673">
        <f t="shared" si="125"/>
        <v>4</v>
      </c>
    </row>
    <row r="2674" spans="1:4" x14ac:dyDescent="0.25">
      <c r="A2674" s="7">
        <f t="shared" si="126"/>
        <v>44673.083333326867</v>
      </c>
      <c r="B2674" s="8">
        <v>-4.9800999999999998E-2</v>
      </c>
      <c r="C2674">
        <f t="shared" si="124"/>
        <v>2</v>
      </c>
      <c r="D2674">
        <f t="shared" si="125"/>
        <v>4</v>
      </c>
    </row>
    <row r="2675" spans="1:4" x14ac:dyDescent="0.25">
      <c r="A2675" s="7">
        <f t="shared" si="126"/>
        <v>44673.124999993532</v>
      </c>
      <c r="B2675" s="8">
        <v>-4.9800999999999998E-2</v>
      </c>
      <c r="C2675">
        <f t="shared" si="124"/>
        <v>3</v>
      </c>
      <c r="D2675">
        <f t="shared" si="125"/>
        <v>4</v>
      </c>
    </row>
    <row r="2676" spans="1:4" x14ac:dyDescent="0.25">
      <c r="A2676" s="7">
        <f t="shared" si="126"/>
        <v>44673.166666660196</v>
      </c>
      <c r="B2676" s="8">
        <v>-4.9800999999999998E-2</v>
      </c>
      <c r="C2676">
        <f t="shared" si="124"/>
        <v>4</v>
      </c>
      <c r="D2676">
        <f t="shared" si="125"/>
        <v>4</v>
      </c>
    </row>
    <row r="2677" spans="1:4" x14ac:dyDescent="0.25">
      <c r="A2677" s="7">
        <f t="shared" si="126"/>
        <v>44673.20833332686</v>
      </c>
      <c r="B2677" s="8">
        <v>-4.9800999999999998E-2</v>
      </c>
      <c r="C2677">
        <f t="shared" si="124"/>
        <v>5</v>
      </c>
      <c r="D2677">
        <f t="shared" si="125"/>
        <v>4</v>
      </c>
    </row>
    <row r="2678" spans="1:4" x14ac:dyDescent="0.25">
      <c r="A2678" s="7">
        <f t="shared" si="126"/>
        <v>44673.249999993524</v>
      </c>
      <c r="B2678" s="8">
        <v>-4.9800999999999998E-2</v>
      </c>
      <c r="C2678">
        <f t="shared" si="124"/>
        <v>6</v>
      </c>
      <c r="D2678">
        <f t="shared" si="125"/>
        <v>4</v>
      </c>
    </row>
    <row r="2679" spans="1:4" x14ac:dyDescent="0.25">
      <c r="A2679" s="7">
        <f t="shared" si="126"/>
        <v>44673.291666660189</v>
      </c>
      <c r="B2679" s="8">
        <v>0.27747678303655926</v>
      </c>
      <c r="C2679">
        <f t="shared" si="124"/>
        <v>7</v>
      </c>
      <c r="D2679">
        <f t="shared" si="125"/>
        <v>4</v>
      </c>
    </row>
    <row r="2680" spans="1:4" x14ac:dyDescent="0.25">
      <c r="A2680" s="7">
        <f t="shared" si="126"/>
        <v>44673.333333326853</v>
      </c>
      <c r="B2680" s="8">
        <v>1.0016677505613274</v>
      </c>
      <c r="C2680">
        <f t="shared" si="124"/>
        <v>8</v>
      </c>
      <c r="D2680">
        <f t="shared" si="125"/>
        <v>4</v>
      </c>
    </row>
    <row r="2681" spans="1:4" x14ac:dyDescent="0.25">
      <c r="A2681" s="7">
        <f t="shared" si="126"/>
        <v>44673.374999993517</v>
      </c>
      <c r="B2681" s="8">
        <v>2.2331133290773968</v>
      </c>
      <c r="C2681">
        <f t="shared" si="124"/>
        <v>9</v>
      </c>
      <c r="D2681">
        <f t="shared" si="125"/>
        <v>4</v>
      </c>
    </row>
    <row r="2682" spans="1:4" x14ac:dyDescent="0.25">
      <c r="A2682" s="7">
        <f t="shared" si="126"/>
        <v>44673.416666660181</v>
      </c>
      <c r="B2682" s="8">
        <v>2.6413618443957625</v>
      </c>
      <c r="C2682">
        <f t="shared" si="124"/>
        <v>10</v>
      </c>
      <c r="D2682">
        <f t="shared" si="125"/>
        <v>4</v>
      </c>
    </row>
    <row r="2683" spans="1:4" x14ac:dyDescent="0.25">
      <c r="A2683" s="7">
        <f t="shared" si="126"/>
        <v>44673.458333326846</v>
      </c>
      <c r="B2683" s="8">
        <v>4.5206740847347255</v>
      </c>
      <c r="C2683">
        <f t="shared" si="124"/>
        <v>11</v>
      </c>
      <c r="D2683">
        <f t="shared" si="125"/>
        <v>4</v>
      </c>
    </row>
    <row r="2684" spans="1:4" x14ac:dyDescent="0.25">
      <c r="A2684" s="7">
        <f t="shared" si="126"/>
        <v>44673.49999999351</v>
      </c>
      <c r="B2684" s="8">
        <v>3.5918574650205617</v>
      </c>
      <c r="C2684">
        <f t="shared" si="124"/>
        <v>12</v>
      </c>
      <c r="D2684">
        <f t="shared" si="125"/>
        <v>4</v>
      </c>
    </row>
    <row r="2685" spans="1:4" x14ac:dyDescent="0.25">
      <c r="A2685" s="7">
        <f t="shared" si="126"/>
        <v>44673.541666660174</v>
      </c>
      <c r="B2685" s="8">
        <v>3.4428252840515845</v>
      </c>
      <c r="C2685">
        <f t="shared" si="124"/>
        <v>13</v>
      </c>
      <c r="D2685">
        <f t="shared" si="125"/>
        <v>4</v>
      </c>
    </row>
    <row r="2686" spans="1:4" x14ac:dyDescent="0.25">
      <c r="A2686" s="7">
        <f t="shared" si="126"/>
        <v>44673.583333326838</v>
      </c>
      <c r="B2686" s="8">
        <v>11.006240674967309</v>
      </c>
      <c r="C2686">
        <f t="shared" si="124"/>
        <v>14</v>
      </c>
      <c r="D2686">
        <f t="shared" si="125"/>
        <v>4</v>
      </c>
    </row>
    <row r="2687" spans="1:4" x14ac:dyDescent="0.25">
      <c r="A2687" s="7">
        <f t="shared" si="126"/>
        <v>44673.624999993503</v>
      </c>
      <c r="B2687" s="8">
        <v>4.5544133503782467</v>
      </c>
      <c r="C2687">
        <f t="shared" si="124"/>
        <v>15</v>
      </c>
      <c r="D2687">
        <f t="shared" si="125"/>
        <v>4</v>
      </c>
    </row>
    <row r="2688" spans="1:4" x14ac:dyDescent="0.25">
      <c r="A2688" s="7">
        <f t="shared" si="126"/>
        <v>44673.666666660167</v>
      </c>
      <c r="B2688" s="8">
        <v>7.3489442670981227</v>
      </c>
      <c r="C2688">
        <f t="shared" si="124"/>
        <v>16</v>
      </c>
      <c r="D2688">
        <f t="shared" si="125"/>
        <v>4</v>
      </c>
    </row>
    <row r="2689" spans="1:4" x14ac:dyDescent="0.25">
      <c r="A2689" s="7">
        <f t="shared" si="126"/>
        <v>44673.708333326831</v>
      </c>
      <c r="B2689" s="8">
        <v>4.2318223963950672</v>
      </c>
      <c r="C2689">
        <f t="shared" si="124"/>
        <v>17</v>
      </c>
      <c r="D2689">
        <f t="shared" si="125"/>
        <v>4</v>
      </c>
    </row>
    <row r="2690" spans="1:4" x14ac:dyDescent="0.25">
      <c r="A2690" s="7">
        <f t="shared" si="126"/>
        <v>44673.749999993495</v>
      </c>
      <c r="B2690" s="8">
        <v>4.4138198506289639</v>
      </c>
      <c r="C2690">
        <f t="shared" si="124"/>
        <v>18</v>
      </c>
      <c r="D2690">
        <f t="shared" si="125"/>
        <v>4</v>
      </c>
    </row>
    <row r="2691" spans="1:4" x14ac:dyDescent="0.25">
      <c r="A2691" s="7">
        <f t="shared" si="126"/>
        <v>44673.79166666016</v>
      </c>
      <c r="B2691" s="8">
        <v>0.80733073474421013</v>
      </c>
      <c r="C2691">
        <f t="shared" si="124"/>
        <v>19</v>
      </c>
      <c r="D2691">
        <f t="shared" si="125"/>
        <v>4</v>
      </c>
    </row>
    <row r="2692" spans="1:4" x14ac:dyDescent="0.25">
      <c r="A2692" s="7">
        <f t="shared" si="126"/>
        <v>44673.833333326824</v>
      </c>
      <c r="B2692" s="8">
        <v>-4.9800999999999998E-2</v>
      </c>
      <c r="C2692">
        <f t="shared" si="124"/>
        <v>20</v>
      </c>
      <c r="D2692">
        <f t="shared" si="125"/>
        <v>4</v>
      </c>
    </row>
    <row r="2693" spans="1:4" x14ac:dyDescent="0.25">
      <c r="A2693" s="7">
        <f t="shared" si="126"/>
        <v>44673.874999993488</v>
      </c>
      <c r="B2693" s="8">
        <v>-4.9800999999999998E-2</v>
      </c>
      <c r="C2693">
        <f t="shared" si="124"/>
        <v>21</v>
      </c>
      <c r="D2693">
        <f t="shared" si="125"/>
        <v>4</v>
      </c>
    </row>
    <row r="2694" spans="1:4" x14ac:dyDescent="0.25">
      <c r="A2694" s="7">
        <f t="shared" si="126"/>
        <v>44673.916666660152</v>
      </c>
      <c r="B2694" s="8">
        <v>-4.9800999999999998E-2</v>
      </c>
      <c r="C2694">
        <f t="shared" si="124"/>
        <v>22</v>
      </c>
      <c r="D2694">
        <f t="shared" si="125"/>
        <v>4</v>
      </c>
    </row>
    <row r="2695" spans="1:4" x14ac:dyDescent="0.25">
      <c r="A2695" s="7">
        <f t="shared" si="126"/>
        <v>44673.958333326817</v>
      </c>
      <c r="B2695" s="8">
        <v>-4.9800999999999998E-2</v>
      </c>
      <c r="C2695">
        <f t="shared" si="124"/>
        <v>23</v>
      </c>
      <c r="D2695">
        <f t="shared" si="125"/>
        <v>4</v>
      </c>
    </row>
    <row r="2696" spans="1:4" x14ac:dyDescent="0.25">
      <c r="A2696" s="7">
        <f t="shared" si="126"/>
        <v>44673.999999993481</v>
      </c>
      <c r="B2696" s="8">
        <v>-4.9800999999999998E-2</v>
      </c>
      <c r="C2696">
        <f t="shared" si="124"/>
        <v>0</v>
      </c>
      <c r="D2696">
        <f t="shared" si="125"/>
        <v>4</v>
      </c>
    </row>
    <row r="2697" spans="1:4" x14ac:dyDescent="0.25">
      <c r="A2697" s="7">
        <f t="shared" si="126"/>
        <v>44674.041666660145</v>
      </c>
      <c r="B2697" s="8">
        <v>-4.9800999999999998E-2</v>
      </c>
      <c r="C2697">
        <f t="shared" si="124"/>
        <v>1</v>
      </c>
      <c r="D2697">
        <f t="shared" si="125"/>
        <v>4</v>
      </c>
    </row>
    <row r="2698" spans="1:4" x14ac:dyDescent="0.25">
      <c r="A2698" s="7">
        <f t="shared" si="126"/>
        <v>44674.083333326809</v>
      </c>
      <c r="B2698" s="8">
        <v>-4.9800999999999998E-2</v>
      </c>
      <c r="C2698">
        <f t="shared" ref="C2698:C2761" si="127">HOUR(A2698)</f>
        <v>2</v>
      </c>
      <c r="D2698">
        <f t="shared" ref="D2698:D2761" si="128">MONTH(A2698)</f>
        <v>4</v>
      </c>
    </row>
    <row r="2699" spans="1:4" x14ac:dyDescent="0.25">
      <c r="A2699" s="7">
        <f t="shared" ref="A2699:A2762" si="129">+A2698+1/24</f>
        <v>44674.124999993473</v>
      </c>
      <c r="B2699" s="8">
        <v>-4.9800999999999998E-2</v>
      </c>
      <c r="C2699">
        <f t="shared" si="127"/>
        <v>3</v>
      </c>
      <c r="D2699">
        <f t="shared" si="128"/>
        <v>4</v>
      </c>
    </row>
    <row r="2700" spans="1:4" x14ac:dyDescent="0.25">
      <c r="A2700" s="7">
        <f t="shared" si="129"/>
        <v>44674.166666660138</v>
      </c>
      <c r="B2700" s="8">
        <v>-4.9800999999999998E-2</v>
      </c>
      <c r="C2700">
        <f t="shared" si="127"/>
        <v>4</v>
      </c>
      <c r="D2700">
        <f t="shared" si="128"/>
        <v>4</v>
      </c>
    </row>
    <row r="2701" spans="1:4" x14ac:dyDescent="0.25">
      <c r="A2701" s="7">
        <f t="shared" si="129"/>
        <v>44674.208333326802</v>
      </c>
      <c r="B2701" s="8">
        <v>-4.9800999999999998E-2</v>
      </c>
      <c r="C2701">
        <f t="shared" si="127"/>
        <v>5</v>
      </c>
      <c r="D2701">
        <f t="shared" si="128"/>
        <v>4</v>
      </c>
    </row>
    <row r="2702" spans="1:4" x14ac:dyDescent="0.25">
      <c r="A2702" s="7">
        <f t="shared" si="129"/>
        <v>44674.249999993466</v>
      </c>
      <c r="B2702" s="8">
        <v>-4.9800999999999998E-2</v>
      </c>
      <c r="C2702">
        <f t="shared" si="127"/>
        <v>6</v>
      </c>
      <c r="D2702">
        <f t="shared" si="128"/>
        <v>4</v>
      </c>
    </row>
    <row r="2703" spans="1:4" x14ac:dyDescent="0.25">
      <c r="A2703" s="7">
        <f t="shared" si="129"/>
        <v>44674.29166666013</v>
      </c>
      <c r="B2703" s="8">
        <v>0.70853282343942059</v>
      </c>
      <c r="C2703">
        <f t="shared" si="127"/>
        <v>7</v>
      </c>
      <c r="D2703">
        <f t="shared" si="128"/>
        <v>4</v>
      </c>
    </row>
    <row r="2704" spans="1:4" x14ac:dyDescent="0.25">
      <c r="A2704" s="7">
        <f t="shared" si="129"/>
        <v>44674.333333326795</v>
      </c>
      <c r="B2704" s="8">
        <v>1.1109006456655077</v>
      </c>
      <c r="C2704">
        <f t="shared" si="127"/>
        <v>8</v>
      </c>
      <c r="D2704">
        <f t="shared" si="128"/>
        <v>4</v>
      </c>
    </row>
    <row r="2705" spans="1:4" x14ac:dyDescent="0.25">
      <c r="A2705" s="7">
        <f t="shared" si="129"/>
        <v>44674.374999993459</v>
      </c>
      <c r="B2705" s="8">
        <v>2.2493032708556315</v>
      </c>
      <c r="C2705">
        <f t="shared" si="127"/>
        <v>9</v>
      </c>
      <c r="D2705">
        <f t="shared" si="128"/>
        <v>4</v>
      </c>
    </row>
    <row r="2706" spans="1:4" x14ac:dyDescent="0.25">
      <c r="A2706" s="7">
        <f t="shared" si="129"/>
        <v>44674.416666660123</v>
      </c>
      <c r="B2706" s="8">
        <v>3.3255247293739094</v>
      </c>
      <c r="C2706">
        <f t="shared" si="127"/>
        <v>10</v>
      </c>
      <c r="D2706">
        <f t="shared" si="128"/>
        <v>4</v>
      </c>
    </row>
    <row r="2707" spans="1:4" x14ac:dyDescent="0.25">
      <c r="A2707" s="7">
        <f t="shared" si="129"/>
        <v>44674.458333326787</v>
      </c>
      <c r="B2707" s="8">
        <v>10.128139622441708</v>
      </c>
      <c r="C2707">
        <f t="shared" si="127"/>
        <v>11</v>
      </c>
      <c r="D2707">
        <f t="shared" si="128"/>
        <v>4</v>
      </c>
    </row>
    <row r="2708" spans="1:4" x14ac:dyDescent="0.25">
      <c r="A2708" s="7">
        <f t="shared" si="129"/>
        <v>44674.499999993452</v>
      </c>
      <c r="B2708" s="8">
        <v>20.451311926287161</v>
      </c>
      <c r="C2708">
        <f t="shared" si="127"/>
        <v>12</v>
      </c>
      <c r="D2708">
        <f t="shared" si="128"/>
        <v>4</v>
      </c>
    </row>
    <row r="2709" spans="1:4" x14ac:dyDescent="0.25">
      <c r="A2709" s="7">
        <f t="shared" si="129"/>
        <v>44674.541666660116</v>
      </c>
      <c r="B2709" s="8">
        <v>17.839637997281546</v>
      </c>
      <c r="C2709">
        <f t="shared" si="127"/>
        <v>13</v>
      </c>
      <c r="D2709">
        <f t="shared" si="128"/>
        <v>4</v>
      </c>
    </row>
    <row r="2710" spans="1:4" x14ac:dyDescent="0.25">
      <c r="A2710" s="7">
        <f t="shared" si="129"/>
        <v>44674.58333332678</v>
      </c>
      <c r="B2710" s="8">
        <v>19.856646676682377</v>
      </c>
      <c r="C2710">
        <f t="shared" si="127"/>
        <v>14</v>
      </c>
      <c r="D2710">
        <f t="shared" si="128"/>
        <v>4</v>
      </c>
    </row>
    <row r="2711" spans="1:4" x14ac:dyDescent="0.25">
      <c r="A2711" s="7">
        <f t="shared" si="129"/>
        <v>44674.624999993444</v>
      </c>
      <c r="B2711" s="8">
        <v>15.298222170062427</v>
      </c>
      <c r="C2711">
        <f t="shared" si="127"/>
        <v>15</v>
      </c>
      <c r="D2711">
        <f t="shared" si="128"/>
        <v>4</v>
      </c>
    </row>
    <row r="2712" spans="1:4" x14ac:dyDescent="0.25">
      <c r="A2712" s="7">
        <f t="shared" si="129"/>
        <v>44674.666666660109</v>
      </c>
      <c r="B2712" s="8">
        <v>16.007592884052851</v>
      </c>
      <c r="C2712">
        <f t="shared" si="127"/>
        <v>16</v>
      </c>
      <c r="D2712">
        <f t="shared" si="128"/>
        <v>4</v>
      </c>
    </row>
    <row r="2713" spans="1:4" x14ac:dyDescent="0.25">
      <c r="A2713" s="7">
        <f t="shared" si="129"/>
        <v>44674.708333326773</v>
      </c>
      <c r="B2713" s="8">
        <v>9.4530080227014945</v>
      </c>
      <c r="C2713">
        <f t="shared" si="127"/>
        <v>17</v>
      </c>
      <c r="D2713">
        <f t="shared" si="128"/>
        <v>4</v>
      </c>
    </row>
    <row r="2714" spans="1:4" x14ac:dyDescent="0.25">
      <c r="A2714" s="7">
        <f t="shared" si="129"/>
        <v>44674.749999993437</v>
      </c>
      <c r="B2714" s="8">
        <v>4.9474334883514475</v>
      </c>
      <c r="C2714">
        <f t="shared" si="127"/>
        <v>18</v>
      </c>
      <c r="D2714">
        <f t="shared" si="128"/>
        <v>4</v>
      </c>
    </row>
    <row r="2715" spans="1:4" x14ac:dyDescent="0.25">
      <c r="A2715" s="7">
        <f t="shared" si="129"/>
        <v>44674.791666660101</v>
      </c>
      <c r="B2715" s="8">
        <v>0.99233140308096379</v>
      </c>
      <c r="C2715">
        <f t="shared" si="127"/>
        <v>19</v>
      </c>
      <c r="D2715">
        <f t="shared" si="128"/>
        <v>4</v>
      </c>
    </row>
    <row r="2716" spans="1:4" x14ac:dyDescent="0.25">
      <c r="A2716" s="7">
        <f t="shared" si="129"/>
        <v>44674.833333326766</v>
      </c>
      <c r="B2716" s="8">
        <v>-4.9800999999999998E-2</v>
      </c>
      <c r="C2716">
        <f t="shared" si="127"/>
        <v>20</v>
      </c>
      <c r="D2716">
        <f t="shared" si="128"/>
        <v>4</v>
      </c>
    </row>
    <row r="2717" spans="1:4" x14ac:dyDescent="0.25">
      <c r="A2717" s="7">
        <f t="shared" si="129"/>
        <v>44674.87499999343</v>
      </c>
      <c r="B2717" s="8">
        <v>-4.9800999999999998E-2</v>
      </c>
      <c r="C2717">
        <f t="shared" si="127"/>
        <v>21</v>
      </c>
      <c r="D2717">
        <f t="shared" si="128"/>
        <v>4</v>
      </c>
    </row>
    <row r="2718" spans="1:4" x14ac:dyDescent="0.25">
      <c r="A2718" s="7">
        <f t="shared" si="129"/>
        <v>44674.916666660094</v>
      </c>
      <c r="B2718" s="8">
        <v>-4.9800999999999998E-2</v>
      </c>
      <c r="C2718">
        <f t="shared" si="127"/>
        <v>22</v>
      </c>
      <c r="D2718">
        <f t="shared" si="128"/>
        <v>4</v>
      </c>
    </row>
    <row r="2719" spans="1:4" x14ac:dyDescent="0.25">
      <c r="A2719" s="7">
        <f t="shared" si="129"/>
        <v>44674.958333326758</v>
      </c>
      <c r="B2719" s="8">
        <v>-4.9800999999999998E-2</v>
      </c>
      <c r="C2719">
        <f t="shared" si="127"/>
        <v>23</v>
      </c>
      <c r="D2719">
        <f t="shared" si="128"/>
        <v>4</v>
      </c>
    </row>
    <row r="2720" spans="1:4" x14ac:dyDescent="0.25">
      <c r="A2720" s="7">
        <f t="shared" si="129"/>
        <v>44674.999999993423</v>
      </c>
      <c r="B2720" s="8">
        <v>-4.9800999999999998E-2</v>
      </c>
      <c r="C2720">
        <f t="shared" si="127"/>
        <v>0</v>
      </c>
      <c r="D2720">
        <f t="shared" si="128"/>
        <v>4</v>
      </c>
    </row>
    <row r="2721" spans="1:4" x14ac:dyDescent="0.25">
      <c r="A2721" s="7">
        <f t="shared" si="129"/>
        <v>44675.041666660087</v>
      </c>
      <c r="B2721" s="8">
        <v>-4.9800999999999998E-2</v>
      </c>
      <c r="C2721">
        <f t="shared" si="127"/>
        <v>1</v>
      </c>
      <c r="D2721">
        <f t="shared" si="128"/>
        <v>4</v>
      </c>
    </row>
    <row r="2722" spans="1:4" x14ac:dyDescent="0.25">
      <c r="A2722" s="7">
        <f t="shared" si="129"/>
        <v>44675.083333326751</v>
      </c>
      <c r="B2722" s="8">
        <v>-4.9800999999999998E-2</v>
      </c>
      <c r="C2722">
        <f t="shared" si="127"/>
        <v>2</v>
      </c>
      <c r="D2722">
        <f t="shared" si="128"/>
        <v>4</v>
      </c>
    </row>
    <row r="2723" spans="1:4" x14ac:dyDescent="0.25">
      <c r="A2723" s="7">
        <f t="shared" si="129"/>
        <v>44675.124999993415</v>
      </c>
      <c r="B2723" s="8">
        <v>-4.9800999999999998E-2</v>
      </c>
      <c r="C2723">
        <f t="shared" si="127"/>
        <v>3</v>
      </c>
      <c r="D2723">
        <f t="shared" si="128"/>
        <v>4</v>
      </c>
    </row>
    <row r="2724" spans="1:4" x14ac:dyDescent="0.25">
      <c r="A2724" s="7">
        <f t="shared" si="129"/>
        <v>44675.166666660079</v>
      </c>
      <c r="B2724" s="8">
        <v>-4.9800999999999998E-2</v>
      </c>
      <c r="C2724">
        <f t="shared" si="127"/>
        <v>4</v>
      </c>
      <c r="D2724">
        <f t="shared" si="128"/>
        <v>4</v>
      </c>
    </row>
    <row r="2725" spans="1:4" x14ac:dyDescent="0.25">
      <c r="A2725" s="7">
        <f t="shared" si="129"/>
        <v>44675.208333326744</v>
      </c>
      <c r="B2725" s="8">
        <v>-4.9800999999999998E-2</v>
      </c>
      <c r="C2725">
        <f t="shared" si="127"/>
        <v>5</v>
      </c>
      <c r="D2725">
        <f t="shared" si="128"/>
        <v>4</v>
      </c>
    </row>
    <row r="2726" spans="1:4" x14ac:dyDescent="0.25">
      <c r="A2726" s="7">
        <f t="shared" si="129"/>
        <v>44675.249999993408</v>
      </c>
      <c r="B2726" s="8">
        <v>-4.9800999999999998E-2</v>
      </c>
      <c r="C2726">
        <f t="shared" si="127"/>
        <v>6</v>
      </c>
      <c r="D2726">
        <f t="shared" si="128"/>
        <v>4</v>
      </c>
    </row>
    <row r="2727" spans="1:4" x14ac:dyDescent="0.25">
      <c r="A2727" s="7">
        <f t="shared" si="129"/>
        <v>44675.291666660072</v>
      </c>
      <c r="B2727" s="8">
        <v>0.33275488585770702</v>
      </c>
      <c r="C2727">
        <f t="shared" si="127"/>
        <v>7</v>
      </c>
      <c r="D2727">
        <f t="shared" si="128"/>
        <v>4</v>
      </c>
    </row>
    <row r="2728" spans="1:4" x14ac:dyDescent="0.25">
      <c r="A2728" s="7">
        <f t="shared" si="129"/>
        <v>44675.333333326736</v>
      </c>
      <c r="B2728" s="8">
        <v>1.2614498929211717</v>
      </c>
      <c r="C2728">
        <f t="shared" si="127"/>
        <v>8</v>
      </c>
      <c r="D2728">
        <f t="shared" si="128"/>
        <v>4</v>
      </c>
    </row>
    <row r="2729" spans="1:4" x14ac:dyDescent="0.25">
      <c r="A2729" s="7">
        <f t="shared" si="129"/>
        <v>44675.374999993401</v>
      </c>
      <c r="B2729" s="8">
        <v>2.8664462485260671</v>
      </c>
      <c r="C2729">
        <f t="shared" si="127"/>
        <v>9</v>
      </c>
      <c r="D2729">
        <f t="shared" si="128"/>
        <v>4</v>
      </c>
    </row>
    <row r="2730" spans="1:4" x14ac:dyDescent="0.25">
      <c r="A2730" s="7">
        <f t="shared" si="129"/>
        <v>44675.416666660065</v>
      </c>
      <c r="B2730" s="8">
        <v>2.4988740730194894</v>
      </c>
      <c r="C2730">
        <f t="shared" si="127"/>
        <v>10</v>
      </c>
      <c r="D2730">
        <f t="shared" si="128"/>
        <v>4</v>
      </c>
    </row>
    <row r="2731" spans="1:4" x14ac:dyDescent="0.25">
      <c r="A2731" s="7">
        <f t="shared" si="129"/>
        <v>44675.458333326729</v>
      </c>
      <c r="B2731" s="8">
        <v>3.8339140482331739</v>
      </c>
      <c r="C2731">
        <f t="shared" si="127"/>
        <v>11</v>
      </c>
      <c r="D2731">
        <f t="shared" si="128"/>
        <v>4</v>
      </c>
    </row>
    <row r="2732" spans="1:4" x14ac:dyDescent="0.25">
      <c r="A2732" s="7">
        <f t="shared" si="129"/>
        <v>44675.499999993393</v>
      </c>
      <c r="B2732" s="8">
        <v>20.45130368136169</v>
      </c>
      <c r="C2732">
        <f t="shared" si="127"/>
        <v>12</v>
      </c>
      <c r="D2732">
        <f t="shared" si="128"/>
        <v>4</v>
      </c>
    </row>
    <row r="2733" spans="1:4" x14ac:dyDescent="0.25">
      <c r="A2733" s="7">
        <f t="shared" si="129"/>
        <v>44675.541666660058</v>
      </c>
      <c r="B2733" s="8">
        <v>19.436727469359635</v>
      </c>
      <c r="C2733">
        <f t="shared" si="127"/>
        <v>13</v>
      </c>
      <c r="D2733">
        <f t="shared" si="128"/>
        <v>4</v>
      </c>
    </row>
    <row r="2734" spans="1:4" x14ac:dyDescent="0.25">
      <c r="A2734" s="7">
        <f t="shared" si="129"/>
        <v>44675.583333326722</v>
      </c>
      <c r="B2734" s="8">
        <v>20.451308834440109</v>
      </c>
      <c r="C2734">
        <f t="shared" si="127"/>
        <v>14</v>
      </c>
      <c r="D2734">
        <f t="shared" si="128"/>
        <v>4</v>
      </c>
    </row>
    <row r="2735" spans="1:4" x14ac:dyDescent="0.25">
      <c r="A2735" s="7">
        <f t="shared" si="129"/>
        <v>44675.624999993386</v>
      </c>
      <c r="B2735" s="8">
        <v>17.911234868841415</v>
      </c>
      <c r="C2735">
        <f t="shared" si="127"/>
        <v>15</v>
      </c>
      <c r="D2735">
        <f t="shared" si="128"/>
        <v>4</v>
      </c>
    </row>
    <row r="2736" spans="1:4" x14ac:dyDescent="0.25">
      <c r="A2736" s="7">
        <f t="shared" si="129"/>
        <v>44675.66666666005</v>
      </c>
      <c r="B2736" s="8">
        <v>12.163939517606913</v>
      </c>
      <c r="C2736">
        <f t="shared" si="127"/>
        <v>16</v>
      </c>
      <c r="D2736">
        <f t="shared" si="128"/>
        <v>4</v>
      </c>
    </row>
    <row r="2737" spans="1:4" x14ac:dyDescent="0.25">
      <c r="A2737" s="7">
        <f t="shared" si="129"/>
        <v>44675.708333326715</v>
      </c>
      <c r="B2737" s="8">
        <v>5.1997962284029642</v>
      </c>
      <c r="C2737">
        <f t="shared" si="127"/>
        <v>17</v>
      </c>
      <c r="D2737">
        <f t="shared" si="128"/>
        <v>4</v>
      </c>
    </row>
    <row r="2738" spans="1:4" x14ac:dyDescent="0.25">
      <c r="A2738" s="7">
        <f t="shared" si="129"/>
        <v>44675.749999993379</v>
      </c>
      <c r="B2738" s="8">
        <v>3.2435949049673551</v>
      </c>
      <c r="C2738">
        <f t="shared" si="127"/>
        <v>18</v>
      </c>
      <c r="D2738">
        <f t="shared" si="128"/>
        <v>4</v>
      </c>
    </row>
    <row r="2739" spans="1:4" x14ac:dyDescent="0.25">
      <c r="A2739" s="7">
        <f t="shared" si="129"/>
        <v>44675.791666660043</v>
      </c>
      <c r="B2739" s="8">
        <v>0.28678118143072223</v>
      </c>
      <c r="C2739">
        <f t="shared" si="127"/>
        <v>19</v>
      </c>
      <c r="D2739">
        <f t="shared" si="128"/>
        <v>4</v>
      </c>
    </row>
    <row r="2740" spans="1:4" x14ac:dyDescent="0.25">
      <c r="A2740" s="7">
        <f t="shared" si="129"/>
        <v>44675.833333326707</v>
      </c>
      <c r="B2740" s="8">
        <v>-4.9800999999999998E-2</v>
      </c>
      <c r="C2740">
        <f t="shared" si="127"/>
        <v>20</v>
      </c>
      <c r="D2740">
        <f t="shared" si="128"/>
        <v>4</v>
      </c>
    </row>
    <row r="2741" spans="1:4" x14ac:dyDescent="0.25">
      <c r="A2741" s="7">
        <f t="shared" si="129"/>
        <v>44675.874999993372</v>
      </c>
      <c r="B2741" s="8">
        <v>-4.9800999999999998E-2</v>
      </c>
      <c r="C2741">
        <f t="shared" si="127"/>
        <v>21</v>
      </c>
      <c r="D2741">
        <f t="shared" si="128"/>
        <v>4</v>
      </c>
    </row>
    <row r="2742" spans="1:4" x14ac:dyDescent="0.25">
      <c r="A2742" s="7">
        <f t="shared" si="129"/>
        <v>44675.916666660036</v>
      </c>
      <c r="B2742" s="8">
        <v>-4.9800999999999998E-2</v>
      </c>
      <c r="C2742">
        <f t="shared" si="127"/>
        <v>22</v>
      </c>
      <c r="D2742">
        <f t="shared" si="128"/>
        <v>4</v>
      </c>
    </row>
    <row r="2743" spans="1:4" x14ac:dyDescent="0.25">
      <c r="A2743" s="7">
        <f t="shared" si="129"/>
        <v>44675.9583333267</v>
      </c>
      <c r="B2743" s="8">
        <v>-4.9800999999999998E-2</v>
      </c>
      <c r="C2743">
        <f t="shared" si="127"/>
        <v>23</v>
      </c>
      <c r="D2743">
        <f t="shared" si="128"/>
        <v>4</v>
      </c>
    </row>
    <row r="2744" spans="1:4" x14ac:dyDescent="0.25">
      <c r="A2744" s="7">
        <f t="shared" si="129"/>
        <v>44675.999999993364</v>
      </c>
      <c r="B2744" s="8">
        <v>-4.9800999999999998E-2</v>
      </c>
      <c r="C2744">
        <f t="shared" si="127"/>
        <v>0</v>
      </c>
      <c r="D2744">
        <f t="shared" si="128"/>
        <v>4</v>
      </c>
    </row>
    <row r="2745" spans="1:4" x14ac:dyDescent="0.25">
      <c r="A2745" s="7">
        <f t="shared" si="129"/>
        <v>44676.041666660029</v>
      </c>
      <c r="B2745" s="8">
        <v>-4.9800999999999998E-2</v>
      </c>
      <c r="C2745">
        <f t="shared" si="127"/>
        <v>1</v>
      </c>
      <c r="D2745">
        <f t="shared" si="128"/>
        <v>4</v>
      </c>
    </row>
    <row r="2746" spans="1:4" x14ac:dyDescent="0.25">
      <c r="A2746" s="7">
        <f t="shared" si="129"/>
        <v>44676.083333326693</v>
      </c>
      <c r="B2746" s="8">
        <v>-4.9800999999999998E-2</v>
      </c>
      <c r="C2746">
        <f t="shared" si="127"/>
        <v>2</v>
      </c>
      <c r="D2746">
        <f t="shared" si="128"/>
        <v>4</v>
      </c>
    </row>
    <row r="2747" spans="1:4" x14ac:dyDescent="0.25">
      <c r="A2747" s="7">
        <f t="shared" si="129"/>
        <v>44676.124999993357</v>
      </c>
      <c r="B2747" s="8">
        <v>-4.9800999999999998E-2</v>
      </c>
      <c r="C2747">
        <f t="shared" si="127"/>
        <v>3</v>
      </c>
      <c r="D2747">
        <f t="shared" si="128"/>
        <v>4</v>
      </c>
    </row>
    <row r="2748" spans="1:4" x14ac:dyDescent="0.25">
      <c r="A2748" s="7">
        <f t="shared" si="129"/>
        <v>44676.166666660021</v>
      </c>
      <c r="B2748" s="8">
        <v>-4.9800999999999998E-2</v>
      </c>
      <c r="C2748">
        <f t="shared" si="127"/>
        <v>4</v>
      </c>
      <c r="D2748">
        <f t="shared" si="128"/>
        <v>4</v>
      </c>
    </row>
    <row r="2749" spans="1:4" x14ac:dyDescent="0.25">
      <c r="A2749" s="7">
        <f t="shared" si="129"/>
        <v>44676.208333326686</v>
      </c>
      <c r="B2749" s="8">
        <v>-4.9800999999999998E-2</v>
      </c>
      <c r="C2749">
        <f t="shared" si="127"/>
        <v>5</v>
      </c>
      <c r="D2749">
        <f t="shared" si="128"/>
        <v>4</v>
      </c>
    </row>
    <row r="2750" spans="1:4" x14ac:dyDescent="0.25">
      <c r="A2750" s="7">
        <f t="shared" si="129"/>
        <v>44676.24999999335</v>
      </c>
      <c r="B2750" s="8">
        <v>-4.9800999999999998E-2</v>
      </c>
      <c r="C2750">
        <f t="shared" si="127"/>
        <v>6</v>
      </c>
      <c r="D2750">
        <f t="shared" si="128"/>
        <v>4</v>
      </c>
    </row>
    <row r="2751" spans="1:4" x14ac:dyDescent="0.25">
      <c r="A2751" s="7">
        <f t="shared" si="129"/>
        <v>44676.291666660014</v>
      </c>
      <c r="B2751" s="8">
        <v>1.230150094601419</v>
      </c>
      <c r="C2751">
        <f t="shared" si="127"/>
        <v>7</v>
      </c>
      <c r="D2751">
        <f t="shared" si="128"/>
        <v>4</v>
      </c>
    </row>
    <row r="2752" spans="1:4" x14ac:dyDescent="0.25">
      <c r="A2752" s="7">
        <f t="shared" si="129"/>
        <v>44676.333333326678</v>
      </c>
      <c r="B2752" s="8">
        <v>6.5382104393657068</v>
      </c>
      <c r="C2752">
        <f t="shared" si="127"/>
        <v>8</v>
      </c>
      <c r="D2752">
        <f t="shared" si="128"/>
        <v>4</v>
      </c>
    </row>
    <row r="2753" spans="1:4" x14ac:dyDescent="0.25">
      <c r="A2753" s="7">
        <f t="shared" si="129"/>
        <v>44676.374999993342</v>
      </c>
      <c r="B2753" s="8">
        <v>13.031178911439989</v>
      </c>
      <c r="C2753">
        <f t="shared" si="127"/>
        <v>9</v>
      </c>
      <c r="D2753">
        <f t="shared" si="128"/>
        <v>4</v>
      </c>
    </row>
    <row r="2754" spans="1:4" x14ac:dyDescent="0.25">
      <c r="A2754" s="7">
        <f t="shared" si="129"/>
        <v>44676.416666660007</v>
      </c>
      <c r="B2754" s="8">
        <v>18.103473551126132</v>
      </c>
      <c r="C2754">
        <f t="shared" si="127"/>
        <v>10</v>
      </c>
      <c r="D2754">
        <f t="shared" si="128"/>
        <v>4</v>
      </c>
    </row>
    <row r="2755" spans="1:4" x14ac:dyDescent="0.25">
      <c r="A2755" s="7">
        <f t="shared" si="129"/>
        <v>44676.458333326671</v>
      </c>
      <c r="B2755" s="8">
        <v>20.451313987518528</v>
      </c>
      <c r="C2755">
        <f t="shared" si="127"/>
        <v>11</v>
      </c>
      <c r="D2755">
        <f t="shared" si="128"/>
        <v>4</v>
      </c>
    </row>
    <row r="2756" spans="1:4" x14ac:dyDescent="0.25">
      <c r="A2756" s="7">
        <f t="shared" si="129"/>
        <v>44676.499999993335</v>
      </c>
      <c r="B2756" s="8">
        <v>20.451309865055794</v>
      </c>
      <c r="C2756">
        <f t="shared" si="127"/>
        <v>12</v>
      </c>
      <c r="D2756">
        <f t="shared" si="128"/>
        <v>4</v>
      </c>
    </row>
    <row r="2757" spans="1:4" x14ac:dyDescent="0.25">
      <c r="A2757" s="7">
        <f t="shared" si="129"/>
        <v>44676.541666659999</v>
      </c>
      <c r="B2757" s="8">
        <v>18.068624312391059</v>
      </c>
      <c r="C2757">
        <f t="shared" si="127"/>
        <v>13</v>
      </c>
      <c r="D2757">
        <f t="shared" si="128"/>
        <v>4</v>
      </c>
    </row>
    <row r="2758" spans="1:4" x14ac:dyDescent="0.25">
      <c r="A2758" s="7">
        <f t="shared" si="129"/>
        <v>44676.583333326664</v>
      </c>
      <c r="B2758" s="8">
        <v>17.285214167669949</v>
      </c>
      <c r="C2758">
        <f t="shared" si="127"/>
        <v>14</v>
      </c>
      <c r="D2758">
        <f t="shared" si="128"/>
        <v>4</v>
      </c>
    </row>
    <row r="2759" spans="1:4" x14ac:dyDescent="0.25">
      <c r="A2759" s="7">
        <f t="shared" si="129"/>
        <v>44676.624999993328</v>
      </c>
      <c r="B2759" s="8">
        <v>19.098657698420105</v>
      </c>
      <c r="C2759">
        <f t="shared" si="127"/>
        <v>15</v>
      </c>
      <c r="D2759">
        <f t="shared" si="128"/>
        <v>4</v>
      </c>
    </row>
    <row r="2760" spans="1:4" x14ac:dyDescent="0.25">
      <c r="A2760" s="7">
        <f t="shared" si="129"/>
        <v>44676.666666659992</v>
      </c>
      <c r="B2760" s="8">
        <v>16.498780196532302</v>
      </c>
      <c r="C2760">
        <f t="shared" si="127"/>
        <v>16</v>
      </c>
      <c r="D2760">
        <f t="shared" si="128"/>
        <v>4</v>
      </c>
    </row>
    <row r="2761" spans="1:4" x14ac:dyDescent="0.25">
      <c r="A2761" s="7">
        <f t="shared" si="129"/>
        <v>44676.708333326656</v>
      </c>
      <c r="B2761" s="8">
        <v>11.318855269130427</v>
      </c>
      <c r="C2761">
        <f t="shared" si="127"/>
        <v>17</v>
      </c>
      <c r="D2761">
        <f t="shared" si="128"/>
        <v>4</v>
      </c>
    </row>
    <row r="2762" spans="1:4" x14ac:dyDescent="0.25">
      <c r="A2762" s="7">
        <f t="shared" si="129"/>
        <v>44676.749999993321</v>
      </c>
      <c r="B2762" s="8">
        <v>6.0695575388145224</v>
      </c>
      <c r="C2762">
        <f t="shared" ref="C2762:C2825" si="130">HOUR(A2762)</f>
        <v>18</v>
      </c>
      <c r="D2762">
        <f t="shared" ref="D2762:D2825" si="131">MONTH(A2762)</f>
        <v>4</v>
      </c>
    </row>
    <row r="2763" spans="1:4" x14ac:dyDescent="0.25">
      <c r="A2763" s="7">
        <f t="shared" ref="A2763:A2826" si="132">+A2762+1/24</f>
        <v>44676.791666659985</v>
      </c>
      <c r="B2763" s="8">
        <v>0.65933844500027816</v>
      </c>
      <c r="C2763">
        <f t="shared" si="130"/>
        <v>19</v>
      </c>
      <c r="D2763">
        <f t="shared" si="131"/>
        <v>4</v>
      </c>
    </row>
    <row r="2764" spans="1:4" x14ac:dyDescent="0.25">
      <c r="A2764" s="7">
        <f t="shared" si="132"/>
        <v>44676.833333326649</v>
      </c>
      <c r="B2764" s="8">
        <v>-4.9800999999999998E-2</v>
      </c>
      <c r="C2764">
        <f t="shared" si="130"/>
        <v>20</v>
      </c>
      <c r="D2764">
        <f t="shared" si="131"/>
        <v>4</v>
      </c>
    </row>
    <row r="2765" spans="1:4" x14ac:dyDescent="0.25">
      <c r="A2765" s="7">
        <f t="shared" si="132"/>
        <v>44676.874999993313</v>
      </c>
      <c r="B2765" s="8">
        <v>-4.9800999999999998E-2</v>
      </c>
      <c r="C2765">
        <f t="shared" si="130"/>
        <v>21</v>
      </c>
      <c r="D2765">
        <f t="shared" si="131"/>
        <v>4</v>
      </c>
    </row>
    <row r="2766" spans="1:4" x14ac:dyDescent="0.25">
      <c r="A2766" s="7">
        <f t="shared" si="132"/>
        <v>44676.916666659978</v>
      </c>
      <c r="B2766" s="8">
        <v>-4.9800999999999998E-2</v>
      </c>
      <c r="C2766">
        <f t="shared" si="130"/>
        <v>22</v>
      </c>
      <c r="D2766">
        <f t="shared" si="131"/>
        <v>4</v>
      </c>
    </row>
    <row r="2767" spans="1:4" x14ac:dyDescent="0.25">
      <c r="A2767" s="7">
        <f t="shared" si="132"/>
        <v>44676.958333326642</v>
      </c>
      <c r="B2767" s="8">
        <v>-4.9800999999999998E-2</v>
      </c>
      <c r="C2767">
        <f t="shared" si="130"/>
        <v>23</v>
      </c>
      <c r="D2767">
        <f t="shared" si="131"/>
        <v>4</v>
      </c>
    </row>
    <row r="2768" spans="1:4" x14ac:dyDescent="0.25">
      <c r="A2768" s="7">
        <f t="shared" si="132"/>
        <v>44676.999999993306</v>
      </c>
      <c r="B2768" s="8">
        <v>-4.9800999999999998E-2</v>
      </c>
      <c r="C2768">
        <f t="shared" si="130"/>
        <v>0</v>
      </c>
      <c r="D2768">
        <f t="shared" si="131"/>
        <v>4</v>
      </c>
    </row>
    <row r="2769" spans="1:4" x14ac:dyDescent="0.25">
      <c r="A2769" s="7">
        <f t="shared" si="132"/>
        <v>44677.04166665997</v>
      </c>
      <c r="B2769" s="8">
        <v>-4.9800999999999998E-2</v>
      </c>
      <c r="C2769">
        <f t="shared" si="130"/>
        <v>1</v>
      </c>
      <c r="D2769">
        <f t="shared" si="131"/>
        <v>4</v>
      </c>
    </row>
    <row r="2770" spans="1:4" x14ac:dyDescent="0.25">
      <c r="A2770" s="7">
        <f t="shared" si="132"/>
        <v>44677.083333326635</v>
      </c>
      <c r="B2770" s="8">
        <v>-4.9800999999999998E-2</v>
      </c>
      <c r="C2770">
        <f t="shared" si="130"/>
        <v>2</v>
      </c>
      <c r="D2770">
        <f t="shared" si="131"/>
        <v>4</v>
      </c>
    </row>
    <row r="2771" spans="1:4" x14ac:dyDescent="0.25">
      <c r="A2771" s="7">
        <f t="shared" si="132"/>
        <v>44677.124999993299</v>
      </c>
      <c r="B2771" s="8">
        <v>-4.9800999999999998E-2</v>
      </c>
      <c r="C2771">
        <f t="shared" si="130"/>
        <v>3</v>
      </c>
      <c r="D2771">
        <f t="shared" si="131"/>
        <v>4</v>
      </c>
    </row>
    <row r="2772" spans="1:4" x14ac:dyDescent="0.25">
      <c r="A2772" s="7">
        <f t="shared" si="132"/>
        <v>44677.166666659963</v>
      </c>
      <c r="B2772" s="8">
        <v>-4.9800999999999998E-2</v>
      </c>
      <c r="C2772">
        <f t="shared" si="130"/>
        <v>4</v>
      </c>
      <c r="D2772">
        <f t="shared" si="131"/>
        <v>4</v>
      </c>
    </row>
    <row r="2773" spans="1:4" x14ac:dyDescent="0.25">
      <c r="A2773" s="7">
        <f t="shared" si="132"/>
        <v>44677.208333326627</v>
      </c>
      <c r="B2773" s="8">
        <v>-4.9800999999999998E-2</v>
      </c>
      <c r="C2773">
        <f t="shared" si="130"/>
        <v>5</v>
      </c>
      <c r="D2773">
        <f t="shared" si="131"/>
        <v>4</v>
      </c>
    </row>
    <row r="2774" spans="1:4" x14ac:dyDescent="0.25">
      <c r="A2774" s="7">
        <f t="shared" si="132"/>
        <v>44677.249999993292</v>
      </c>
      <c r="B2774" s="8">
        <v>-4.9800999999999998E-2</v>
      </c>
      <c r="C2774">
        <f t="shared" si="130"/>
        <v>6</v>
      </c>
      <c r="D2774">
        <f t="shared" si="131"/>
        <v>4</v>
      </c>
    </row>
    <row r="2775" spans="1:4" x14ac:dyDescent="0.25">
      <c r="A2775" s="7">
        <f t="shared" si="132"/>
        <v>44677.291666659956</v>
      </c>
      <c r="B2775" s="8">
        <v>1.053485045915971</v>
      </c>
      <c r="C2775">
        <f t="shared" si="130"/>
        <v>7</v>
      </c>
      <c r="D2775">
        <f t="shared" si="131"/>
        <v>4</v>
      </c>
    </row>
    <row r="2776" spans="1:4" x14ac:dyDescent="0.25">
      <c r="A2776" s="7">
        <f t="shared" si="132"/>
        <v>44677.33333332662</v>
      </c>
      <c r="B2776" s="8">
        <v>6.1208049036959737</v>
      </c>
      <c r="C2776">
        <f t="shared" si="130"/>
        <v>8</v>
      </c>
      <c r="D2776">
        <f t="shared" si="131"/>
        <v>4</v>
      </c>
    </row>
    <row r="2777" spans="1:4" x14ac:dyDescent="0.25">
      <c r="A2777" s="7">
        <f t="shared" si="132"/>
        <v>44677.374999993284</v>
      </c>
      <c r="B2777" s="8">
        <v>13.007589149051421</v>
      </c>
      <c r="C2777">
        <f t="shared" si="130"/>
        <v>9</v>
      </c>
      <c r="D2777">
        <f t="shared" si="131"/>
        <v>4</v>
      </c>
    </row>
    <row r="2778" spans="1:4" x14ac:dyDescent="0.25">
      <c r="A2778" s="7">
        <f t="shared" si="132"/>
        <v>44677.416666659949</v>
      </c>
      <c r="B2778" s="8">
        <v>15.497901897584834</v>
      </c>
      <c r="C2778">
        <f t="shared" si="130"/>
        <v>10</v>
      </c>
      <c r="D2778">
        <f t="shared" si="131"/>
        <v>4</v>
      </c>
    </row>
    <row r="2779" spans="1:4" x14ac:dyDescent="0.25">
      <c r="A2779" s="7">
        <f t="shared" si="132"/>
        <v>44677.458333326613</v>
      </c>
      <c r="B2779" s="8">
        <v>15.802828098746131</v>
      </c>
      <c r="C2779">
        <f t="shared" si="130"/>
        <v>11</v>
      </c>
      <c r="D2779">
        <f t="shared" si="131"/>
        <v>4</v>
      </c>
    </row>
    <row r="2780" spans="1:4" x14ac:dyDescent="0.25">
      <c r="A2780" s="7">
        <f t="shared" si="132"/>
        <v>44677.499999993277</v>
      </c>
      <c r="B2780" s="8">
        <v>12.177231368082049</v>
      </c>
      <c r="C2780">
        <f t="shared" si="130"/>
        <v>12</v>
      </c>
      <c r="D2780">
        <f t="shared" si="131"/>
        <v>4</v>
      </c>
    </row>
    <row r="2781" spans="1:4" x14ac:dyDescent="0.25">
      <c r="A2781" s="7">
        <f t="shared" si="132"/>
        <v>44677.541666659941</v>
      </c>
      <c r="B2781" s="8">
        <v>10.810787502364537</v>
      </c>
      <c r="C2781">
        <f t="shared" si="130"/>
        <v>13</v>
      </c>
      <c r="D2781">
        <f t="shared" si="131"/>
        <v>4</v>
      </c>
    </row>
    <row r="2782" spans="1:4" x14ac:dyDescent="0.25">
      <c r="A2782" s="7">
        <f t="shared" si="132"/>
        <v>44677.583333326605</v>
      </c>
      <c r="B2782" s="8">
        <v>11.821760681935711</v>
      </c>
      <c r="C2782">
        <f t="shared" si="130"/>
        <v>14</v>
      </c>
      <c r="D2782">
        <f t="shared" si="131"/>
        <v>4</v>
      </c>
    </row>
    <row r="2783" spans="1:4" x14ac:dyDescent="0.25">
      <c r="A2783" s="7">
        <f t="shared" si="132"/>
        <v>44677.62499999327</v>
      </c>
      <c r="B2783" s="8">
        <v>6.9827706370745837</v>
      </c>
      <c r="C2783">
        <f t="shared" si="130"/>
        <v>15</v>
      </c>
      <c r="D2783">
        <f t="shared" si="131"/>
        <v>4</v>
      </c>
    </row>
    <row r="2784" spans="1:4" x14ac:dyDescent="0.25">
      <c r="A2784" s="7">
        <f t="shared" si="132"/>
        <v>44677.666666659934</v>
      </c>
      <c r="B2784" s="8">
        <v>2.4159301227799865</v>
      </c>
      <c r="C2784">
        <f t="shared" si="130"/>
        <v>16</v>
      </c>
      <c r="D2784">
        <f t="shared" si="131"/>
        <v>4</v>
      </c>
    </row>
    <row r="2785" spans="1:4" x14ac:dyDescent="0.25">
      <c r="A2785" s="7">
        <f t="shared" si="132"/>
        <v>44677.708333326598</v>
      </c>
      <c r="B2785" s="8">
        <v>1.7757054762531406</v>
      </c>
      <c r="C2785">
        <f t="shared" si="130"/>
        <v>17</v>
      </c>
      <c r="D2785">
        <f t="shared" si="131"/>
        <v>4</v>
      </c>
    </row>
    <row r="2786" spans="1:4" x14ac:dyDescent="0.25">
      <c r="A2786" s="7">
        <f t="shared" si="132"/>
        <v>44677.749999993262</v>
      </c>
      <c r="B2786" s="8">
        <v>2.3197911999396341</v>
      </c>
      <c r="C2786">
        <f t="shared" si="130"/>
        <v>18</v>
      </c>
      <c r="D2786">
        <f t="shared" si="131"/>
        <v>4</v>
      </c>
    </row>
    <row r="2787" spans="1:4" x14ac:dyDescent="0.25">
      <c r="A2787" s="7">
        <f t="shared" si="132"/>
        <v>44677.791666659927</v>
      </c>
      <c r="B2787" s="8">
        <v>0.89175464910577951</v>
      </c>
      <c r="C2787">
        <f t="shared" si="130"/>
        <v>19</v>
      </c>
      <c r="D2787">
        <f t="shared" si="131"/>
        <v>4</v>
      </c>
    </row>
    <row r="2788" spans="1:4" x14ac:dyDescent="0.25">
      <c r="A2788" s="7">
        <f t="shared" si="132"/>
        <v>44677.833333326591</v>
      </c>
      <c r="B2788" s="8">
        <v>-4.9800999999999998E-2</v>
      </c>
      <c r="C2788">
        <f t="shared" si="130"/>
        <v>20</v>
      </c>
      <c r="D2788">
        <f t="shared" si="131"/>
        <v>4</v>
      </c>
    </row>
    <row r="2789" spans="1:4" x14ac:dyDescent="0.25">
      <c r="A2789" s="7">
        <f t="shared" si="132"/>
        <v>44677.874999993255</v>
      </c>
      <c r="B2789" s="8">
        <v>-4.9800999999999998E-2</v>
      </c>
      <c r="C2789">
        <f t="shared" si="130"/>
        <v>21</v>
      </c>
      <c r="D2789">
        <f t="shared" si="131"/>
        <v>4</v>
      </c>
    </row>
    <row r="2790" spans="1:4" x14ac:dyDescent="0.25">
      <c r="A2790" s="7">
        <f t="shared" si="132"/>
        <v>44677.916666659919</v>
      </c>
      <c r="B2790" s="8">
        <v>-4.9800999999999998E-2</v>
      </c>
      <c r="C2790">
        <f t="shared" si="130"/>
        <v>22</v>
      </c>
      <c r="D2790">
        <f t="shared" si="131"/>
        <v>4</v>
      </c>
    </row>
    <row r="2791" spans="1:4" x14ac:dyDescent="0.25">
      <c r="A2791" s="7">
        <f t="shared" si="132"/>
        <v>44677.958333326584</v>
      </c>
      <c r="B2791" s="8">
        <v>-4.9800999999999998E-2</v>
      </c>
      <c r="C2791">
        <f t="shared" si="130"/>
        <v>23</v>
      </c>
      <c r="D2791">
        <f t="shared" si="131"/>
        <v>4</v>
      </c>
    </row>
    <row r="2792" spans="1:4" x14ac:dyDescent="0.25">
      <c r="A2792" s="7">
        <f t="shared" si="132"/>
        <v>44677.999999993248</v>
      </c>
      <c r="B2792" s="8">
        <v>-4.9800999999999998E-2</v>
      </c>
      <c r="C2792">
        <f t="shared" si="130"/>
        <v>0</v>
      </c>
      <c r="D2792">
        <f t="shared" si="131"/>
        <v>4</v>
      </c>
    </row>
    <row r="2793" spans="1:4" x14ac:dyDescent="0.25">
      <c r="A2793" s="7">
        <f t="shared" si="132"/>
        <v>44678.041666659912</v>
      </c>
      <c r="B2793" s="8">
        <v>-4.9800999999999998E-2</v>
      </c>
      <c r="C2793">
        <f t="shared" si="130"/>
        <v>1</v>
      </c>
      <c r="D2793">
        <f t="shared" si="131"/>
        <v>4</v>
      </c>
    </row>
    <row r="2794" spans="1:4" x14ac:dyDescent="0.25">
      <c r="A2794" s="7">
        <f t="shared" si="132"/>
        <v>44678.083333326576</v>
      </c>
      <c r="B2794" s="8">
        <v>-4.9800999999999998E-2</v>
      </c>
      <c r="C2794">
        <f t="shared" si="130"/>
        <v>2</v>
      </c>
      <c r="D2794">
        <f t="shared" si="131"/>
        <v>4</v>
      </c>
    </row>
    <row r="2795" spans="1:4" x14ac:dyDescent="0.25">
      <c r="A2795" s="7">
        <f t="shared" si="132"/>
        <v>44678.124999993241</v>
      </c>
      <c r="B2795" s="8">
        <v>-4.9800999999999998E-2</v>
      </c>
      <c r="C2795">
        <f t="shared" si="130"/>
        <v>3</v>
      </c>
      <c r="D2795">
        <f t="shared" si="131"/>
        <v>4</v>
      </c>
    </row>
    <row r="2796" spans="1:4" x14ac:dyDescent="0.25">
      <c r="A2796" s="7">
        <f t="shared" si="132"/>
        <v>44678.166666659905</v>
      </c>
      <c r="B2796" s="8">
        <v>-4.9800999999999998E-2</v>
      </c>
      <c r="C2796">
        <f t="shared" si="130"/>
        <v>4</v>
      </c>
      <c r="D2796">
        <f t="shared" si="131"/>
        <v>4</v>
      </c>
    </row>
    <row r="2797" spans="1:4" x14ac:dyDescent="0.25">
      <c r="A2797" s="7">
        <f t="shared" si="132"/>
        <v>44678.208333326569</v>
      </c>
      <c r="B2797" s="8">
        <v>-4.9800999999999998E-2</v>
      </c>
      <c r="C2797">
        <f t="shared" si="130"/>
        <v>5</v>
      </c>
      <c r="D2797">
        <f t="shared" si="131"/>
        <v>4</v>
      </c>
    </row>
    <row r="2798" spans="1:4" x14ac:dyDescent="0.25">
      <c r="A2798" s="7">
        <f t="shared" si="132"/>
        <v>44678.249999993233</v>
      </c>
      <c r="B2798" s="8">
        <v>-4.9800999999999998E-2</v>
      </c>
      <c r="C2798">
        <f t="shared" si="130"/>
        <v>6</v>
      </c>
      <c r="D2798">
        <f t="shared" si="131"/>
        <v>4</v>
      </c>
    </row>
    <row r="2799" spans="1:4" x14ac:dyDescent="0.25">
      <c r="A2799" s="7">
        <f t="shared" si="132"/>
        <v>44678.291666659898</v>
      </c>
      <c r="B2799" s="8">
        <v>0.39483299096116392</v>
      </c>
      <c r="C2799">
        <f t="shared" si="130"/>
        <v>7</v>
      </c>
      <c r="D2799">
        <f t="shared" si="131"/>
        <v>4</v>
      </c>
    </row>
    <row r="2800" spans="1:4" x14ac:dyDescent="0.25">
      <c r="A2800" s="7">
        <f t="shared" si="132"/>
        <v>44678.333333326562</v>
      </c>
      <c r="B2800" s="8">
        <v>1.9669424000931155</v>
      </c>
      <c r="C2800">
        <f t="shared" si="130"/>
        <v>8</v>
      </c>
      <c r="D2800">
        <f t="shared" si="131"/>
        <v>4</v>
      </c>
    </row>
    <row r="2801" spans="1:4" x14ac:dyDescent="0.25">
      <c r="A2801" s="7">
        <f t="shared" si="132"/>
        <v>44678.374999993226</v>
      </c>
      <c r="B2801" s="8">
        <v>3.8041828469843026</v>
      </c>
      <c r="C2801">
        <f t="shared" si="130"/>
        <v>9</v>
      </c>
      <c r="D2801">
        <f t="shared" si="131"/>
        <v>4</v>
      </c>
    </row>
    <row r="2802" spans="1:4" x14ac:dyDescent="0.25">
      <c r="A2802" s="7">
        <f t="shared" si="132"/>
        <v>44678.41666665989</v>
      </c>
      <c r="B2802" s="8">
        <v>5.5736479452714871</v>
      </c>
      <c r="C2802">
        <f t="shared" si="130"/>
        <v>10</v>
      </c>
      <c r="D2802">
        <f t="shared" si="131"/>
        <v>4</v>
      </c>
    </row>
    <row r="2803" spans="1:4" x14ac:dyDescent="0.25">
      <c r="A2803" s="7">
        <f t="shared" si="132"/>
        <v>44678.458333326555</v>
      </c>
      <c r="B2803" s="8">
        <v>3.0554591037202066</v>
      </c>
      <c r="C2803">
        <f t="shared" si="130"/>
        <v>11</v>
      </c>
      <c r="D2803">
        <f t="shared" si="131"/>
        <v>4</v>
      </c>
    </row>
    <row r="2804" spans="1:4" x14ac:dyDescent="0.25">
      <c r="A2804" s="7">
        <f t="shared" si="132"/>
        <v>44678.499999993219</v>
      </c>
      <c r="B2804" s="8">
        <v>4.9866628437430531</v>
      </c>
      <c r="C2804">
        <f t="shared" si="130"/>
        <v>12</v>
      </c>
      <c r="D2804">
        <f t="shared" si="131"/>
        <v>4</v>
      </c>
    </row>
    <row r="2805" spans="1:4" x14ac:dyDescent="0.25">
      <c r="A2805" s="7">
        <f t="shared" si="132"/>
        <v>44678.541666659883</v>
      </c>
      <c r="B2805" s="8">
        <v>17.550166908915873</v>
      </c>
      <c r="C2805">
        <f t="shared" si="130"/>
        <v>13</v>
      </c>
      <c r="D2805">
        <f t="shared" si="131"/>
        <v>4</v>
      </c>
    </row>
    <row r="2806" spans="1:4" x14ac:dyDescent="0.25">
      <c r="A2806" s="7">
        <f t="shared" si="132"/>
        <v>44678.583333326547</v>
      </c>
      <c r="B2806" s="8">
        <v>7.4190137662144666</v>
      </c>
      <c r="C2806">
        <f t="shared" si="130"/>
        <v>14</v>
      </c>
      <c r="D2806">
        <f t="shared" si="131"/>
        <v>4</v>
      </c>
    </row>
    <row r="2807" spans="1:4" x14ac:dyDescent="0.25">
      <c r="A2807" s="7">
        <f t="shared" si="132"/>
        <v>44678.624999993212</v>
      </c>
      <c r="B2807" s="8">
        <v>3.728624288735559</v>
      </c>
      <c r="C2807">
        <f t="shared" si="130"/>
        <v>15</v>
      </c>
      <c r="D2807">
        <f t="shared" si="131"/>
        <v>4</v>
      </c>
    </row>
    <row r="2808" spans="1:4" x14ac:dyDescent="0.25">
      <c r="A2808" s="7">
        <f t="shared" si="132"/>
        <v>44678.666666659876</v>
      </c>
      <c r="B2808" s="8">
        <v>2.4242368851921432</v>
      </c>
      <c r="C2808">
        <f t="shared" si="130"/>
        <v>16</v>
      </c>
      <c r="D2808">
        <f t="shared" si="131"/>
        <v>4</v>
      </c>
    </row>
    <row r="2809" spans="1:4" x14ac:dyDescent="0.25">
      <c r="A2809" s="7">
        <f t="shared" si="132"/>
        <v>44678.70833332654</v>
      </c>
      <c r="B2809" s="8">
        <v>2.2101749158010469</v>
      </c>
      <c r="C2809">
        <f t="shared" si="130"/>
        <v>17</v>
      </c>
      <c r="D2809">
        <f t="shared" si="131"/>
        <v>4</v>
      </c>
    </row>
    <row r="2810" spans="1:4" x14ac:dyDescent="0.25">
      <c r="A2810" s="7">
        <f t="shared" si="132"/>
        <v>44678.749999993204</v>
      </c>
      <c r="B2810" s="8">
        <v>3.6340395343465133</v>
      </c>
      <c r="C2810">
        <f t="shared" si="130"/>
        <v>18</v>
      </c>
      <c r="D2810">
        <f t="shared" si="131"/>
        <v>4</v>
      </c>
    </row>
    <row r="2811" spans="1:4" x14ac:dyDescent="0.25">
      <c r="A2811" s="7">
        <f t="shared" si="132"/>
        <v>44678.791666659868</v>
      </c>
      <c r="B2811" s="8">
        <v>0.42530623550243651</v>
      </c>
      <c r="C2811">
        <f t="shared" si="130"/>
        <v>19</v>
      </c>
      <c r="D2811">
        <f t="shared" si="131"/>
        <v>4</v>
      </c>
    </row>
    <row r="2812" spans="1:4" x14ac:dyDescent="0.25">
      <c r="A2812" s="7">
        <f t="shared" si="132"/>
        <v>44678.833333326533</v>
      </c>
      <c r="B2812" s="8">
        <v>-4.9800999999999998E-2</v>
      </c>
      <c r="C2812">
        <f t="shared" si="130"/>
        <v>20</v>
      </c>
      <c r="D2812">
        <f t="shared" si="131"/>
        <v>4</v>
      </c>
    </row>
    <row r="2813" spans="1:4" x14ac:dyDescent="0.25">
      <c r="A2813" s="7">
        <f t="shared" si="132"/>
        <v>44678.874999993197</v>
      </c>
      <c r="B2813" s="8">
        <v>-4.9800999999999998E-2</v>
      </c>
      <c r="C2813">
        <f t="shared" si="130"/>
        <v>21</v>
      </c>
      <c r="D2813">
        <f t="shared" si="131"/>
        <v>4</v>
      </c>
    </row>
    <row r="2814" spans="1:4" x14ac:dyDescent="0.25">
      <c r="A2814" s="7">
        <f t="shared" si="132"/>
        <v>44678.916666659861</v>
      </c>
      <c r="B2814" s="8">
        <v>-4.9800999999999998E-2</v>
      </c>
      <c r="C2814">
        <f t="shared" si="130"/>
        <v>22</v>
      </c>
      <c r="D2814">
        <f t="shared" si="131"/>
        <v>4</v>
      </c>
    </row>
    <row r="2815" spans="1:4" x14ac:dyDescent="0.25">
      <c r="A2815" s="7">
        <f t="shared" si="132"/>
        <v>44678.958333326525</v>
      </c>
      <c r="B2815" s="8">
        <v>-4.9800999999999998E-2</v>
      </c>
      <c r="C2815">
        <f t="shared" si="130"/>
        <v>23</v>
      </c>
      <c r="D2815">
        <f t="shared" si="131"/>
        <v>4</v>
      </c>
    </row>
    <row r="2816" spans="1:4" x14ac:dyDescent="0.25">
      <c r="A2816" s="7">
        <f t="shared" si="132"/>
        <v>44678.99999999319</v>
      </c>
      <c r="B2816" s="8">
        <v>-4.9800999999999998E-2</v>
      </c>
      <c r="C2816">
        <f t="shared" si="130"/>
        <v>0</v>
      </c>
      <c r="D2816">
        <f t="shared" si="131"/>
        <v>4</v>
      </c>
    </row>
    <row r="2817" spans="1:4" x14ac:dyDescent="0.25">
      <c r="A2817" s="7">
        <f t="shared" si="132"/>
        <v>44679.041666659854</v>
      </c>
      <c r="B2817" s="8">
        <v>-4.9800999999999998E-2</v>
      </c>
      <c r="C2817">
        <f t="shared" si="130"/>
        <v>1</v>
      </c>
      <c r="D2817">
        <f t="shared" si="131"/>
        <v>4</v>
      </c>
    </row>
    <row r="2818" spans="1:4" x14ac:dyDescent="0.25">
      <c r="A2818" s="7">
        <f t="shared" si="132"/>
        <v>44679.083333326518</v>
      </c>
      <c r="B2818" s="8">
        <v>-4.9800999999999998E-2</v>
      </c>
      <c r="C2818">
        <f t="shared" si="130"/>
        <v>2</v>
      </c>
      <c r="D2818">
        <f t="shared" si="131"/>
        <v>4</v>
      </c>
    </row>
    <row r="2819" spans="1:4" x14ac:dyDescent="0.25">
      <c r="A2819" s="7">
        <f t="shared" si="132"/>
        <v>44679.124999993182</v>
      </c>
      <c r="B2819" s="8">
        <v>-4.9800999999999998E-2</v>
      </c>
      <c r="C2819">
        <f t="shared" si="130"/>
        <v>3</v>
      </c>
      <c r="D2819">
        <f t="shared" si="131"/>
        <v>4</v>
      </c>
    </row>
    <row r="2820" spans="1:4" x14ac:dyDescent="0.25">
      <c r="A2820" s="7">
        <f t="shared" si="132"/>
        <v>44679.166666659847</v>
      </c>
      <c r="B2820" s="8">
        <v>-4.9800999999999998E-2</v>
      </c>
      <c r="C2820">
        <f t="shared" si="130"/>
        <v>4</v>
      </c>
      <c r="D2820">
        <f t="shared" si="131"/>
        <v>4</v>
      </c>
    </row>
    <row r="2821" spans="1:4" x14ac:dyDescent="0.25">
      <c r="A2821" s="7">
        <f t="shared" si="132"/>
        <v>44679.208333326511</v>
      </c>
      <c r="B2821" s="8">
        <v>-4.9800999999999998E-2</v>
      </c>
      <c r="C2821">
        <f t="shared" si="130"/>
        <v>5</v>
      </c>
      <c r="D2821">
        <f t="shared" si="131"/>
        <v>4</v>
      </c>
    </row>
    <row r="2822" spans="1:4" x14ac:dyDescent="0.25">
      <c r="A2822" s="7">
        <f t="shared" si="132"/>
        <v>44679.249999993175</v>
      </c>
      <c r="B2822" s="8">
        <v>-4.9800999999999998E-2</v>
      </c>
      <c r="C2822">
        <f t="shared" si="130"/>
        <v>6</v>
      </c>
      <c r="D2822">
        <f t="shared" si="131"/>
        <v>4</v>
      </c>
    </row>
    <row r="2823" spans="1:4" x14ac:dyDescent="0.25">
      <c r="A2823" s="7">
        <f t="shared" si="132"/>
        <v>44679.291666659839</v>
      </c>
      <c r="B2823" s="8">
        <v>1.2378601305326034</v>
      </c>
      <c r="C2823">
        <f t="shared" si="130"/>
        <v>7</v>
      </c>
      <c r="D2823">
        <f t="shared" si="131"/>
        <v>4</v>
      </c>
    </row>
    <row r="2824" spans="1:4" x14ac:dyDescent="0.25">
      <c r="A2824" s="7">
        <f t="shared" si="132"/>
        <v>44679.333333326504</v>
      </c>
      <c r="B2824" s="8">
        <v>3.3341736561931183</v>
      </c>
      <c r="C2824">
        <f t="shared" si="130"/>
        <v>8</v>
      </c>
      <c r="D2824">
        <f t="shared" si="131"/>
        <v>4</v>
      </c>
    </row>
    <row r="2825" spans="1:4" x14ac:dyDescent="0.25">
      <c r="A2825" s="7">
        <f t="shared" si="132"/>
        <v>44679.374999993168</v>
      </c>
      <c r="B2825" s="8">
        <v>4.282204044102051</v>
      </c>
      <c r="C2825">
        <f t="shared" si="130"/>
        <v>9</v>
      </c>
      <c r="D2825">
        <f t="shared" si="131"/>
        <v>4</v>
      </c>
    </row>
    <row r="2826" spans="1:4" x14ac:dyDescent="0.25">
      <c r="A2826" s="7">
        <f t="shared" si="132"/>
        <v>44679.416666659832</v>
      </c>
      <c r="B2826" s="8">
        <v>5.0426417652292468</v>
      </c>
      <c r="C2826">
        <f t="shared" ref="C2826:C2889" si="133">HOUR(A2826)</f>
        <v>10</v>
      </c>
      <c r="D2826">
        <f t="shared" ref="D2826:D2889" si="134">MONTH(A2826)</f>
        <v>4</v>
      </c>
    </row>
    <row r="2827" spans="1:4" x14ac:dyDescent="0.25">
      <c r="A2827" s="7">
        <f t="shared" ref="A2827:A2890" si="135">+A2826+1/24</f>
        <v>44679.458333326496</v>
      </c>
      <c r="B2827" s="8">
        <v>5.7583961127656869</v>
      </c>
      <c r="C2827">
        <f t="shared" si="133"/>
        <v>11</v>
      </c>
      <c r="D2827">
        <f t="shared" si="134"/>
        <v>4</v>
      </c>
    </row>
    <row r="2828" spans="1:4" x14ac:dyDescent="0.25">
      <c r="A2828" s="7">
        <f t="shared" si="135"/>
        <v>44679.499999993161</v>
      </c>
      <c r="B2828" s="8">
        <v>15.639139532136547</v>
      </c>
      <c r="C2828">
        <f t="shared" si="133"/>
        <v>12</v>
      </c>
      <c r="D2828">
        <f t="shared" si="134"/>
        <v>4</v>
      </c>
    </row>
    <row r="2829" spans="1:4" x14ac:dyDescent="0.25">
      <c r="A2829" s="7">
        <f t="shared" si="135"/>
        <v>44679.541666659825</v>
      </c>
      <c r="B2829" s="8">
        <v>20.451362426455674</v>
      </c>
      <c r="C2829">
        <f t="shared" si="133"/>
        <v>13</v>
      </c>
      <c r="D2829">
        <f t="shared" si="134"/>
        <v>4</v>
      </c>
    </row>
    <row r="2830" spans="1:4" x14ac:dyDescent="0.25">
      <c r="A2830" s="7">
        <f t="shared" si="135"/>
        <v>44679.583333326489</v>
      </c>
      <c r="B2830" s="8">
        <v>20.451289252742114</v>
      </c>
      <c r="C2830">
        <f t="shared" si="133"/>
        <v>14</v>
      </c>
      <c r="D2830">
        <f t="shared" si="134"/>
        <v>4</v>
      </c>
    </row>
    <row r="2831" spans="1:4" x14ac:dyDescent="0.25">
      <c r="A2831" s="7">
        <f t="shared" si="135"/>
        <v>44679.624999993153</v>
      </c>
      <c r="B2831" s="8">
        <v>20.451299558898956</v>
      </c>
      <c r="C2831">
        <f t="shared" si="133"/>
        <v>15</v>
      </c>
      <c r="D2831">
        <f t="shared" si="134"/>
        <v>4</v>
      </c>
    </row>
    <row r="2832" spans="1:4" x14ac:dyDescent="0.25">
      <c r="A2832" s="7">
        <f t="shared" si="135"/>
        <v>44679.666666659818</v>
      </c>
      <c r="B2832" s="8">
        <v>18.272747024126716</v>
      </c>
      <c r="C2832">
        <f t="shared" si="133"/>
        <v>16</v>
      </c>
      <c r="D2832">
        <f t="shared" si="134"/>
        <v>4</v>
      </c>
    </row>
    <row r="2833" spans="1:4" x14ac:dyDescent="0.25">
      <c r="A2833" s="7">
        <f t="shared" si="135"/>
        <v>44679.708333326482</v>
      </c>
      <c r="B2833" s="8">
        <v>12.661888699588367</v>
      </c>
      <c r="C2833">
        <f t="shared" si="133"/>
        <v>17</v>
      </c>
      <c r="D2833">
        <f t="shared" si="134"/>
        <v>4</v>
      </c>
    </row>
    <row r="2834" spans="1:4" x14ac:dyDescent="0.25">
      <c r="A2834" s="7">
        <f t="shared" si="135"/>
        <v>44679.749999993146</v>
      </c>
      <c r="B2834" s="8">
        <v>5.9030502383094987</v>
      </c>
      <c r="C2834">
        <f t="shared" si="133"/>
        <v>18</v>
      </c>
      <c r="D2834">
        <f t="shared" si="134"/>
        <v>4</v>
      </c>
    </row>
    <row r="2835" spans="1:4" x14ac:dyDescent="0.25">
      <c r="A2835" s="7">
        <f t="shared" si="135"/>
        <v>44679.79166665981</v>
      </c>
      <c r="B2835" s="8">
        <v>1.097076997497485</v>
      </c>
      <c r="C2835">
        <f t="shared" si="133"/>
        <v>19</v>
      </c>
      <c r="D2835">
        <f t="shared" si="134"/>
        <v>4</v>
      </c>
    </row>
    <row r="2836" spans="1:4" x14ac:dyDescent="0.25">
      <c r="A2836" s="7">
        <f t="shared" si="135"/>
        <v>44679.833333326475</v>
      </c>
      <c r="B2836" s="8">
        <v>-4.9800999999999998E-2</v>
      </c>
      <c r="C2836">
        <f t="shared" si="133"/>
        <v>20</v>
      </c>
      <c r="D2836">
        <f t="shared" si="134"/>
        <v>4</v>
      </c>
    </row>
    <row r="2837" spans="1:4" x14ac:dyDescent="0.25">
      <c r="A2837" s="7">
        <f t="shared" si="135"/>
        <v>44679.874999993139</v>
      </c>
      <c r="B2837" s="8">
        <v>-4.9800999999999998E-2</v>
      </c>
      <c r="C2837">
        <f t="shared" si="133"/>
        <v>21</v>
      </c>
      <c r="D2837">
        <f t="shared" si="134"/>
        <v>4</v>
      </c>
    </row>
    <row r="2838" spans="1:4" x14ac:dyDescent="0.25">
      <c r="A2838" s="7">
        <f t="shared" si="135"/>
        <v>44679.916666659803</v>
      </c>
      <c r="B2838" s="8">
        <v>-4.9800999999999998E-2</v>
      </c>
      <c r="C2838">
        <f t="shared" si="133"/>
        <v>22</v>
      </c>
      <c r="D2838">
        <f t="shared" si="134"/>
        <v>4</v>
      </c>
    </row>
    <row r="2839" spans="1:4" x14ac:dyDescent="0.25">
      <c r="A2839" s="7">
        <f t="shared" si="135"/>
        <v>44679.958333326467</v>
      </c>
      <c r="B2839" s="8">
        <v>-4.9800999999999998E-2</v>
      </c>
      <c r="C2839">
        <f t="shared" si="133"/>
        <v>23</v>
      </c>
      <c r="D2839">
        <f t="shared" si="134"/>
        <v>4</v>
      </c>
    </row>
    <row r="2840" spans="1:4" x14ac:dyDescent="0.25">
      <c r="A2840" s="7">
        <f t="shared" si="135"/>
        <v>44679.999999993131</v>
      </c>
      <c r="B2840" s="8">
        <v>-4.9800999999999998E-2</v>
      </c>
      <c r="C2840">
        <f t="shared" si="133"/>
        <v>0</v>
      </c>
      <c r="D2840">
        <f t="shared" si="134"/>
        <v>4</v>
      </c>
    </row>
    <row r="2841" spans="1:4" x14ac:dyDescent="0.25">
      <c r="A2841" s="7">
        <f t="shared" si="135"/>
        <v>44680.041666659796</v>
      </c>
      <c r="B2841" s="8">
        <v>-4.9800999999999998E-2</v>
      </c>
      <c r="C2841">
        <f t="shared" si="133"/>
        <v>1</v>
      </c>
      <c r="D2841">
        <f t="shared" si="134"/>
        <v>4</v>
      </c>
    </row>
    <row r="2842" spans="1:4" x14ac:dyDescent="0.25">
      <c r="A2842" s="7">
        <f t="shared" si="135"/>
        <v>44680.08333332646</v>
      </c>
      <c r="B2842" s="8">
        <v>-4.9800999999999998E-2</v>
      </c>
      <c r="C2842">
        <f t="shared" si="133"/>
        <v>2</v>
      </c>
      <c r="D2842">
        <f t="shared" si="134"/>
        <v>4</v>
      </c>
    </row>
    <row r="2843" spans="1:4" x14ac:dyDescent="0.25">
      <c r="A2843" s="7">
        <f t="shared" si="135"/>
        <v>44680.124999993124</v>
      </c>
      <c r="B2843" s="8">
        <v>-4.9800999999999998E-2</v>
      </c>
      <c r="C2843">
        <f t="shared" si="133"/>
        <v>3</v>
      </c>
      <c r="D2843">
        <f t="shared" si="134"/>
        <v>4</v>
      </c>
    </row>
    <row r="2844" spans="1:4" x14ac:dyDescent="0.25">
      <c r="A2844" s="7">
        <f t="shared" si="135"/>
        <v>44680.166666659788</v>
      </c>
      <c r="B2844" s="8">
        <v>-4.9800999999999998E-2</v>
      </c>
      <c r="C2844">
        <f t="shared" si="133"/>
        <v>4</v>
      </c>
      <c r="D2844">
        <f t="shared" si="134"/>
        <v>4</v>
      </c>
    </row>
    <row r="2845" spans="1:4" x14ac:dyDescent="0.25">
      <c r="A2845" s="7">
        <f t="shared" si="135"/>
        <v>44680.208333326453</v>
      </c>
      <c r="B2845" s="8">
        <v>-4.9800999999999998E-2</v>
      </c>
      <c r="C2845">
        <f t="shared" si="133"/>
        <v>5</v>
      </c>
      <c r="D2845">
        <f t="shared" si="134"/>
        <v>4</v>
      </c>
    </row>
    <row r="2846" spans="1:4" x14ac:dyDescent="0.25">
      <c r="A2846" s="7">
        <f t="shared" si="135"/>
        <v>44680.249999993117</v>
      </c>
      <c r="B2846" s="8">
        <v>-4.9800999999999998E-2</v>
      </c>
      <c r="C2846">
        <f t="shared" si="133"/>
        <v>6</v>
      </c>
      <c r="D2846">
        <f t="shared" si="134"/>
        <v>4</v>
      </c>
    </row>
    <row r="2847" spans="1:4" x14ac:dyDescent="0.25">
      <c r="A2847" s="7">
        <f t="shared" si="135"/>
        <v>44680.291666659781</v>
      </c>
      <c r="B2847" s="8">
        <v>1.3557440136873598</v>
      </c>
      <c r="C2847">
        <f t="shared" si="133"/>
        <v>7</v>
      </c>
      <c r="D2847">
        <f t="shared" si="134"/>
        <v>4</v>
      </c>
    </row>
    <row r="2848" spans="1:4" x14ac:dyDescent="0.25">
      <c r="A2848" s="7">
        <f t="shared" si="135"/>
        <v>44680.333333326445</v>
      </c>
      <c r="B2848" s="8">
        <v>6.9331495837423107</v>
      </c>
      <c r="C2848">
        <f t="shared" si="133"/>
        <v>8</v>
      </c>
      <c r="D2848">
        <f t="shared" si="134"/>
        <v>4</v>
      </c>
    </row>
    <row r="2849" spans="1:4" x14ac:dyDescent="0.25">
      <c r="A2849" s="7">
        <f t="shared" si="135"/>
        <v>44680.37499999311</v>
      </c>
      <c r="B2849" s="8">
        <v>13.597376494624354</v>
      </c>
      <c r="C2849">
        <f t="shared" si="133"/>
        <v>9</v>
      </c>
      <c r="D2849">
        <f t="shared" si="134"/>
        <v>4</v>
      </c>
    </row>
    <row r="2850" spans="1:4" x14ac:dyDescent="0.25">
      <c r="A2850" s="7">
        <f t="shared" si="135"/>
        <v>44680.416666659774</v>
      </c>
      <c r="B2850" s="8">
        <v>19.079913890977188</v>
      </c>
      <c r="C2850">
        <f t="shared" si="133"/>
        <v>10</v>
      </c>
      <c r="D2850">
        <f t="shared" si="134"/>
        <v>4</v>
      </c>
    </row>
    <row r="2851" spans="1:4" x14ac:dyDescent="0.25">
      <c r="A2851" s="7">
        <f t="shared" si="135"/>
        <v>44680.458333326438</v>
      </c>
      <c r="B2851" s="8">
        <v>20.451306773208739</v>
      </c>
      <c r="C2851">
        <f t="shared" si="133"/>
        <v>11</v>
      </c>
      <c r="D2851">
        <f t="shared" si="134"/>
        <v>4</v>
      </c>
    </row>
    <row r="2852" spans="1:4" x14ac:dyDescent="0.25">
      <c r="A2852" s="7">
        <f t="shared" si="135"/>
        <v>44680.499999993102</v>
      </c>
      <c r="B2852" s="8">
        <v>16.407605749441249</v>
      </c>
      <c r="C2852">
        <f t="shared" si="133"/>
        <v>12</v>
      </c>
      <c r="D2852">
        <f t="shared" si="134"/>
        <v>4</v>
      </c>
    </row>
    <row r="2853" spans="1:4" x14ac:dyDescent="0.25">
      <c r="A2853" s="7">
        <f t="shared" si="135"/>
        <v>44680.541666659767</v>
      </c>
      <c r="B2853" s="8">
        <v>20.451297497667586</v>
      </c>
      <c r="C2853">
        <f t="shared" si="133"/>
        <v>13</v>
      </c>
      <c r="D2853">
        <f t="shared" si="134"/>
        <v>4</v>
      </c>
    </row>
    <row r="2854" spans="1:4" x14ac:dyDescent="0.25">
      <c r="A2854" s="7">
        <f t="shared" si="135"/>
        <v>44680.583333326431</v>
      </c>
      <c r="B2854" s="8">
        <v>19.260435503551754</v>
      </c>
      <c r="C2854">
        <f t="shared" si="133"/>
        <v>14</v>
      </c>
      <c r="D2854">
        <f t="shared" si="134"/>
        <v>4</v>
      </c>
    </row>
    <row r="2855" spans="1:4" x14ac:dyDescent="0.25">
      <c r="A2855" s="7">
        <f t="shared" si="135"/>
        <v>44680.624999993095</v>
      </c>
      <c r="B2855" s="8">
        <v>17.498680441195756</v>
      </c>
      <c r="C2855">
        <f t="shared" si="133"/>
        <v>15</v>
      </c>
      <c r="D2855">
        <f t="shared" si="134"/>
        <v>4</v>
      </c>
    </row>
    <row r="2856" spans="1:4" x14ac:dyDescent="0.25">
      <c r="A2856" s="7">
        <f t="shared" si="135"/>
        <v>44680.666666659759</v>
      </c>
      <c r="B2856" s="8">
        <v>16.488450335532665</v>
      </c>
      <c r="C2856">
        <f t="shared" si="133"/>
        <v>16</v>
      </c>
      <c r="D2856">
        <f t="shared" si="134"/>
        <v>4</v>
      </c>
    </row>
    <row r="2857" spans="1:4" x14ac:dyDescent="0.25">
      <c r="A2857" s="7">
        <f t="shared" si="135"/>
        <v>44680.708333326424</v>
      </c>
      <c r="B2857" s="8">
        <v>12.592840540614759</v>
      </c>
      <c r="C2857">
        <f t="shared" si="133"/>
        <v>17</v>
      </c>
      <c r="D2857">
        <f t="shared" si="134"/>
        <v>4</v>
      </c>
    </row>
    <row r="2858" spans="1:4" x14ac:dyDescent="0.25">
      <c r="A2858" s="7">
        <f t="shared" si="135"/>
        <v>44680.749999993088</v>
      </c>
      <c r="B2858" s="8">
        <v>6.2217877202506111</v>
      </c>
      <c r="C2858">
        <f t="shared" si="133"/>
        <v>18</v>
      </c>
      <c r="D2858">
        <f t="shared" si="134"/>
        <v>4</v>
      </c>
    </row>
    <row r="2859" spans="1:4" x14ac:dyDescent="0.25">
      <c r="A2859" s="7">
        <f t="shared" si="135"/>
        <v>44680.791666659752</v>
      </c>
      <c r="B2859" s="8">
        <v>1.0976283768883663</v>
      </c>
      <c r="C2859">
        <f t="shared" si="133"/>
        <v>19</v>
      </c>
      <c r="D2859">
        <f t="shared" si="134"/>
        <v>4</v>
      </c>
    </row>
    <row r="2860" spans="1:4" x14ac:dyDescent="0.25">
      <c r="A2860" s="7">
        <f t="shared" si="135"/>
        <v>44680.833333326416</v>
      </c>
      <c r="B2860" s="8">
        <v>-4.9800999999999998E-2</v>
      </c>
      <c r="C2860">
        <f t="shared" si="133"/>
        <v>20</v>
      </c>
      <c r="D2860">
        <f t="shared" si="134"/>
        <v>4</v>
      </c>
    </row>
    <row r="2861" spans="1:4" x14ac:dyDescent="0.25">
      <c r="A2861" s="7">
        <f t="shared" si="135"/>
        <v>44680.874999993081</v>
      </c>
      <c r="B2861" s="8">
        <v>-4.9800999999999998E-2</v>
      </c>
      <c r="C2861">
        <f t="shared" si="133"/>
        <v>21</v>
      </c>
      <c r="D2861">
        <f t="shared" si="134"/>
        <v>4</v>
      </c>
    </row>
    <row r="2862" spans="1:4" x14ac:dyDescent="0.25">
      <c r="A2862" s="7">
        <f t="shared" si="135"/>
        <v>44680.916666659745</v>
      </c>
      <c r="B2862" s="8">
        <v>-4.9800999999999998E-2</v>
      </c>
      <c r="C2862">
        <f t="shared" si="133"/>
        <v>22</v>
      </c>
      <c r="D2862">
        <f t="shared" si="134"/>
        <v>4</v>
      </c>
    </row>
    <row r="2863" spans="1:4" x14ac:dyDescent="0.25">
      <c r="A2863" s="7">
        <f t="shared" si="135"/>
        <v>44680.958333326409</v>
      </c>
      <c r="B2863" s="8">
        <v>-4.9800999999999998E-2</v>
      </c>
      <c r="C2863">
        <f t="shared" si="133"/>
        <v>23</v>
      </c>
      <c r="D2863">
        <f t="shared" si="134"/>
        <v>4</v>
      </c>
    </row>
    <row r="2864" spans="1:4" x14ac:dyDescent="0.25">
      <c r="A2864" s="7">
        <f t="shared" si="135"/>
        <v>44680.999999993073</v>
      </c>
      <c r="B2864" s="8">
        <v>-4.9800999999999998E-2</v>
      </c>
      <c r="C2864">
        <f t="shared" si="133"/>
        <v>0</v>
      </c>
      <c r="D2864">
        <f t="shared" si="134"/>
        <v>4</v>
      </c>
    </row>
    <row r="2865" spans="1:4" x14ac:dyDescent="0.25">
      <c r="A2865" s="7">
        <f t="shared" si="135"/>
        <v>44681.041666659738</v>
      </c>
      <c r="B2865" s="8">
        <v>-4.9800999999999998E-2</v>
      </c>
      <c r="C2865">
        <f t="shared" si="133"/>
        <v>1</v>
      </c>
      <c r="D2865">
        <f t="shared" si="134"/>
        <v>4</v>
      </c>
    </row>
    <row r="2866" spans="1:4" x14ac:dyDescent="0.25">
      <c r="A2866" s="7">
        <f t="shared" si="135"/>
        <v>44681.083333326402</v>
      </c>
      <c r="B2866" s="8">
        <v>-4.9800999999999998E-2</v>
      </c>
      <c r="C2866">
        <f t="shared" si="133"/>
        <v>2</v>
      </c>
      <c r="D2866">
        <f t="shared" si="134"/>
        <v>4</v>
      </c>
    </row>
    <row r="2867" spans="1:4" x14ac:dyDescent="0.25">
      <c r="A2867" s="7">
        <f t="shared" si="135"/>
        <v>44681.124999993066</v>
      </c>
      <c r="B2867" s="8">
        <v>-4.9800999999999998E-2</v>
      </c>
      <c r="C2867">
        <f t="shared" si="133"/>
        <v>3</v>
      </c>
      <c r="D2867">
        <f t="shared" si="134"/>
        <v>4</v>
      </c>
    </row>
    <row r="2868" spans="1:4" x14ac:dyDescent="0.25">
      <c r="A2868" s="7">
        <f t="shared" si="135"/>
        <v>44681.16666665973</v>
      </c>
      <c r="B2868" s="8">
        <v>-4.9800999999999998E-2</v>
      </c>
      <c r="C2868">
        <f t="shared" si="133"/>
        <v>4</v>
      </c>
      <c r="D2868">
        <f t="shared" si="134"/>
        <v>4</v>
      </c>
    </row>
    <row r="2869" spans="1:4" x14ac:dyDescent="0.25">
      <c r="A2869" s="7">
        <f t="shared" si="135"/>
        <v>44681.208333326394</v>
      </c>
      <c r="B2869" s="8">
        <v>-4.9800999999999998E-2</v>
      </c>
      <c r="C2869">
        <f t="shared" si="133"/>
        <v>5</v>
      </c>
      <c r="D2869">
        <f t="shared" si="134"/>
        <v>4</v>
      </c>
    </row>
    <row r="2870" spans="1:4" x14ac:dyDescent="0.25">
      <c r="A2870" s="7">
        <f t="shared" si="135"/>
        <v>44681.249999993059</v>
      </c>
      <c r="B2870" s="8">
        <v>-4.9800999999999998E-2</v>
      </c>
      <c r="C2870">
        <f t="shared" si="133"/>
        <v>6</v>
      </c>
      <c r="D2870">
        <f t="shared" si="134"/>
        <v>4</v>
      </c>
    </row>
    <row r="2871" spans="1:4" x14ac:dyDescent="0.25">
      <c r="A2871" s="7">
        <f t="shared" si="135"/>
        <v>44681.291666659723</v>
      </c>
      <c r="B2871" s="8">
        <v>1.3558048200127093</v>
      </c>
      <c r="C2871">
        <f t="shared" si="133"/>
        <v>7</v>
      </c>
      <c r="D2871">
        <f t="shared" si="134"/>
        <v>4</v>
      </c>
    </row>
    <row r="2872" spans="1:4" x14ac:dyDescent="0.25">
      <c r="A2872" s="7">
        <f t="shared" si="135"/>
        <v>44681.333333326387</v>
      </c>
      <c r="B2872" s="8">
        <v>6.709466816942097</v>
      </c>
      <c r="C2872">
        <f t="shared" si="133"/>
        <v>8</v>
      </c>
      <c r="D2872">
        <f t="shared" si="134"/>
        <v>4</v>
      </c>
    </row>
    <row r="2873" spans="1:4" x14ac:dyDescent="0.25">
      <c r="A2873" s="7">
        <f t="shared" si="135"/>
        <v>44681.374999993051</v>
      </c>
      <c r="B2873" s="8">
        <v>13.515122026277373</v>
      </c>
      <c r="C2873">
        <f t="shared" si="133"/>
        <v>9</v>
      </c>
      <c r="D2873">
        <f t="shared" si="134"/>
        <v>4</v>
      </c>
    </row>
    <row r="2874" spans="1:4" x14ac:dyDescent="0.25">
      <c r="A2874" s="7">
        <f t="shared" si="135"/>
        <v>44681.416666659716</v>
      </c>
      <c r="B2874" s="8">
        <v>19.052229492476528</v>
      </c>
      <c r="C2874">
        <f t="shared" si="133"/>
        <v>10</v>
      </c>
      <c r="D2874">
        <f t="shared" si="134"/>
        <v>4</v>
      </c>
    </row>
    <row r="2875" spans="1:4" x14ac:dyDescent="0.25">
      <c r="A2875" s="7">
        <f t="shared" si="135"/>
        <v>44681.45833332638</v>
      </c>
      <c r="B2875" s="8">
        <v>20.451286160895062</v>
      </c>
      <c r="C2875">
        <f t="shared" si="133"/>
        <v>11</v>
      </c>
      <c r="D2875">
        <f t="shared" si="134"/>
        <v>4</v>
      </c>
    </row>
    <row r="2876" spans="1:4" x14ac:dyDescent="0.25">
      <c r="A2876" s="7">
        <f t="shared" si="135"/>
        <v>44681.499999993044</v>
      </c>
      <c r="B2876" s="8">
        <v>20.451357273377251</v>
      </c>
      <c r="C2876">
        <f t="shared" si="133"/>
        <v>12</v>
      </c>
      <c r="D2876">
        <f t="shared" si="134"/>
        <v>4</v>
      </c>
    </row>
    <row r="2877" spans="1:4" x14ac:dyDescent="0.25">
      <c r="A2877" s="7">
        <f t="shared" si="135"/>
        <v>44681.541666659708</v>
      </c>
      <c r="B2877" s="8">
        <v>20.451365518302723</v>
      </c>
      <c r="C2877">
        <f t="shared" si="133"/>
        <v>13</v>
      </c>
      <c r="D2877">
        <f t="shared" si="134"/>
        <v>4</v>
      </c>
    </row>
    <row r="2878" spans="1:4" x14ac:dyDescent="0.25">
      <c r="A2878" s="7">
        <f t="shared" si="135"/>
        <v>44681.583333326373</v>
      </c>
      <c r="B2878" s="8">
        <v>20.451342844757676</v>
      </c>
      <c r="C2878">
        <f t="shared" si="133"/>
        <v>14</v>
      </c>
      <c r="D2878">
        <f t="shared" si="134"/>
        <v>4</v>
      </c>
    </row>
    <row r="2879" spans="1:4" x14ac:dyDescent="0.25">
      <c r="A2879" s="7">
        <f t="shared" si="135"/>
        <v>44681.624999993037</v>
      </c>
      <c r="B2879" s="8">
        <v>20.451313987518528</v>
      </c>
      <c r="C2879">
        <f t="shared" si="133"/>
        <v>15</v>
      </c>
      <c r="D2879">
        <f t="shared" si="134"/>
        <v>4</v>
      </c>
    </row>
    <row r="2880" spans="1:4" x14ac:dyDescent="0.25">
      <c r="A2880" s="7">
        <f t="shared" si="135"/>
        <v>44681.666666659701</v>
      </c>
      <c r="B2880" s="8">
        <v>17.943702354731016</v>
      </c>
      <c r="C2880">
        <f t="shared" si="133"/>
        <v>16</v>
      </c>
      <c r="D2880">
        <f t="shared" si="134"/>
        <v>4</v>
      </c>
    </row>
    <row r="2881" spans="1:4" x14ac:dyDescent="0.25">
      <c r="A2881" s="7">
        <f t="shared" si="135"/>
        <v>44681.708333326365</v>
      </c>
      <c r="B2881" s="8">
        <v>12.352211360124334</v>
      </c>
      <c r="C2881">
        <f t="shared" si="133"/>
        <v>17</v>
      </c>
      <c r="D2881">
        <f t="shared" si="134"/>
        <v>4</v>
      </c>
    </row>
    <row r="2882" spans="1:4" x14ac:dyDescent="0.25">
      <c r="A2882" s="7">
        <f t="shared" si="135"/>
        <v>44681.74999999303</v>
      </c>
      <c r="B2882" s="8">
        <v>5.8420810756819073</v>
      </c>
      <c r="C2882">
        <f t="shared" si="133"/>
        <v>18</v>
      </c>
      <c r="D2882">
        <f t="shared" si="134"/>
        <v>4</v>
      </c>
    </row>
    <row r="2883" spans="1:4" x14ac:dyDescent="0.25">
      <c r="A2883" s="7">
        <f t="shared" si="135"/>
        <v>44681.791666659694</v>
      </c>
      <c r="B2883" s="8">
        <v>1.1350366343665377</v>
      </c>
      <c r="C2883">
        <f t="shared" si="133"/>
        <v>19</v>
      </c>
      <c r="D2883">
        <f t="shared" si="134"/>
        <v>4</v>
      </c>
    </row>
    <row r="2884" spans="1:4" x14ac:dyDescent="0.25">
      <c r="A2884" s="7">
        <f t="shared" si="135"/>
        <v>44681.833333326358</v>
      </c>
      <c r="B2884" s="8">
        <v>-4.9800999999999998E-2</v>
      </c>
      <c r="C2884">
        <f t="shared" si="133"/>
        <v>20</v>
      </c>
      <c r="D2884">
        <f t="shared" si="134"/>
        <v>4</v>
      </c>
    </row>
    <row r="2885" spans="1:4" x14ac:dyDescent="0.25">
      <c r="A2885" s="7">
        <f t="shared" si="135"/>
        <v>44681.874999993022</v>
      </c>
      <c r="B2885" s="8">
        <v>-4.9800999999999998E-2</v>
      </c>
      <c r="C2885">
        <f t="shared" si="133"/>
        <v>21</v>
      </c>
      <c r="D2885">
        <f t="shared" si="134"/>
        <v>4</v>
      </c>
    </row>
    <row r="2886" spans="1:4" x14ac:dyDescent="0.25">
      <c r="A2886" s="7">
        <f t="shared" si="135"/>
        <v>44681.916666659687</v>
      </c>
      <c r="B2886" s="8">
        <v>-4.9800999999999998E-2</v>
      </c>
      <c r="C2886">
        <f t="shared" si="133"/>
        <v>22</v>
      </c>
      <c r="D2886">
        <f t="shared" si="134"/>
        <v>4</v>
      </c>
    </row>
    <row r="2887" spans="1:4" x14ac:dyDescent="0.25">
      <c r="A2887" s="7">
        <f t="shared" si="135"/>
        <v>44681.958333326351</v>
      </c>
      <c r="B2887" s="8">
        <v>-4.9800999999999998E-2</v>
      </c>
      <c r="C2887">
        <f t="shared" si="133"/>
        <v>23</v>
      </c>
      <c r="D2887">
        <f t="shared" si="134"/>
        <v>4</v>
      </c>
    </row>
    <row r="2888" spans="1:4" x14ac:dyDescent="0.25">
      <c r="A2888" s="7">
        <f t="shared" si="135"/>
        <v>44681.999999993015</v>
      </c>
      <c r="B2888" s="8">
        <v>-4.9800999999999998E-2</v>
      </c>
      <c r="C2888">
        <f t="shared" si="133"/>
        <v>0</v>
      </c>
      <c r="D2888">
        <f t="shared" si="134"/>
        <v>5</v>
      </c>
    </row>
    <row r="2889" spans="1:4" x14ac:dyDescent="0.25">
      <c r="A2889" s="7">
        <f t="shared" si="135"/>
        <v>44682.041666659679</v>
      </c>
      <c r="B2889" s="8">
        <v>-4.9800999999999998E-2</v>
      </c>
      <c r="C2889">
        <f t="shared" si="133"/>
        <v>1</v>
      </c>
      <c r="D2889">
        <f t="shared" si="134"/>
        <v>5</v>
      </c>
    </row>
    <row r="2890" spans="1:4" x14ac:dyDescent="0.25">
      <c r="A2890" s="7">
        <f t="shared" si="135"/>
        <v>44682.083333326344</v>
      </c>
      <c r="B2890" s="8">
        <v>-4.9800999999999998E-2</v>
      </c>
      <c r="C2890">
        <f t="shared" ref="C2890:C2953" si="136">HOUR(A2890)</f>
        <v>2</v>
      </c>
      <c r="D2890">
        <f t="shared" ref="D2890:D2953" si="137">MONTH(A2890)</f>
        <v>5</v>
      </c>
    </row>
    <row r="2891" spans="1:4" x14ac:dyDescent="0.25">
      <c r="A2891" s="7">
        <f t="shared" ref="A2891:A2954" si="138">+A2890+1/24</f>
        <v>44682.124999993008</v>
      </c>
      <c r="B2891" s="8">
        <v>-4.9800999999999998E-2</v>
      </c>
      <c r="C2891">
        <f t="shared" si="136"/>
        <v>3</v>
      </c>
      <c r="D2891">
        <f t="shared" si="137"/>
        <v>5</v>
      </c>
    </row>
    <row r="2892" spans="1:4" x14ac:dyDescent="0.25">
      <c r="A2892" s="7">
        <f t="shared" si="138"/>
        <v>44682.166666659672</v>
      </c>
      <c r="B2892" s="8">
        <v>-4.9800999999999998E-2</v>
      </c>
      <c r="C2892">
        <f t="shared" si="136"/>
        <v>4</v>
      </c>
      <c r="D2892">
        <f t="shared" si="137"/>
        <v>5</v>
      </c>
    </row>
    <row r="2893" spans="1:4" x14ac:dyDescent="0.25">
      <c r="A2893" s="7">
        <f t="shared" si="138"/>
        <v>44682.208333326336</v>
      </c>
      <c r="B2893" s="8">
        <v>-4.9800999999999998E-2</v>
      </c>
      <c r="C2893">
        <f t="shared" si="136"/>
        <v>5</v>
      </c>
      <c r="D2893">
        <f t="shared" si="137"/>
        <v>5</v>
      </c>
    </row>
    <row r="2894" spans="1:4" x14ac:dyDescent="0.25">
      <c r="A2894" s="7">
        <f t="shared" si="138"/>
        <v>44682.249999993001</v>
      </c>
      <c r="B2894" s="8">
        <v>-4.9800999999999998E-2</v>
      </c>
      <c r="C2894">
        <f t="shared" si="136"/>
        <v>6</v>
      </c>
      <c r="D2894">
        <f t="shared" si="137"/>
        <v>5</v>
      </c>
    </row>
    <row r="2895" spans="1:4" x14ac:dyDescent="0.25">
      <c r="A2895" s="7">
        <f t="shared" si="138"/>
        <v>44682.291666659665</v>
      </c>
      <c r="B2895" s="8">
        <v>1.5190533137252715</v>
      </c>
      <c r="C2895">
        <f t="shared" si="136"/>
        <v>7</v>
      </c>
      <c r="D2895">
        <f t="shared" si="137"/>
        <v>5</v>
      </c>
    </row>
    <row r="2896" spans="1:4" x14ac:dyDescent="0.25">
      <c r="A2896" s="7">
        <f t="shared" si="138"/>
        <v>44682.333333326329</v>
      </c>
      <c r="B2896" s="8">
        <v>5.6360197758448516</v>
      </c>
      <c r="C2896">
        <f t="shared" si="136"/>
        <v>8</v>
      </c>
      <c r="D2896">
        <f t="shared" si="137"/>
        <v>5</v>
      </c>
    </row>
    <row r="2897" spans="1:4" x14ac:dyDescent="0.25">
      <c r="A2897" s="7">
        <f t="shared" si="138"/>
        <v>44682.374999992993</v>
      </c>
      <c r="B2897" s="8">
        <v>11.836784997375466</v>
      </c>
      <c r="C2897">
        <f t="shared" si="136"/>
        <v>9</v>
      </c>
      <c r="D2897">
        <f t="shared" si="137"/>
        <v>5</v>
      </c>
    </row>
    <row r="2898" spans="1:4" x14ac:dyDescent="0.25">
      <c r="A2898" s="7">
        <f t="shared" si="138"/>
        <v>44682.416666659657</v>
      </c>
      <c r="B2898" s="8">
        <v>13.574099008788004</v>
      </c>
      <c r="C2898">
        <f t="shared" si="136"/>
        <v>10</v>
      </c>
      <c r="D2898">
        <f t="shared" si="137"/>
        <v>5</v>
      </c>
    </row>
    <row r="2899" spans="1:4" x14ac:dyDescent="0.25">
      <c r="A2899" s="7">
        <f t="shared" si="138"/>
        <v>44682.458333326322</v>
      </c>
      <c r="B2899" s="8">
        <v>16.560392463346641</v>
      </c>
      <c r="C2899">
        <f t="shared" si="136"/>
        <v>11</v>
      </c>
      <c r="D2899">
        <f t="shared" si="137"/>
        <v>5</v>
      </c>
    </row>
    <row r="2900" spans="1:4" x14ac:dyDescent="0.25">
      <c r="A2900" s="7">
        <f t="shared" si="138"/>
        <v>44682.499999992986</v>
      </c>
      <c r="B2900" s="8">
        <v>20.4512964670519</v>
      </c>
      <c r="C2900">
        <f t="shared" si="136"/>
        <v>12</v>
      </c>
      <c r="D2900">
        <f t="shared" si="137"/>
        <v>5</v>
      </c>
    </row>
    <row r="2901" spans="1:4" x14ac:dyDescent="0.25">
      <c r="A2901" s="7">
        <f t="shared" si="138"/>
        <v>44682.54166665965</v>
      </c>
      <c r="B2901" s="8">
        <v>20.451295436436219</v>
      </c>
      <c r="C2901">
        <f t="shared" si="136"/>
        <v>13</v>
      </c>
      <c r="D2901">
        <f t="shared" si="137"/>
        <v>5</v>
      </c>
    </row>
    <row r="2902" spans="1:4" x14ac:dyDescent="0.25">
      <c r="A2902" s="7">
        <f t="shared" si="138"/>
        <v>44682.583333326314</v>
      </c>
      <c r="B2902" s="8">
        <v>20.451311926287161</v>
      </c>
      <c r="C2902">
        <f t="shared" si="136"/>
        <v>14</v>
      </c>
      <c r="D2902">
        <f t="shared" si="137"/>
        <v>5</v>
      </c>
    </row>
    <row r="2903" spans="1:4" x14ac:dyDescent="0.25">
      <c r="A2903" s="7">
        <f t="shared" si="138"/>
        <v>44682.624999992979</v>
      </c>
      <c r="B2903" s="8">
        <v>19.21377334784793</v>
      </c>
      <c r="C2903">
        <f t="shared" si="136"/>
        <v>15</v>
      </c>
      <c r="D2903">
        <f t="shared" si="137"/>
        <v>5</v>
      </c>
    </row>
    <row r="2904" spans="1:4" x14ac:dyDescent="0.25">
      <c r="A2904" s="7">
        <f t="shared" si="138"/>
        <v>44682.666666659643</v>
      </c>
      <c r="B2904" s="8">
        <v>11.736297906964781</v>
      </c>
      <c r="C2904">
        <f t="shared" si="136"/>
        <v>16</v>
      </c>
      <c r="D2904">
        <f t="shared" si="137"/>
        <v>5</v>
      </c>
    </row>
    <row r="2905" spans="1:4" x14ac:dyDescent="0.25">
      <c r="A2905" s="7">
        <f t="shared" si="138"/>
        <v>44682.708333326307</v>
      </c>
      <c r="B2905" s="8">
        <v>9.1270500472790435</v>
      </c>
      <c r="C2905">
        <f t="shared" si="136"/>
        <v>17</v>
      </c>
      <c r="D2905">
        <f t="shared" si="137"/>
        <v>5</v>
      </c>
    </row>
    <row r="2906" spans="1:4" x14ac:dyDescent="0.25">
      <c r="A2906" s="7">
        <f t="shared" si="138"/>
        <v>44682.749999992971</v>
      </c>
      <c r="B2906" s="8">
        <v>5.1938258717461867</v>
      </c>
      <c r="C2906">
        <f t="shared" si="136"/>
        <v>18</v>
      </c>
      <c r="D2906">
        <f t="shared" si="137"/>
        <v>5</v>
      </c>
    </row>
    <row r="2907" spans="1:4" x14ac:dyDescent="0.25">
      <c r="A2907" s="7">
        <f t="shared" si="138"/>
        <v>44682.791666659636</v>
      </c>
      <c r="B2907" s="8">
        <v>1.1732879354741315</v>
      </c>
      <c r="C2907">
        <f t="shared" si="136"/>
        <v>19</v>
      </c>
      <c r="D2907">
        <f t="shared" si="137"/>
        <v>5</v>
      </c>
    </row>
    <row r="2908" spans="1:4" x14ac:dyDescent="0.25">
      <c r="A2908" s="7">
        <f t="shared" si="138"/>
        <v>44682.8333333263</v>
      </c>
      <c r="B2908" s="8">
        <v>-4.9800999999999998E-2</v>
      </c>
      <c r="C2908">
        <f t="shared" si="136"/>
        <v>20</v>
      </c>
      <c r="D2908">
        <f t="shared" si="137"/>
        <v>5</v>
      </c>
    </row>
    <row r="2909" spans="1:4" x14ac:dyDescent="0.25">
      <c r="A2909" s="7">
        <f t="shared" si="138"/>
        <v>44682.874999992964</v>
      </c>
      <c r="B2909" s="8">
        <v>-4.9800999999999998E-2</v>
      </c>
      <c r="C2909">
        <f t="shared" si="136"/>
        <v>21</v>
      </c>
      <c r="D2909">
        <f t="shared" si="137"/>
        <v>5</v>
      </c>
    </row>
    <row r="2910" spans="1:4" x14ac:dyDescent="0.25">
      <c r="A2910" s="7">
        <f t="shared" si="138"/>
        <v>44682.916666659628</v>
      </c>
      <c r="B2910" s="8">
        <v>-4.9800999999999998E-2</v>
      </c>
      <c r="C2910">
        <f t="shared" si="136"/>
        <v>22</v>
      </c>
      <c r="D2910">
        <f t="shared" si="137"/>
        <v>5</v>
      </c>
    </row>
    <row r="2911" spans="1:4" x14ac:dyDescent="0.25">
      <c r="A2911" s="7">
        <f t="shared" si="138"/>
        <v>44682.958333326293</v>
      </c>
      <c r="B2911" s="8">
        <v>-4.9800999999999998E-2</v>
      </c>
      <c r="C2911">
        <f t="shared" si="136"/>
        <v>23</v>
      </c>
      <c r="D2911">
        <f t="shared" si="137"/>
        <v>5</v>
      </c>
    </row>
    <row r="2912" spans="1:4" x14ac:dyDescent="0.25">
      <c r="A2912" s="7">
        <f t="shared" si="138"/>
        <v>44682.999999992957</v>
      </c>
      <c r="B2912" s="8">
        <v>-4.9800999999999998E-2</v>
      </c>
      <c r="C2912">
        <f t="shared" si="136"/>
        <v>0</v>
      </c>
      <c r="D2912">
        <f t="shared" si="137"/>
        <v>5</v>
      </c>
    </row>
    <row r="2913" spans="1:4" x14ac:dyDescent="0.25">
      <c r="A2913" s="7">
        <f t="shared" si="138"/>
        <v>44683.041666659621</v>
      </c>
      <c r="B2913" s="8">
        <v>-4.9800999999999998E-2</v>
      </c>
      <c r="C2913">
        <f t="shared" si="136"/>
        <v>1</v>
      </c>
      <c r="D2913">
        <f t="shared" si="137"/>
        <v>5</v>
      </c>
    </row>
    <row r="2914" spans="1:4" x14ac:dyDescent="0.25">
      <c r="A2914" s="7">
        <f t="shared" si="138"/>
        <v>44683.083333326285</v>
      </c>
      <c r="B2914" s="8">
        <v>-4.9800999999999998E-2</v>
      </c>
      <c r="C2914">
        <f t="shared" si="136"/>
        <v>2</v>
      </c>
      <c r="D2914">
        <f t="shared" si="137"/>
        <v>5</v>
      </c>
    </row>
    <row r="2915" spans="1:4" x14ac:dyDescent="0.25">
      <c r="A2915" s="7">
        <f t="shared" si="138"/>
        <v>44683.12499999295</v>
      </c>
      <c r="B2915" s="8">
        <v>-4.9800999999999998E-2</v>
      </c>
      <c r="C2915">
        <f t="shared" si="136"/>
        <v>3</v>
      </c>
      <c r="D2915">
        <f t="shared" si="137"/>
        <v>5</v>
      </c>
    </row>
    <row r="2916" spans="1:4" x14ac:dyDescent="0.25">
      <c r="A2916" s="7">
        <f t="shared" si="138"/>
        <v>44683.166666659614</v>
      </c>
      <c r="B2916" s="8">
        <v>-4.9800999999999998E-2</v>
      </c>
      <c r="C2916">
        <f t="shared" si="136"/>
        <v>4</v>
      </c>
      <c r="D2916">
        <f t="shared" si="137"/>
        <v>5</v>
      </c>
    </row>
    <row r="2917" spans="1:4" x14ac:dyDescent="0.25">
      <c r="A2917" s="7">
        <f t="shared" si="138"/>
        <v>44683.208333326278</v>
      </c>
      <c r="B2917" s="8">
        <v>-4.9800999999999998E-2</v>
      </c>
      <c r="C2917">
        <f t="shared" si="136"/>
        <v>5</v>
      </c>
      <c r="D2917">
        <f t="shared" si="137"/>
        <v>5</v>
      </c>
    </row>
    <row r="2918" spans="1:4" x14ac:dyDescent="0.25">
      <c r="A2918" s="7">
        <f t="shared" si="138"/>
        <v>44683.249999992942</v>
      </c>
      <c r="B2918" s="8">
        <v>-4.9800999999999998E-2</v>
      </c>
      <c r="C2918">
        <f t="shared" si="136"/>
        <v>6</v>
      </c>
      <c r="D2918">
        <f t="shared" si="137"/>
        <v>5</v>
      </c>
    </row>
    <row r="2919" spans="1:4" x14ac:dyDescent="0.25">
      <c r="A2919" s="7">
        <f t="shared" si="138"/>
        <v>44683.291666659607</v>
      </c>
      <c r="B2919" s="8">
        <v>1.2691187042250003</v>
      </c>
      <c r="C2919">
        <f t="shared" si="136"/>
        <v>7</v>
      </c>
      <c r="D2919">
        <f t="shared" si="137"/>
        <v>5</v>
      </c>
    </row>
    <row r="2920" spans="1:4" x14ac:dyDescent="0.25">
      <c r="A2920" s="7">
        <f t="shared" si="138"/>
        <v>44683.333333326271</v>
      </c>
      <c r="B2920" s="8">
        <v>5.6408430572454593</v>
      </c>
      <c r="C2920">
        <f t="shared" si="136"/>
        <v>8</v>
      </c>
      <c r="D2920">
        <f t="shared" si="137"/>
        <v>5</v>
      </c>
    </row>
    <row r="2921" spans="1:4" x14ac:dyDescent="0.25">
      <c r="A2921" s="7">
        <f t="shared" si="138"/>
        <v>44683.374999992935</v>
      </c>
      <c r="B2921" s="8">
        <v>12.216759602021982</v>
      </c>
      <c r="C2921">
        <f t="shared" si="136"/>
        <v>9</v>
      </c>
      <c r="D2921">
        <f t="shared" si="137"/>
        <v>5</v>
      </c>
    </row>
    <row r="2922" spans="1:4" x14ac:dyDescent="0.25">
      <c r="A2922" s="7">
        <f t="shared" si="138"/>
        <v>44683.416666659599</v>
      </c>
      <c r="B2922" s="8">
        <v>17.373552360398932</v>
      </c>
      <c r="C2922">
        <f t="shared" si="136"/>
        <v>10</v>
      </c>
      <c r="D2922">
        <f t="shared" si="137"/>
        <v>5</v>
      </c>
    </row>
    <row r="2923" spans="1:4" x14ac:dyDescent="0.25">
      <c r="A2923" s="7">
        <f t="shared" si="138"/>
        <v>44683.458333326264</v>
      </c>
      <c r="B2923" s="8">
        <v>20.451307803824424</v>
      </c>
      <c r="C2923">
        <f t="shared" si="136"/>
        <v>11</v>
      </c>
      <c r="D2923">
        <f t="shared" si="137"/>
        <v>5</v>
      </c>
    </row>
    <row r="2924" spans="1:4" x14ac:dyDescent="0.25">
      <c r="A2924" s="7">
        <f t="shared" si="138"/>
        <v>44683.499999992928</v>
      </c>
      <c r="B2924" s="8">
        <v>20.45132429367537</v>
      </c>
      <c r="C2924">
        <f t="shared" si="136"/>
        <v>12</v>
      </c>
      <c r="D2924">
        <f t="shared" si="137"/>
        <v>5</v>
      </c>
    </row>
    <row r="2925" spans="1:4" x14ac:dyDescent="0.25">
      <c r="A2925" s="7">
        <f t="shared" si="138"/>
        <v>44683.541666659592</v>
      </c>
      <c r="B2925" s="8">
        <v>20.451301620130323</v>
      </c>
      <c r="C2925">
        <f t="shared" si="136"/>
        <v>13</v>
      </c>
      <c r="D2925">
        <f t="shared" si="137"/>
        <v>5</v>
      </c>
    </row>
    <row r="2926" spans="1:4" x14ac:dyDescent="0.25">
      <c r="A2926" s="7">
        <f t="shared" si="138"/>
        <v>44683.583333326256</v>
      </c>
      <c r="B2926" s="8">
        <v>19.464207805954889</v>
      </c>
      <c r="C2926">
        <f t="shared" si="136"/>
        <v>14</v>
      </c>
      <c r="D2926">
        <f t="shared" si="137"/>
        <v>5</v>
      </c>
    </row>
    <row r="2927" spans="1:4" x14ac:dyDescent="0.25">
      <c r="A2927" s="7">
        <f t="shared" si="138"/>
        <v>44683.62499999292</v>
      </c>
      <c r="B2927" s="8">
        <v>19.971509825267649</v>
      </c>
      <c r="C2927">
        <f t="shared" si="136"/>
        <v>15</v>
      </c>
      <c r="D2927">
        <f t="shared" si="137"/>
        <v>5</v>
      </c>
    </row>
    <row r="2928" spans="1:4" x14ac:dyDescent="0.25">
      <c r="A2928" s="7">
        <f t="shared" si="138"/>
        <v>44683.666666659585</v>
      </c>
      <c r="B2928" s="8">
        <v>15.388194919266063</v>
      </c>
      <c r="C2928">
        <f t="shared" si="136"/>
        <v>16</v>
      </c>
      <c r="D2928">
        <f t="shared" si="137"/>
        <v>5</v>
      </c>
    </row>
    <row r="2929" spans="1:4" x14ac:dyDescent="0.25">
      <c r="A2929" s="7">
        <f t="shared" si="138"/>
        <v>44683.708333326249</v>
      </c>
      <c r="B2929" s="8">
        <v>4.5894511917834695</v>
      </c>
      <c r="C2929">
        <f t="shared" si="136"/>
        <v>17</v>
      </c>
      <c r="D2929">
        <f t="shared" si="137"/>
        <v>5</v>
      </c>
    </row>
    <row r="2930" spans="1:4" x14ac:dyDescent="0.25">
      <c r="A2930" s="7">
        <f t="shared" si="138"/>
        <v>44683.749999992913</v>
      </c>
      <c r="B2930" s="8">
        <v>2.7773557063478416</v>
      </c>
      <c r="C2930">
        <f t="shared" si="136"/>
        <v>18</v>
      </c>
      <c r="D2930">
        <f t="shared" si="137"/>
        <v>5</v>
      </c>
    </row>
    <row r="2931" spans="1:4" x14ac:dyDescent="0.25">
      <c r="A2931" s="7">
        <f t="shared" si="138"/>
        <v>44683.791666659577</v>
      </c>
      <c r="B2931" s="8">
        <v>1.2188081690002046</v>
      </c>
      <c r="C2931">
        <f t="shared" si="136"/>
        <v>19</v>
      </c>
      <c r="D2931">
        <f t="shared" si="137"/>
        <v>5</v>
      </c>
    </row>
    <row r="2932" spans="1:4" x14ac:dyDescent="0.25">
      <c r="A2932" s="7">
        <f t="shared" si="138"/>
        <v>44683.833333326242</v>
      </c>
      <c r="B2932" s="8">
        <v>-4.9800999999999998E-2</v>
      </c>
      <c r="C2932">
        <f t="shared" si="136"/>
        <v>20</v>
      </c>
      <c r="D2932">
        <f t="shared" si="137"/>
        <v>5</v>
      </c>
    </row>
    <row r="2933" spans="1:4" x14ac:dyDescent="0.25">
      <c r="A2933" s="7">
        <f t="shared" si="138"/>
        <v>44683.874999992906</v>
      </c>
      <c r="B2933" s="8">
        <v>-4.9800999999999998E-2</v>
      </c>
      <c r="C2933">
        <f t="shared" si="136"/>
        <v>21</v>
      </c>
      <c r="D2933">
        <f t="shared" si="137"/>
        <v>5</v>
      </c>
    </row>
    <row r="2934" spans="1:4" x14ac:dyDescent="0.25">
      <c r="A2934" s="7">
        <f t="shared" si="138"/>
        <v>44683.91666665957</v>
      </c>
      <c r="B2934" s="8">
        <v>-4.9800999999999998E-2</v>
      </c>
      <c r="C2934">
        <f t="shared" si="136"/>
        <v>22</v>
      </c>
      <c r="D2934">
        <f t="shared" si="137"/>
        <v>5</v>
      </c>
    </row>
    <row r="2935" spans="1:4" x14ac:dyDescent="0.25">
      <c r="A2935" s="7">
        <f t="shared" si="138"/>
        <v>44683.958333326234</v>
      </c>
      <c r="B2935" s="8">
        <v>-4.9800999999999998E-2</v>
      </c>
      <c r="C2935">
        <f t="shared" si="136"/>
        <v>23</v>
      </c>
      <c r="D2935">
        <f t="shared" si="137"/>
        <v>5</v>
      </c>
    </row>
    <row r="2936" spans="1:4" x14ac:dyDescent="0.25">
      <c r="A2936" s="7">
        <f t="shared" si="138"/>
        <v>44683.999999992899</v>
      </c>
      <c r="B2936" s="8">
        <v>-4.9800999999999998E-2</v>
      </c>
      <c r="C2936">
        <f t="shared" si="136"/>
        <v>0</v>
      </c>
      <c r="D2936">
        <f t="shared" si="137"/>
        <v>5</v>
      </c>
    </row>
    <row r="2937" spans="1:4" x14ac:dyDescent="0.25">
      <c r="A2937" s="7">
        <f t="shared" si="138"/>
        <v>44684.041666659563</v>
      </c>
      <c r="B2937" s="8">
        <v>-4.9800999999999998E-2</v>
      </c>
      <c r="C2937">
        <f t="shared" si="136"/>
        <v>1</v>
      </c>
      <c r="D2937">
        <f t="shared" si="137"/>
        <v>5</v>
      </c>
    </row>
    <row r="2938" spans="1:4" x14ac:dyDescent="0.25">
      <c r="A2938" s="7">
        <f t="shared" si="138"/>
        <v>44684.083333326227</v>
      </c>
      <c r="B2938" s="8">
        <v>-4.9800999999999998E-2</v>
      </c>
      <c r="C2938">
        <f t="shared" si="136"/>
        <v>2</v>
      </c>
      <c r="D2938">
        <f t="shared" si="137"/>
        <v>5</v>
      </c>
    </row>
    <row r="2939" spans="1:4" x14ac:dyDescent="0.25">
      <c r="A2939" s="7">
        <f t="shared" si="138"/>
        <v>44684.124999992891</v>
      </c>
      <c r="B2939" s="8">
        <v>-4.9800999999999998E-2</v>
      </c>
      <c r="C2939">
        <f t="shared" si="136"/>
        <v>3</v>
      </c>
      <c r="D2939">
        <f t="shared" si="137"/>
        <v>5</v>
      </c>
    </row>
    <row r="2940" spans="1:4" x14ac:dyDescent="0.25">
      <c r="A2940" s="7">
        <f t="shared" si="138"/>
        <v>44684.166666659556</v>
      </c>
      <c r="B2940" s="8">
        <v>-4.9800999999999998E-2</v>
      </c>
      <c r="C2940">
        <f t="shared" si="136"/>
        <v>4</v>
      </c>
      <c r="D2940">
        <f t="shared" si="137"/>
        <v>5</v>
      </c>
    </row>
    <row r="2941" spans="1:4" x14ac:dyDescent="0.25">
      <c r="A2941" s="7">
        <f t="shared" si="138"/>
        <v>44684.20833332622</v>
      </c>
      <c r="B2941" s="8">
        <v>-4.9800999999999998E-2</v>
      </c>
      <c r="C2941">
        <f t="shared" si="136"/>
        <v>5</v>
      </c>
      <c r="D2941">
        <f t="shared" si="137"/>
        <v>5</v>
      </c>
    </row>
    <row r="2942" spans="1:4" x14ac:dyDescent="0.25">
      <c r="A2942" s="7">
        <f t="shared" si="138"/>
        <v>44684.249999992884</v>
      </c>
      <c r="B2942" s="8">
        <v>-4.9800999999999998E-2</v>
      </c>
      <c r="C2942">
        <f t="shared" si="136"/>
        <v>6</v>
      </c>
      <c r="D2942">
        <f t="shared" si="137"/>
        <v>5</v>
      </c>
    </row>
    <row r="2943" spans="1:4" x14ac:dyDescent="0.25">
      <c r="A2943" s="7">
        <f t="shared" si="138"/>
        <v>44684.291666659548</v>
      </c>
      <c r="B2943" s="8">
        <v>1.4961241759900772</v>
      </c>
      <c r="C2943">
        <f t="shared" si="136"/>
        <v>7</v>
      </c>
      <c r="D2943">
        <f t="shared" si="137"/>
        <v>5</v>
      </c>
    </row>
    <row r="2944" spans="1:4" x14ac:dyDescent="0.25">
      <c r="A2944" s="7">
        <f t="shared" si="138"/>
        <v>44684.333333326213</v>
      </c>
      <c r="B2944" s="8">
        <v>6.1609288335011962</v>
      </c>
      <c r="C2944">
        <f t="shared" si="136"/>
        <v>8</v>
      </c>
      <c r="D2944">
        <f t="shared" si="137"/>
        <v>5</v>
      </c>
    </row>
    <row r="2945" spans="1:4" x14ac:dyDescent="0.25">
      <c r="A2945" s="7">
        <f t="shared" si="138"/>
        <v>44684.374999992877</v>
      </c>
      <c r="B2945" s="8">
        <v>11.596698951350453</v>
      </c>
      <c r="C2945">
        <f t="shared" si="136"/>
        <v>9</v>
      </c>
      <c r="D2945">
        <f t="shared" si="137"/>
        <v>5</v>
      </c>
    </row>
    <row r="2946" spans="1:4" x14ac:dyDescent="0.25">
      <c r="A2946" s="7">
        <f t="shared" si="138"/>
        <v>44684.416666659541</v>
      </c>
      <c r="B2946" s="8">
        <v>16.719015553869898</v>
      </c>
      <c r="C2946">
        <f t="shared" si="136"/>
        <v>10</v>
      </c>
      <c r="D2946">
        <f t="shared" si="137"/>
        <v>5</v>
      </c>
    </row>
    <row r="2947" spans="1:4" x14ac:dyDescent="0.25">
      <c r="A2947" s="7">
        <f t="shared" si="138"/>
        <v>44684.458333326205</v>
      </c>
      <c r="B2947" s="8">
        <v>18.78293682858574</v>
      </c>
      <c r="C2947">
        <f t="shared" si="136"/>
        <v>11</v>
      </c>
      <c r="D2947">
        <f t="shared" si="137"/>
        <v>5</v>
      </c>
    </row>
    <row r="2948" spans="1:4" x14ac:dyDescent="0.25">
      <c r="A2948" s="7">
        <f t="shared" si="138"/>
        <v>44684.49999999287</v>
      </c>
      <c r="B2948" s="8">
        <v>20.451313987518528</v>
      </c>
      <c r="C2948">
        <f t="shared" si="136"/>
        <v>12</v>
      </c>
      <c r="D2948">
        <f t="shared" si="137"/>
        <v>5</v>
      </c>
    </row>
    <row r="2949" spans="1:4" x14ac:dyDescent="0.25">
      <c r="A2949" s="7">
        <f t="shared" si="138"/>
        <v>44684.541666659534</v>
      </c>
      <c r="B2949" s="8">
        <v>20.451313987518528</v>
      </c>
      <c r="C2949">
        <f t="shared" si="136"/>
        <v>13</v>
      </c>
      <c r="D2949">
        <f t="shared" si="137"/>
        <v>5</v>
      </c>
    </row>
    <row r="2950" spans="1:4" x14ac:dyDescent="0.25">
      <c r="A2950" s="7">
        <f t="shared" si="138"/>
        <v>44684.583333326198</v>
      </c>
      <c r="B2950" s="8">
        <v>20.451301620130323</v>
      </c>
      <c r="C2950">
        <f t="shared" si="136"/>
        <v>14</v>
      </c>
      <c r="D2950">
        <f t="shared" si="137"/>
        <v>5</v>
      </c>
    </row>
    <row r="2951" spans="1:4" x14ac:dyDescent="0.25">
      <c r="A2951" s="7">
        <f t="shared" si="138"/>
        <v>44684.624999992862</v>
      </c>
      <c r="B2951" s="8">
        <v>19.751982500904884</v>
      </c>
      <c r="C2951">
        <f t="shared" si="136"/>
        <v>15</v>
      </c>
      <c r="D2951">
        <f t="shared" si="137"/>
        <v>5</v>
      </c>
    </row>
    <row r="2952" spans="1:4" x14ac:dyDescent="0.25">
      <c r="A2952" s="7">
        <f t="shared" si="138"/>
        <v>44684.666666659527</v>
      </c>
      <c r="B2952" s="8">
        <v>14.424584714063759</v>
      </c>
      <c r="C2952">
        <f t="shared" si="136"/>
        <v>16</v>
      </c>
      <c r="D2952">
        <f t="shared" si="137"/>
        <v>5</v>
      </c>
    </row>
    <row r="2953" spans="1:4" x14ac:dyDescent="0.25">
      <c r="A2953" s="7">
        <f t="shared" si="138"/>
        <v>44684.708333326191</v>
      </c>
      <c r="B2953" s="8">
        <v>8.1480063722104799</v>
      </c>
      <c r="C2953">
        <f t="shared" si="136"/>
        <v>17</v>
      </c>
      <c r="D2953">
        <f t="shared" si="137"/>
        <v>5</v>
      </c>
    </row>
    <row r="2954" spans="1:4" x14ac:dyDescent="0.25">
      <c r="A2954" s="7">
        <f t="shared" si="138"/>
        <v>44684.749999992855</v>
      </c>
      <c r="B2954" s="8">
        <v>4.286645997699619</v>
      </c>
      <c r="C2954">
        <f t="shared" ref="C2954:C3017" si="139">HOUR(A2954)</f>
        <v>18</v>
      </c>
      <c r="D2954">
        <f t="shared" ref="D2954:D3017" si="140">MONTH(A2954)</f>
        <v>5</v>
      </c>
    </row>
    <row r="2955" spans="1:4" x14ac:dyDescent="0.25">
      <c r="A2955" s="7">
        <f t="shared" ref="A2955:A3018" si="141">+A2954+1/24</f>
        <v>44684.791666659519</v>
      </c>
      <c r="B2955" s="8">
        <v>1.0848580179492802</v>
      </c>
      <c r="C2955">
        <f t="shared" si="139"/>
        <v>19</v>
      </c>
      <c r="D2955">
        <f t="shared" si="140"/>
        <v>5</v>
      </c>
    </row>
    <row r="2956" spans="1:4" x14ac:dyDescent="0.25">
      <c r="A2956" s="7">
        <f t="shared" si="141"/>
        <v>44684.833333326183</v>
      </c>
      <c r="B2956" s="8">
        <v>-4.9800999999999998E-2</v>
      </c>
      <c r="C2956">
        <f t="shared" si="139"/>
        <v>20</v>
      </c>
      <c r="D2956">
        <f t="shared" si="140"/>
        <v>5</v>
      </c>
    </row>
    <row r="2957" spans="1:4" x14ac:dyDescent="0.25">
      <c r="A2957" s="7">
        <f t="shared" si="141"/>
        <v>44684.874999992848</v>
      </c>
      <c r="B2957" s="8">
        <v>-4.9800999999999998E-2</v>
      </c>
      <c r="C2957">
        <f t="shared" si="139"/>
        <v>21</v>
      </c>
      <c r="D2957">
        <f t="shared" si="140"/>
        <v>5</v>
      </c>
    </row>
    <row r="2958" spans="1:4" x14ac:dyDescent="0.25">
      <c r="A2958" s="7">
        <f t="shared" si="141"/>
        <v>44684.916666659512</v>
      </c>
      <c r="B2958" s="8">
        <v>-4.9800999999999998E-2</v>
      </c>
      <c r="C2958">
        <f t="shared" si="139"/>
        <v>22</v>
      </c>
      <c r="D2958">
        <f t="shared" si="140"/>
        <v>5</v>
      </c>
    </row>
    <row r="2959" spans="1:4" x14ac:dyDescent="0.25">
      <c r="A2959" s="7">
        <f t="shared" si="141"/>
        <v>44684.958333326176</v>
      </c>
      <c r="B2959" s="8">
        <v>-4.9800999999999998E-2</v>
      </c>
      <c r="C2959">
        <f t="shared" si="139"/>
        <v>23</v>
      </c>
      <c r="D2959">
        <f t="shared" si="140"/>
        <v>5</v>
      </c>
    </row>
    <row r="2960" spans="1:4" x14ac:dyDescent="0.25">
      <c r="A2960" s="7">
        <f t="shared" si="141"/>
        <v>44684.99999999284</v>
      </c>
      <c r="B2960" s="8">
        <v>-4.9800999999999998E-2</v>
      </c>
      <c r="C2960">
        <f t="shared" si="139"/>
        <v>0</v>
      </c>
      <c r="D2960">
        <f t="shared" si="140"/>
        <v>5</v>
      </c>
    </row>
    <row r="2961" spans="1:4" x14ac:dyDescent="0.25">
      <c r="A2961" s="7">
        <f t="shared" si="141"/>
        <v>44685.041666659505</v>
      </c>
      <c r="B2961" s="8">
        <v>-4.9800999999999998E-2</v>
      </c>
      <c r="C2961">
        <f t="shared" si="139"/>
        <v>1</v>
      </c>
      <c r="D2961">
        <f t="shared" si="140"/>
        <v>5</v>
      </c>
    </row>
    <row r="2962" spans="1:4" x14ac:dyDescent="0.25">
      <c r="A2962" s="7">
        <f t="shared" si="141"/>
        <v>44685.083333326169</v>
      </c>
      <c r="B2962" s="8">
        <v>-4.9800999999999998E-2</v>
      </c>
      <c r="C2962">
        <f t="shared" si="139"/>
        <v>2</v>
      </c>
      <c r="D2962">
        <f t="shared" si="140"/>
        <v>5</v>
      </c>
    </row>
    <row r="2963" spans="1:4" x14ac:dyDescent="0.25">
      <c r="A2963" s="7">
        <f t="shared" si="141"/>
        <v>44685.124999992833</v>
      </c>
      <c r="B2963" s="8">
        <v>-4.9800999999999998E-2</v>
      </c>
      <c r="C2963">
        <f t="shared" si="139"/>
        <v>3</v>
      </c>
      <c r="D2963">
        <f t="shared" si="140"/>
        <v>5</v>
      </c>
    </row>
    <row r="2964" spans="1:4" x14ac:dyDescent="0.25">
      <c r="A2964" s="7">
        <f t="shared" si="141"/>
        <v>44685.166666659497</v>
      </c>
      <c r="B2964" s="8">
        <v>-4.9800999999999998E-2</v>
      </c>
      <c r="C2964">
        <f t="shared" si="139"/>
        <v>4</v>
      </c>
      <c r="D2964">
        <f t="shared" si="140"/>
        <v>5</v>
      </c>
    </row>
    <row r="2965" spans="1:4" x14ac:dyDescent="0.25">
      <c r="A2965" s="7">
        <f t="shared" si="141"/>
        <v>44685.208333326162</v>
      </c>
      <c r="B2965" s="8">
        <v>-4.9800999999999998E-2</v>
      </c>
      <c r="C2965">
        <f t="shared" si="139"/>
        <v>5</v>
      </c>
      <c r="D2965">
        <f t="shared" si="140"/>
        <v>5</v>
      </c>
    </row>
    <row r="2966" spans="1:4" x14ac:dyDescent="0.25">
      <c r="A2966" s="7">
        <f t="shared" si="141"/>
        <v>44685.249999992826</v>
      </c>
      <c r="B2966" s="8">
        <v>-4.9800999999999998E-2</v>
      </c>
      <c r="C2966">
        <f t="shared" si="139"/>
        <v>6</v>
      </c>
      <c r="D2966">
        <f t="shared" si="140"/>
        <v>5</v>
      </c>
    </row>
    <row r="2967" spans="1:4" x14ac:dyDescent="0.25">
      <c r="A2967" s="7">
        <f t="shared" si="141"/>
        <v>44685.29166665949</v>
      </c>
      <c r="B2967" s="8">
        <v>1.5347887539869107</v>
      </c>
      <c r="C2967">
        <f t="shared" si="139"/>
        <v>7</v>
      </c>
      <c r="D2967">
        <f t="shared" si="140"/>
        <v>5</v>
      </c>
    </row>
    <row r="2968" spans="1:4" x14ac:dyDescent="0.25">
      <c r="A2968" s="7">
        <f t="shared" si="141"/>
        <v>44685.333333326154</v>
      </c>
      <c r="B2968" s="8">
        <v>6.1953678871940792</v>
      </c>
      <c r="C2968">
        <f t="shared" si="139"/>
        <v>8</v>
      </c>
      <c r="D2968">
        <f t="shared" si="140"/>
        <v>5</v>
      </c>
    </row>
    <row r="2969" spans="1:4" x14ac:dyDescent="0.25">
      <c r="A2969" s="7">
        <f t="shared" si="141"/>
        <v>44685.374999992819</v>
      </c>
      <c r="B2969" s="8">
        <v>11.63838426391677</v>
      </c>
      <c r="C2969">
        <f t="shared" si="139"/>
        <v>9</v>
      </c>
      <c r="D2969">
        <f t="shared" si="140"/>
        <v>5</v>
      </c>
    </row>
    <row r="2970" spans="1:4" x14ac:dyDescent="0.25">
      <c r="A2970" s="7">
        <f t="shared" si="141"/>
        <v>44685.416666659483</v>
      </c>
      <c r="B2970" s="8">
        <v>16.939485891583431</v>
      </c>
      <c r="C2970">
        <f t="shared" si="139"/>
        <v>10</v>
      </c>
      <c r="D2970">
        <f t="shared" si="140"/>
        <v>5</v>
      </c>
    </row>
    <row r="2971" spans="1:4" x14ac:dyDescent="0.25">
      <c r="A2971" s="7">
        <f t="shared" si="141"/>
        <v>44685.458333326147</v>
      </c>
      <c r="B2971" s="8">
        <v>20.451306773208739</v>
      </c>
      <c r="C2971">
        <f t="shared" si="139"/>
        <v>11</v>
      </c>
      <c r="D2971">
        <f t="shared" si="140"/>
        <v>5</v>
      </c>
    </row>
    <row r="2972" spans="1:4" x14ac:dyDescent="0.25">
      <c r="A2972" s="7">
        <f t="shared" si="141"/>
        <v>44685.499999992811</v>
      </c>
      <c r="B2972" s="8">
        <v>20.451322232443999</v>
      </c>
      <c r="C2972">
        <f t="shared" si="139"/>
        <v>12</v>
      </c>
      <c r="D2972">
        <f t="shared" si="140"/>
        <v>5</v>
      </c>
    </row>
    <row r="2973" spans="1:4" x14ac:dyDescent="0.25">
      <c r="A2973" s="7">
        <f t="shared" si="141"/>
        <v>44685.541666659476</v>
      </c>
      <c r="B2973" s="8">
        <v>20.451326354906737</v>
      </c>
      <c r="C2973">
        <f t="shared" si="139"/>
        <v>13</v>
      </c>
      <c r="D2973">
        <f t="shared" si="140"/>
        <v>5</v>
      </c>
    </row>
    <row r="2974" spans="1:4" x14ac:dyDescent="0.25">
      <c r="A2974" s="7">
        <f t="shared" si="141"/>
        <v>44685.58333332614</v>
      </c>
      <c r="B2974" s="8">
        <v>20.451313987518528</v>
      </c>
      <c r="C2974">
        <f t="shared" si="139"/>
        <v>14</v>
      </c>
      <c r="D2974">
        <f t="shared" si="140"/>
        <v>5</v>
      </c>
    </row>
    <row r="2975" spans="1:4" x14ac:dyDescent="0.25">
      <c r="A2975" s="7">
        <f t="shared" si="141"/>
        <v>44685.624999992804</v>
      </c>
      <c r="B2975" s="8">
        <v>20.297726485226757</v>
      </c>
      <c r="C2975">
        <f t="shared" si="139"/>
        <v>15</v>
      </c>
      <c r="D2975">
        <f t="shared" si="140"/>
        <v>5</v>
      </c>
    </row>
    <row r="2976" spans="1:4" x14ac:dyDescent="0.25">
      <c r="A2976" s="7">
        <f t="shared" si="141"/>
        <v>44685.666666659468</v>
      </c>
      <c r="B2976" s="8">
        <v>16.451186364250241</v>
      </c>
      <c r="C2976">
        <f t="shared" si="139"/>
        <v>16</v>
      </c>
      <c r="D2976">
        <f t="shared" si="140"/>
        <v>5</v>
      </c>
    </row>
    <row r="2977" spans="1:4" x14ac:dyDescent="0.25">
      <c r="A2977" s="7">
        <f t="shared" si="141"/>
        <v>44685.708333326133</v>
      </c>
      <c r="B2977" s="8">
        <v>11.406705980640934</v>
      </c>
      <c r="C2977">
        <f t="shared" si="139"/>
        <v>17</v>
      </c>
      <c r="D2977">
        <f t="shared" si="140"/>
        <v>5</v>
      </c>
    </row>
    <row r="2978" spans="1:4" x14ac:dyDescent="0.25">
      <c r="A2978" s="7">
        <f t="shared" si="141"/>
        <v>44685.749999992797</v>
      </c>
      <c r="B2978" s="8">
        <v>5.5833377939314248</v>
      </c>
      <c r="C2978">
        <f t="shared" si="139"/>
        <v>18</v>
      </c>
      <c r="D2978">
        <f t="shared" si="140"/>
        <v>5</v>
      </c>
    </row>
    <row r="2979" spans="1:4" x14ac:dyDescent="0.25">
      <c r="A2979" s="7">
        <f t="shared" si="141"/>
        <v>44685.791666659461</v>
      </c>
      <c r="B2979" s="8">
        <v>1.2483445838848206</v>
      </c>
      <c r="C2979">
        <f t="shared" si="139"/>
        <v>19</v>
      </c>
      <c r="D2979">
        <f t="shared" si="140"/>
        <v>5</v>
      </c>
    </row>
    <row r="2980" spans="1:4" x14ac:dyDescent="0.25">
      <c r="A2980" s="7">
        <f t="shared" si="141"/>
        <v>44685.833333326125</v>
      </c>
      <c r="B2980" s="8">
        <v>-4.9800999999999998E-2</v>
      </c>
      <c r="C2980">
        <f t="shared" si="139"/>
        <v>20</v>
      </c>
      <c r="D2980">
        <f t="shared" si="140"/>
        <v>5</v>
      </c>
    </row>
    <row r="2981" spans="1:4" x14ac:dyDescent="0.25">
      <c r="A2981" s="7">
        <f t="shared" si="141"/>
        <v>44685.87499999279</v>
      </c>
      <c r="B2981" s="8">
        <v>-4.9800999999999998E-2</v>
      </c>
      <c r="C2981">
        <f t="shared" si="139"/>
        <v>21</v>
      </c>
      <c r="D2981">
        <f t="shared" si="140"/>
        <v>5</v>
      </c>
    </row>
    <row r="2982" spans="1:4" x14ac:dyDescent="0.25">
      <c r="A2982" s="7">
        <f t="shared" si="141"/>
        <v>44685.916666659454</v>
      </c>
      <c r="B2982" s="8">
        <v>-4.9800999999999998E-2</v>
      </c>
      <c r="C2982">
        <f t="shared" si="139"/>
        <v>22</v>
      </c>
      <c r="D2982">
        <f t="shared" si="140"/>
        <v>5</v>
      </c>
    </row>
    <row r="2983" spans="1:4" x14ac:dyDescent="0.25">
      <c r="A2983" s="7">
        <f t="shared" si="141"/>
        <v>44685.958333326118</v>
      </c>
      <c r="B2983" s="8">
        <v>-4.9800999999999998E-2</v>
      </c>
      <c r="C2983">
        <f t="shared" si="139"/>
        <v>23</v>
      </c>
      <c r="D2983">
        <f t="shared" si="140"/>
        <v>5</v>
      </c>
    </row>
    <row r="2984" spans="1:4" x14ac:dyDescent="0.25">
      <c r="A2984" s="7">
        <f t="shared" si="141"/>
        <v>44685.999999992782</v>
      </c>
      <c r="B2984" s="8">
        <v>-4.9800999999999998E-2</v>
      </c>
      <c r="C2984">
        <f t="shared" si="139"/>
        <v>0</v>
      </c>
      <c r="D2984">
        <f t="shared" si="140"/>
        <v>5</v>
      </c>
    </row>
    <row r="2985" spans="1:4" x14ac:dyDescent="0.25">
      <c r="A2985" s="7">
        <f t="shared" si="141"/>
        <v>44686.041666659446</v>
      </c>
      <c r="B2985" s="8">
        <v>-4.9800999999999998E-2</v>
      </c>
      <c r="C2985">
        <f t="shared" si="139"/>
        <v>1</v>
      </c>
      <c r="D2985">
        <f t="shared" si="140"/>
        <v>5</v>
      </c>
    </row>
    <row r="2986" spans="1:4" x14ac:dyDescent="0.25">
      <c r="A2986" s="7">
        <f t="shared" si="141"/>
        <v>44686.083333326111</v>
      </c>
      <c r="B2986" s="8">
        <v>-4.9800999999999998E-2</v>
      </c>
      <c r="C2986">
        <f t="shared" si="139"/>
        <v>2</v>
      </c>
      <c r="D2986">
        <f t="shared" si="140"/>
        <v>5</v>
      </c>
    </row>
    <row r="2987" spans="1:4" x14ac:dyDescent="0.25">
      <c r="A2987" s="7">
        <f t="shared" si="141"/>
        <v>44686.124999992775</v>
      </c>
      <c r="B2987" s="8">
        <v>-4.9800999999999998E-2</v>
      </c>
      <c r="C2987">
        <f t="shared" si="139"/>
        <v>3</v>
      </c>
      <c r="D2987">
        <f t="shared" si="140"/>
        <v>5</v>
      </c>
    </row>
    <row r="2988" spans="1:4" x14ac:dyDescent="0.25">
      <c r="A2988" s="7">
        <f t="shared" si="141"/>
        <v>44686.166666659439</v>
      </c>
      <c r="B2988" s="8">
        <v>-4.9800999999999998E-2</v>
      </c>
      <c r="C2988">
        <f t="shared" si="139"/>
        <v>4</v>
      </c>
      <c r="D2988">
        <f t="shared" si="140"/>
        <v>5</v>
      </c>
    </row>
    <row r="2989" spans="1:4" x14ac:dyDescent="0.25">
      <c r="A2989" s="7">
        <f t="shared" si="141"/>
        <v>44686.208333326103</v>
      </c>
      <c r="B2989" s="8">
        <v>-4.9800999999999998E-2</v>
      </c>
      <c r="C2989">
        <f t="shared" si="139"/>
        <v>5</v>
      </c>
      <c r="D2989">
        <f t="shared" si="140"/>
        <v>5</v>
      </c>
    </row>
    <row r="2990" spans="1:4" x14ac:dyDescent="0.25">
      <c r="A2990" s="7">
        <f t="shared" si="141"/>
        <v>44686.249999992768</v>
      </c>
      <c r="B2990" s="8">
        <v>-4.9800999999999998E-2</v>
      </c>
      <c r="C2990">
        <f t="shared" si="139"/>
        <v>6</v>
      </c>
      <c r="D2990">
        <f t="shared" si="140"/>
        <v>5</v>
      </c>
    </row>
    <row r="2991" spans="1:4" x14ac:dyDescent="0.25">
      <c r="A2991" s="7">
        <f t="shared" si="141"/>
        <v>44686.291666659432</v>
      </c>
      <c r="B2991" s="8">
        <v>1.5809005609155371</v>
      </c>
      <c r="C2991">
        <f t="shared" si="139"/>
        <v>7</v>
      </c>
      <c r="D2991">
        <f t="shared" si="140"/>
        <v>5</v>
      </c>
    </row>
    <row r="2992" spans="1:4" x14ac:dyDescent="0.25">
      <c r="A2992" s="7">
        <f t="shared" si="141"/>
        <v>44686.333333326096</v>
      </c>
      <c r="B2992" s="8">
        <v>5.9512480113823187</v>
      </c>
      <c r="C2992">
        <f t="shared" si="139"/>
        <v>8</v>
      </c>
      <c r="D2992">
        <f t="shared" si="140"/>
        <v>5</v>
      </c>
    </row>
    <row r="2993" spans="1:4" x14ac:dyDescent="0.25">
      <c r="A2993" s="7">
        <f t="shared" si="141"/>
        <v>44686.37499999276</v>
      </c>
      <c r="B2993" s="8">
        <v>10.679040807645771</v>
      </c>
      <c r="C2993">
        <f t="shared" si="139"/>
        <v>9</v>
      </c>
      <c r="D2993">
        <f t="shared" si="140"/>
        <v>5</v>
      </c>
    </row>
    <row r="2994" spans="1:4" x14ac:dyDescent="0.25">
      <c r="A2994" s="7">
        <f t="shared" si="141"/>
        <v>44686.416666659425</v>
      </c>
      <c r="B2994" s="8">
        <v>16.988344289309623</v>
      </c>
      <c r="C2994">
        <f t="shared" si="139"/>
        <v>10</v>
      </c>
      <c r="D2994">
        <f t="shared" si="140"/>
        <v>5</v>
      </c>
    </row>
    <row r="2995" spans="1:4" x14ac:dyDescent="0.25">
      <c r="A2995" s="7">
        <f t="shared" si="141"/>
        <v>44686.458333326089</v>
      </c>
      <c r="B2995" s="8">
        <v>19.880371449725533</v>
      </c>
      <c r="C2995">
        <f t="shared" si="139"/>
        <v>11</v>
      </c>
      <c r="D2995">
        <f t="shared" si="140"/>
        <v>5</v>
      </c>
    </row>
    <row r="2996" spans="1:4" x14ac:dyDescent="0.25">
      <c r="A2996" s="7">
        <f t="shared" si="141"/>
        <v>44686.499999992753</v>
      </c>
      <c r="B2996" s="8">
        <v>19.72518134004531</v>
      </c>
      <c r="C2996">
        <f t="shared" si="139"/>
        <v>12</v>
      </c>
      <c r="D2996">
        <f t="shared" si="140"/>
        <v>5</v>
      </c>
    </row>
    <row r="2997" spans="1:4" x14ac:dyDescent="0.25">
      <c r="A2997" s="7">
        <f t="shared" si="141"/>
        <v>44686.541666659417</v>
      </c>
      <c r="B2997" s="8">
        <v>19.630489401625141</v>
      </c>
      <c r="C2997">
        <f t="shared" si="139"/>
        <v>13</v>
      </c>
      <c r="D2997">
        <f t="shared" si="140"/>
        <v>5</v>
      </c>
    </row>
    <row r="2998" spans="1:4" x14ac:dyDescent="0.25">
      <c r="A2998" s="7">
        <f t="shared" si="141"/>
        <v>44686.583333326082</v>
      </c>
      <c r="B2998" s="8">
        <v>20.451297497667586</v>
      </c>
      <c r="C2998">
        <f t="shared" si="139"/>
        <v>14</v>
      </c>
      <c r="D2998">
        <f t="shared" si="140"/>
        <v>5</v>
      </c>
    </row>
    <row r="2999" spans="1:4" x14ac:dyDescent="0.25">
      <c r="A2999" s="7">
        <f t="shared" si="141"/>
        <v>44686.624999992746</v>
      </c>
      <c r="B2999" s="8">
        <v>16.019748996044338</v>
      </c>
      <c r="C2999">
        <f t="shared" si="139"/>
        <v>15</v>
      </c>
      <c r="D2999">
        <f t="shared" si="140"/>
        <v>5</v>
      </c>
    </row>
    <row r="3000" spans="1:4" x14ac:dyDescent="0.25">
      <c r="A3000" s="7">
        <f t="shared" si="141"/>
        <v>44686.66666665941</v>
      </c>
      <c r="B3000" s="8">
        <v>15.603951220841475</v>
      </c>
      <c r="C3000">
        <f t="shared" si="139"/>
        <v>16</v>
      </c>
      <c r="D3000">
        <f t="shared" si="140"/>
        <v>5</v>
      </c>
    </row>
    <row r="3001" spans="1:4" x14ac:dyDescent="0.25">
      <c r="A3001" s="7">
        <f t="shared" si="141"/>
        <v>44686.708333326074</v>
      </c>
      <c r="B3001" s="8">
        <v>11.71383872998144</v>
      </c>
      <c r="C3001">
        <f t="shared" si="139"/>
        <v>17</v>
      </c>
      <c r="D3001">
        <f t="shared" si="140"/>
        <v>5</v>
      </c>
    </row>
    <row r="3002" spans="1:4" x14ac:dyDescent="0.25">
      <c r="A3002" s="7">
        <f t="shared" si="141"/>
        <v>44686.749999992739</v>
      </c>
      <c r="B3002" s="8">
        <v>5.6669598892909274</v>
      </c>
      <c r="C3002">
        <f t="shared" si="139"/>
        <v>18</v>
      </c>
      <c r="D3002">
        <f t="shared" si="140"/>
        <v>5</v>
      </c>
    </row>
    <row r="3003" spans="1:4" x14ac:dyDescent="0.25">
      <c r="A3003" s="7">
        <f t="shared" si="141"/>
        <v>44686.791666659403</v>
      </c>
      <c r="B3003" s="8">
        <v>1.2501852634962491</v>
      </c>
      <c r="C3003">
        <f t="shared" si="139"/>
        <v>19</v>
      </c>
      <c r="D3003">
        <f t="shared" si="140"/>
        <v>5</v>
      </c>
    </row>
    <row r="3004" spans="1:4" x14ac:dyDescent="0.25">
      <c r="A3004" s="7">
        <f t="shared" si="141"/>
        <v>44686.833333326067</v>
      </c>
      <c r="B3004" s="8">
        <v>-4.9800999999999998E-2</v>
      </c>
      <c r="C3004">
        <f t="shared" si="139"/>
        <v>20</v>
      </c>
      <c r="D3004">
        <f t="shared" si="140"/>
        <v>5</v>
      </c>
    </row>
    <row r="3005" spans="1:4" x14ac:dyDescent="0.25">
      <c r="A3005" s="7">
        <f t="shared" si="141"/>
        <v>44686.874999992731</v>
      </c>
      <c r="B3005" s="8">
        <v>-4.9800999999999998E-2</v>
      </c>
      <c r="C3005">
        <f t="shared" si="139"/>
        <v>21</v>
      </c>
      <c r="D3005">
        <f t="shared" si="140"/>
        <v>5</v>
      </c>
    </row>
    <row r="3006" spans="1:4" x14ac:dyDescent="0.25">
      <c r="A3006" s="7">
        <f t="shared" si="141"/>
        <v>44686.916666659396</v>
      </c>
      <c r="B3006" s="8">
        <v>-4.9800999999999998E-2</v>
      </c>
      <c r="C3006">
        <f t="shared" si="139"/>
        <v>22</v>
      </c>
      <c r="D3006">
        <f t="shared" si="140"/>
        <v>5</v>
      </c>
    </row>
    <row r="3007" spans="1:4" x14ac:dyDescent="0.25">
      <c r="A3007" s="7">
        <f t="shared" si="141"/>
        <v>44686.95833332606</v>
      </c>
      <c r="B3007" s="8">
        <v>-4.9800999999999998E-2</v>
      </c>
      <c r="C3007">
        <f t="shared" si="139"/>
        <v>23</v>
      </c>
      <c r="D3007">
        <f t="shared" si="140"/>
        <v>5</v>
      </c>
    </row>
    <row r="3008" spans="1:4" x14ac:dyDescent="0.25">
      <c r="A3008" s="7">
        <f t="shared" si="141"/>
        <v>44686.999999992724</v>
      </c>
      <c r="B3008" s="8">
        <v>-4.9800999999999998E-2</v>
      </c>
      <c r="C3008">
        <f t="shared" si="139"/>
        <v>0</v>
      </c>
      <c r="D3008">
        <f t="shared" si="140"/>
        <v>5</v>
      </c>
    </row>
    <row r="3009" spans="1:4" x14ac:dyDescent="0.25">
      <c r="A3009" s="7">
        <f t="shared" si="141"/>
        <v>44687.041666659388</v>
      </c>
      <c r="B3009" s="8">
        <v>-4.9800999999999998E-2</v>
      </c>
      <c r="C3009">
        <f t="shared" si="139"/>
        <v>1</v>
      </c>
      <c r="D3009">
        <f t="shared" si="140"/>
        <v>5</v>
      </c>
    </row>
    <row r="3010" spans="1:4" x14ac:dyDescent="0.25">
      <c r="A3010" s="7">
        <f t="shared" si="141"/>
        <v>44687.083333326053</v>
      </c>
      <c r="B3010" s="8">
        <v>-4.9800999999999998E-2</v>
      </c>
      <c r="C3010">
        <f t="shared" si="139"/>
        <v>2</v>
      </c>
      <c r="D3010">
        <f t="shared" si="140"/>
        <v>5</v>
      </c>
    </row>
    <row r="3011" spans="1:4" x14ac:dyDescent="0.25">
      <c r="A3011" s="7">
        <f t="shared" si="141"/>
        <v>44687.124999992717</v>
      </c>
      <c r="B3011" s="8">
        <v>-4.9800999999999998E-2</v>
      </c>
      <c r="C3011">
        <f t="shared" si="139"/>
        <v>3</v>
      </c>
      <c r="D3011">
        <f t="shared" si="140"/>
        <v>5</v>
      </c>
    </row>
    <row r="3012" spans="1:4" x14ac:dyDescent="0.25">
      <c r="A3012" s="7">
        <f t="shared" si="141"/>
        <v>44687.166666659381</v>
      </c>
      <c r="B3012" s="8">
        <v>-4.9800999999999998E-2</v>
      </c>
      <c r="C3012">
        <f t="shared" si="139"/>
        <v>4</v>
      </c>
      <c r="D3012">
        <f t="shared" si="140"/>
        <v>5</v>
      </c>
    </row>
    <row r="3013" spans="1:4" x14ac:dyDescent="0.25">
      <c r="A3013" s="7">
        <f t="shared" si="141"/>
        <v>44687.208333326045</v>
      </c>
      <c r="B3013" s="8">
        <v>-4.9800999999999998E-2</v>
      </c>
      <c r="C3013">
        <f t="shared" si="139"/>
        <v>5</v>
      </c>
      <c r="D3013">
        <f t="shared" si="140"/>
        <v>5</v>
      </c>
    </row>
    <row r="3014" spans="1:4" x14ac:dyDescent="0.25">
      <c r="A3014" s="7">
        <f t="shared" si="141"/>
        <v>44687.249999992709</v>
      </c>
      <c r="B3014" s="8">
        <v>-4.9800999999999998E-2</v>
      </c>
      <c r="C3014">
        <f t="shared" si="139"/>
        <v>6</v>
      </c>
      <c r="D3014">
        <f t="shared" si="140"/>
        <v>5</v>
      </c>
    </row>
    <row r="3015" spans="1:4" x14ac:dyDescent="0.25">
      <c r="A3015" s="7">
        <f t="shared" si="141"/>
        <v>44687.291666659374</v>
      </c>
      <c r="B3015" s="8">
        <v>1.6676309931776534</v>
      </c>
      <c r="C3015">
        <f t="shared" si="139"/>
        <v>7</v>
      </c>
      <c r="D3015">
        <f t="shared" si="140"/>
        <v>5</v>
      </c>
    </row>
    <row r="3016" spans="1:4" x14ac:dyDescent="0.25">
      <c r="A3016" s="7">
        <f t="shared" si="141"/>
        <v>44687.333333326038</v>
      </c>
      <c r="B3016" s="8">
        <v>5.8758595047214168</v>
      </c>
      <c r="C3016">
        <f t="shared" si="139"/>
        <v>8</v>
      </c>
      <c r="D3016">
        <f t="shared" si="140"/>
        <v>5</v>
      </c>
    </row>
    <row r="3017" spans="1:4" x14ac:dyDescent="0.25">
      <c r="A3017" s="7">
        <f t="shared" si="141"/>
        <v>44687.374999992702</v>
      </c>
      <c r="B3017" s="8">
        <v>11.629096355373548</v>
      </c>
      <c r="C3017">
        <f t="shared" si="139"/>
        <v>9</v>
      </c>
      <c r="D3017">
        <f t="shared" si="140"/>
        <v>5</v>
      </c>
    </row>
    <row r="3018" spans="1:4" x14ac:dyDescent="0.25">
      <c r="A3018" s="7">
        <f t="shared" si="141"/>
        <v>44687.416666659366</v>
      </c>
      <c r="B3018" s="8">
        <v>16.796584843317916</v>
      </c>
      <c r="C3018">
        <f t="shared" ref="C3018:C3081" si="142">HOUR(A3018)</f>
        <v>10</v>
      </c>
      <c r="D3018">
        <f t="shared" ref="D3018:D3081" si="143">MONTH(A3018)</f>
        <v>5</v>
      </c>
    </row>
    <row r="3019" spans="1:4" x14ac:dyDescent="0.25">
      <c r="A3019" s="7">
        <f t="shared" ref="A3019:A3082" si="144">+A3018+1/24</f>
        <v>44687.458333326031</v>
      </c>
      <c r="B3019" s="8">
        <v>20.451304711977375</v>
      </c>
      <c r="C3019">
        <f t="shared" si="142"/>
        <v>11</v>
      </c>
      <c r="D3019">
        <f t="shared" si="143"/>
        <v>5</v>
      </c>
    </row>
    <row r="3020" spans="1:4" x14ac:dyDescent="0.25">
      <c r="A3020" s="7">
        <f t="shared" si="144"/>
        <v>44687.499999992695</v>
      </c>
      <c r="B3020" s="8">
        <v>20.451299558898956</v>
      </c>
      <c r="C3020">
        <f t="shared" si="142"/>
        <v>12</v>
      </c>
      <c r="D3020">
        <f t="shared" si="143"/>
        <v>5</v>
      </c>
    </row>
    <row r="3021" spans="1:4" x14ac:dyDescent="0.25">
      <c r="A3021" s="7">
        <f t="shared" si="144"/>
        <v>44687.541666659359</v>
      </c>
      <c r="B3021" s="8">
        <v>20.451312956902846</v>
      </c>
      <c r="C3021">
        <f t="shared" si="142"/>
        <v>13</v>
      </c>
      <c r="D3021">
        <f t="shared" si="143"/>
        <v>5</v>
      </c>
    </row>
    <row r="3022" spans="1:4" x14ac:dyDescent="0.25">
      <c r="A3022" s="7">
        <f t="shared" si="144"/>
        <v>44687.583333326023</v>
      </c>
      <c r="B3022" s="8">
        <v>17.096645507835564</v>
      </c>
      <c r="C3022">
        <f t="shared" si="142"/>
        <v>14</v>
      </c>
      <c r="D3022">
        <f t="shared" si="143"/>
        <v>5</v>
      </c>
    </row>
    <row r="3023" spans="1:4" x14ac:dyDescent="0.25">
      <c r="A3023" s="7">
        <f t="shared" si="144"/>
        <v>44687.624999992688</v>
      </c>
      <c r="B3023" s="8">
        <v>8.5901600822974746</v>
      </c>
      <c r="C3023">
        <f t="shared" si="142"/>
        <v>15</v>
      </c>
      <c r="D3023">
        <f t="shared" si="143"/>
        <v>5</v>
      </c>
    </row>
    <row r="3024" spans="1:4" x14ac:dyDescent="0.25">
      <c r="A3024" s="7">
        <f t="shared" si="144"/>
        <v>44687.666666659352</v>
      </c>
      <c r="B3024" s="8">
        <v>6.4952677756650434</v>
      </c>
      <c r="C3024">
        <f t="shared" si="142"/>
        <v>16</v>
      </c>
      <c r="D3024">
        <f t="shared" si="143"/>
        <v>5</v>
      </c>
    </row>
    <row r="3025" spans="1:4" x14ac:dyDescent="0.25">
      <c r="A3025" s="7">
        <f t="shared" si="144"/>
        <v>44687.708333326016</v>
      </c>
      <c r="B3025" s="8">
        <v>7.6298148675817332</v>
      </c>
      <c r="C3025">
        <f t="shared" si="142"/>
        <v>17</v>
      </c>
      <c r="D3025">
        <f t="shared" si="143"/>
        <v>5</v>
      </c>
    </row>
    <row r="3026" spans="1:4" x14ac:dyDescent="0.25">
      <c r="A3026" s="7">
        <f t="shared" si="144"/>
        <v>44687.74999999268</v>
      </c>
      <c r="B3026" s="8">
        <v>5.1917821608450323</v>
      </c>
      <c r="C3026">
        <f t="shared" si="142"/>
        <v>18</v>
      </c>
      <c r="D3026">
        <f t="shared" si="143"/>
        <v>5</v>
      </c>
    </row>
    <row r="3027" spans="1:4" x14ac:dyDescent="0.25">
      <c r="A3027" s="7">
        <f t="shared" si="144"/>
        <v>44687.791666659345</v>
      </c>
      <c r="B3027" s="8">
        <v>1.1411059301289685</v>
      </c>
      <c r="C3027">
        <f t="shared" si="142"/>
        <v>19</v>
      </c>
      <c r="D3027">
        <f t="shared" si="143"/>
        <v>5</v>
      </c>
    </row>
    <row r="3028" spans="1:4" x14ac:dyDescent="0.25">
      <c r="A3028" s="7">
        <f t="shared" si="144"/>
        <v>44687.833333326009</v>
      </c>
      <c r="B3028" s="8">
        <v>-4.9800999999999998E-2</v>
      </c>
      <c r="C3028">
        <f t="shared" si="142"/>
        <v>20</v>
      </c>
      <c r="D3028">
        <f t="shared" si="143"/>
        <v>5</v>
      </c>
    </row>
    <row r="3029" spans="1:4" x14ac:dyDescent="0.25">
      <c r="A3029" s="7">
        <f t="shared" si="144"/>
        <v>44687.874999992673</v>
      </c>
      <c r="B3029" s="8">
        <v>-4.9800999999999998E-2</v>
      </c>
      <c r="C3029">
        <f t="shared" si="142"/>
        <v>21</v>
      </c>
      <c r="D3029">
        <f t="shared" si="143"/>
        <v>5</v>
      </c>
    </row>
    <row r="3030" spans="1:4" x14ac:dyDescent="0.25">
      <c r="A3030" s="7">
        <f t="shared" si="144"/>
        <v>44687.916666659337</v>
      </c>
      <c r="B3030" s="8">
        <v>-4.9800999999999998E-2</v>
      </c>
      <c r="C3030">
        <f t="shared" si="142"/>
        <v>22</v>
      </c>
      <c r="D3030">
        <f t="shared" si="143"/>
        <v>5</v>
      </c>
    </row>
    <row r="3031" spans="1:4" x14ac:dyDescent="0.25">
      <c r="A3031" s="7">
        <f t="shared" si="144"/>
        <v>44687.958333326002</v>
      </c>
      <c r="B3031" s="8">
        <v>-4.9800999999999998E-2</v>
      </c>
      <c r="C3031">
        <f t="shared" si="142"/>
        <v>23</v>
      </c>
      <c r="D3031">
        <f t="shared" si="143"/>
        <v>5</v>
      </c>
    </row>
    <row r="3032" spans="1:4" x14ac:dyDescent="0.25">
      <c r="A3032" s="7">
        <f t="shared" si="144"/>
        <v>44687.999999992666</v>
      </c>
      <c r="B3032" s="8">
        <v>-4.9800999999999998E-2</v>
      </c>
      <c r="C3032">
        <f t="shared" si="142"/>
        <v>0</v>
      </c>
      <c r="D3032">
        <f t="shared" si="143"/>
        <v>5</v>
      </c>
    </row>
    <row r="3033" spans="1:4" x14ac:dyDescent="0.25">
      <c r="A3033" s="7">
        <f t="shared" si="144"/>
        <v>44688.04166665933</v>
      </c>
      <c r="B3033" s="8">
        <v>-4.9800999999999998E-2</v>
      </c>
      <c r="C3033">
        <f t="shared" si="142"/>
        <v>1</v>
      </c>
      <c r="D3033">
        <f t="shared" si="143"/>
        <v>5</v>
      </c>
    </row>
    <row r="3034" spans="1:4" x14ac:dyDescent="0.25">
      <c r="A3034" s="7">
        <f t="shared" si="144"/>
        <v>44688.083333325994</v>
      </c>
      <c r="B3034" s="8">
        <v>-4.9800999999999998E-2</v>
      </c>
      <c r="C3034">
        <f t="shared" si="142"/>
        <v>2</v>
      </c>
      <c r="D3034">
        <f t="shared" si="143"/>
        <v>5</v>
      </c>
    </row>
    <row r="3035" spans="1:4" x14ac:dyDescent="0.25">
      <c r="A3035" s="7">
        <f t="shared" si="144"/>
        <v>44688.124999992659</v>
      </c>
      <c r="B3035" s="8">
        <v>-4.9800999999999998E-2</v>
      </c>
      <c r="C3035">
        <f t="shared" si="142"/>
        <v>3</v>
      </c>
      <c r="D3035">
        <f t="shared" si="143"/>
        <v>5</v>
      </c>
    </row>
    <row r="3036" spans="1:4" x14ac:dyDescent="0.25">
      <c r="A3036" s="7">
        <f t="shared" si="144"/>
        <v>44688.166666659323</v>
      </c>
      <c r="B3036" s="8">
        <v>-4.9800999999999998E-2</v>
      </c>
      <c r="C3036">
        <f t="shared" si="142"/>
        <v>4</v>
      </c>
      <c r="D3036">
        <f t="shared" si="143"/>
        <v>5</v>
      </c>
    </row>
    <row r="3037" spans="1:4" x14ac:dyDescent="0.25">
      <c r="A3037" s="7">
        <f t="shared" si="144"/>
        <v>44688.208333325987</v>
      </c>
      <c r="B3037" s="8">
        <v>-4.9800999999999998E-2</v>
      </c>
      <c r="C3037">
        <f t="shared" si="142"/>
        <v>5</v>
      </c>
      <c r="D3037">
        <f t="shared" si="143"/>
        <v>5</v>
      </c>
    </row>
    <row r="3038" spans="1:4" x14ac:dyDescent="0.25">
      <c r="A3038" s="7">
        <f t="shared" si="144"/>
        <v>44688.249999992651</v>
      </c>
      <c r="B3038" s="8">
        <v>-4.9800999999999998E-2</v>
      </c>
      <c r="C3038">
        <f t="shared" si="142"/>
        <v>6</v>
      </c>
      <c r="D3038">
        <f t="shared" si="143"/>
        <v>5</v>
      </c>
    </row>
    <row r="3039" spans="1:4" x14ac:dyDescent="0.25">
      <c r="A3039" s="7">
        <f t="shared" si="144"/>
        <v>44688.291666659316</v>
      </c>
      <c r="B3039" s="8">
        <v>0.66881907867638624</v>
      </c>
      <c r="C3039">
        <f t="shared" si="142"/>
        <v>7</v>
      </c>
      <c r="D3039">
        <f t="shared" si="143"/>
        <v>5</v>
      </c>
    </row>
    <row r="3040" spans="1:4" x14ac:dyDescent="0.25">
      <c r="A3040" s="7">
        <f t="shared" si="144"/>
        <v>44688.33333332598</v>
      </c>
      <c r="B3040" s="8">
        <v>1.6796356046636092</v>
      </c>
      <c r="C3040">
        <f t="shared" si="142"/>
        <v>8</v>
      </c>
      <c r="D3040">
        <f t="shared" si="143"/>
        <v>5</v>
      </c>
    </row>
    <row r="3041" spans="1:4" x14ac:dyDescent="0.25">
      <c r="A3041" s="7">
        <f t="shared" si="144"/>
        <v>44688.374999992644</v>
      </c>
      <c r="B3041" s="8">
        <v>2.8915973936757298</v>
      </c>
      <c r="C3041">
        <f t="shared" si="142"/>
        <v>9</v>
      </c>
      <c r="D3041">
        <f t="shared" si="143"/>
        <v>5</v>
      </c>
    </row>
    <row r="3042" spans="1:4" x14ac:dyDescent="0.25">
      <c r="A3042" s="7">
        <f t="shared" si="144"/>
        <v>44688.416666659308</v>
      </c>
      <c r="B3042" s="8">
        <v>2.5425979434085413</v>
      </c>
      <c r="C3042">
        <f t="shared" si="142"/>
        <v>10</v>
      </c>
      <c r="D3042">
        <f t="shared" si="143"/>
        <v>5</v>
      </c>
    </row>
    <row r="3043" spans="1:4" x14ac:dyDescent="0.25">
      <c r="A3043" s="7">
        <f t="shared" si="144"/>
        <v>44688.458333325972</v>
      </c>
      <c r="B3043" s="8">
        <v>5.3881536120221494</v>
      </c>
      <c r="C3043">
        <f t="shared" si="142"/>
        <v>11</v>
      </c>
      <c r="D3043">
        <f t="shared" si="143"/>
        <v>5</v>
      </c>
    </row>
    <row r="3044" spans="1:4" x14ac:dyDescent="0.25">
      <c r="A3044" s="7">
        <f t="shared" si="144"/>
        <v>44688.499999992637</v>
      </c>
      <c r="B3044" s="8">
        <v>5.0784051600759286</v>
      </c>
      <c r="C3044">
        <f t="shared" si="142"/>
        <v>12</v>
      </c>
      <c r="D3044">
        <f t="shared" si="143"/>
        <v>5</v>
      </c>
    </row>
    <row r="3045" spans="1:4" x14ac:dyDescent="0.25">
      <c r="A3045" s="7">
        <f t="shared" si="144"/>
        <v>44688.541666659301</v>
      </c>
      <c r="B3045" s="8">
        <v>3.8718118481611934</v>
      </c>
      <c r="C3045">
        <f t="shared" si="142"/>
        <v>13</v>
      </c>
      <c r="D3045">
        <f t="shared" si="143"/>
        <v>5</v>
      </c>
    </row>
    <row r="3046" spans="1:4" x14ac:dyDescent="0.25">
      <c r="A3046" s="7">
        <f t="shared" si="144"/>
        <v>44688.583333325965</v>
      </c>
      <c r="B3046" s="8">
        <v>3.6579518794441399</v>
      </c>
      <c r="C3046">
        <f t="shared" si="142"/>
        <v>14</v>
      </c>
      <c r="D3046">
        <f t="shared" si="143"/>
        <v>5</v>
      </c>
    </row>
    <row r="3047" spans="1:4" x14ac:dyDescent="0.25">
      <c r="A3047" s="7">
        <f t="shared" si="144"/>
        <v>44688.624999992629</v>
      </c>
      <c r="B3047" s="8">
        <v>3.6444147424362385</v>
      </c>
      <c r="C3047">
        <f t="shared" si="142"/>
        <v>15</v>
      </c>
      <c r="D3047">
        <f t="shared" si="143"/>
        <v>5</v>
      </c>
    </row>
    <row r="3048" spans="1:4" x14ac:dyDescent="0.25">
      <c r="A3048" s="7">
        <f t="shared" si="144"/>
        <v>44688.666666659294</v>
      </c>
      <c r="B3048" s="8">
        <v>3.7476752196522738</v>
      </c>
      <c r="C3048">
        <f t="shared" si="142"/>
        <v>16</v>
      </c>
      <c r="D3048">
        <f t="shared" si="143"/>
        <v>5</v>
      </c>
    </row>
    <row r="3049" spans="1:4" x14ac:dyDescent="0.25">
      <c r="A3049" s="7">
        <f t="shared" si="144"/>
        <v>44688.708333325958</v>
      </c>
      <c r="B3049" s="8">
        <v>5.087454996396171</v>
      </c>
      <c r="C3049">
        <f t="shared" si="142"/>
        <v>17</v>
      </c>
      <c r="D3049">
        <f t="shared" si="143"/>
        <v>5</v>
      </c>
    </row>
    <row r="3050" spans="1:4" x14ac:dyDescent="0.25">
      <c r="A3050" s="7">
        <f t="shared" si="144"/>
        <v>44688.749999992622</v>
      </c>
      <c r="B3050" s="8">
        <v>5.8304206898343702</v>
      </c>
      <c r="C3050">
        <f t="shared" si="142"/>
        <v>18</v>
      </c>
      <c r="D3050">
        <f t="shared" si="143"/>
        <v>5</v>
      </c>
    </row>
    <row r="3051" spans="1:4" x14ac:dyDescent="0.25">
      <c r="A3051" s="7">
        <f t="shared" si="144"/>
        <v>44688.791666659286</v>
      </c>
      <c r="B3051" s="8">
        <v>1.2147228084292629</v>
      </c>
      <c r="C3051">
        <f t="shared" si="142"/>
        <v>19</v>
      </c>
      <c r="D3051">
        <f t="shared" si="143"/>
        <v>5</v>
      </c>
    </row>
    <row r="3052" spans="1:4" x14ac:dyDescent="0.25">
      <c r="A3052" s="7">
        <f t="shared" si="144"/>
        <v>44688.833333325951</v>
      </c>
      <c r="B3052" s="8">
        <v>-4.9800999999999998E-2</v>
      </c>
      <c r="C3052">
        <f t="shared" si="142"/>
        <v>20</v>
      </c>
      <c r="D3052">
        <f t="shared" si="143"/>
        <v>5</v>
      </c>
    </row>
    <row r="3053" spans="1:4" x14ac:dyDescent="0.25">
      <c r="A3053" s="7">
        <f t="shared" si="144"/>
        <v>44688.874999992615</v>
      </c>
      <c r="B3053" s="8">
        <v>-4.9800999999999998E-2</v>
      </c>
      <c r="C3053">
        <f t="shared" si="142"/>
        <v>21</v>
      </c>
      <c r="D3053">
        <f t="shared" si="143"/>
        <v>5</v>
      </c>
    </row>
    <row r="3054" spans="1:4" x14ac:dyDescent="0.25">
      <c r="A3054" s="7">
        <f t="shared" si="144"/>
        <v>44688.916666659279</v>
      </c>
      <c r="B3054" s="8">
        <v>-4.9800999999999998E-2</v>
      </c>
      <c r="C3054">
        <f t="shared" si="142"/>
        <v>22</v>
      </c>
      <c r="D3054">
        <f t="shared" si="143"/>
        <v>5</v>
      </c>
    </row>
    <row r="3055" spans="1:4" x14ac:dyDescent="0.25">
      <c r="A3055" s="7">
        <f t="shared" si="144"/>
        <v>44688.958333325943</v>
      </c>
      <c r="B3055" s="8">
        <v>-4.9800999999999998E-2</v>
      </c>
      <c r="C3055">
        <f t="shared" si="142"/>
        <v>23</v>
      </c>
      <c r="D3055">
        <f t="shared" si="143"/>
        <v>5</v>
      </c>
    </row>
    <row r="3056" spans="1:4" x14ac:dyDescent="0.25">
      <c r="A3056" s="7">
        <f t="shared" si="144"/>
        <v>44688.999999992608</v>
      </c>
      <c r="B3056" s="8">
        <v>-4.9800999999999998E-2</v>
      </c>
      <c r="C3056">
        <f t="shared" si="142"/>
        <v>0</v>
      </c>
      <c r="D3056">
        <f t="shared" si="143"/>
        <v>5</v>
      </c>
    </row>
    <row r="3057" spans="1:4" x14ac:dyDescent="0.25">
      <c r="A3057" s="7">
        <f t="shared" si="144"/>
        <v>44689.041666659272</v>
      </c>
      <c r="B3057" s="8">
        <v>-4.9800999999999998E-2</v>
      </c>
      <c r="C3057">
        <f t="shared" si="142"/>
        <v>1</v>
      </c>
      <c r="D3057">
        <f t="shared" si="143"/>
        <v>5</v>
      </c>
    </row>
    <row r="3058" spans="1:4" x14ac:dyDescent="0.25">
      <c r="A3058" s="7">
        <f t="shared" si="144"/>
        <v>44689.083333325936</v>
      </c>
      <c r="B3058" s="8">
        <v>-4.9800999999999998E-2</v>
      </c>
      <c r="C3058">
        <f t="shared" si="142"/>
        <v>2</v>
      </c>
      <c r="D3058">
        <f t="shared" si="143"/>
        <v>5</v>
      </c>
    </row>
    <row r="3059" spans="1:4" x14ac:dyDescent="0.25">
      <c r="A3059" s="7">
        <f t="shared" si="144"/>
        <v>44689.1249999926</v>
      </c>
      <c r="B3059" s="8">
        <v>-4.9800999999999998E-2</v>
      </c>
      <c r="C3059">
        <f t="shared" si="142"/>
        <v>3</v>
      </c>
      <c r="D3059">
        <f t="shared" si="143"/>
        <v>5</v>
      </c>
    </row>
    <row r="3060" spans="1:4" x14ac:dyDescent="0.25">
      <c r="A3060" s="7">
        <f t="shared" si="144"/>
        <v>44689.166666659265</v>
      </c>
      <c r="B3060" s="8">
        <v>-4.9800999999999998E-2</v>
      </c>
      <c r="C3060">
        <f t="shared" si="142"/>
        <v>4</v>
      </c>
      <c r="D3060">
        <f t="shared" si="143"/>
        <v>5</v>
      </c>
    </row>
    <row r="3061" spans="1:4" x14ac:dyDescent="0.25">
      <c r="A3061" s="7">
        <f t="shared" si="144"/>
        <v>44689.208333325929</v>
      </c>
      <c r="B3061" s="8">
        <v>-4.9800999999999998E-2</v>
      </c>
      <c r="C3061">
        <f t="shared" si="142"/>
        <v>5</v>
      </c>
      <c r="D3061">
        <f t="shared" si="143"/>
        <v>5</v>
      </c>
    </row>
    <row r="3062" spans="1:4" x14ac:dyDescent="0.25">
      <c r="A3062" s="7">
        <f t="shared" si="144"/>
        <v>44689.249999992593</v>
      </c>
      <c r="B3062" s="8">
        <v>-4.9800999999999998E-2</v>
      </c>
      <c r="C3062">
        <f t="shared" si="142"/>
        <v>6</v>
      </c>
      <c r="D3062">
        <f t="shared" si="143"/>
        <v>5</v>
      </c>
    </row>
    <row r="3063" spans="1:4" x14ac:dyDescent="0.25">
      <c r="A3063" s="7">
        <f t="shared" si="144"/>
        <v>44689.291666659257</v>
      </c>
      <c r="B3063" s="8">
        <v>0.83459773389289948</v>
      </c>
      <c r="C3063">
        <f t="shared" si="142"/>
        <v>7</v>
      </c>
      <c r="D3063">
        <f t="shared" si="143"/>
        <v>5</v>
      </c>
    </row>
    <row r="3064" spans="1:4" x14ac:dyDescent="0.25">
      <c r="A3064" s="7">
        <f t="shared" si="144"/>
        <v>44689.333333325922</v>
      </c>
      <c r="B3064" s="8">
        <v>3.877753347578822</v>
      </c>
      <c r="C3064">
        <f t="shared" si="142"/>
        <v>8</v>
      </c>
      <c r="D3064">
        <f t="shared" si="143"/>
        <v>5</v>
      </c>
    </row>
    <row r="3065" spans="1:4" x14ac:dyDescent="0.25">
      <c r="A3065" s="7">
        <f t="shared" si="144"/>
        <v>44689.374999992586</v>
      </c>
      <c r="B3065" s="8">
        <v>4.4420298631284139</v>
      </c>
      <c r="C3065">
        <f t="shared" si="142"/>
        <v>9</v>
      </c>
      <c r="D3065">
        <f t="shared" si="143"/>
        <v>5</v>
      </c>
    </row>
    <row r="3066" spans="1:4" x14ac:dyDescent="0.25">
      <c r="A3066" s="7">
        <f t="shared" si="144"/>
        <v>44689.41666665925</v>
      </c>
      <c r="B3066" s="8">
        <v>3.3130017181989571</v>
      </c>
      <c r="C3066">
        <f t="shared" si="142"/>
        <v>10</v>
      </c>
      <c r="D3066">
        <f t="shared" si="143"/>
        <v>5</v>
      </c>
    </row>
    <row r="3067" spans="1:4" x14ac:dyDescent="0.25">
      <c r="A3067" s="7">
        <f t="shared" si="144"/>
        <v>44689.458333325914</v>
      </c>
      <c r="B3067" s="8">
        <v>3.2497497418315486</v>
      </c>
      <c r="C3067">
        <f t="shared" si="142"/>
        <v>11</v>
      </c>
      <c r="D3067">
        <f t="shared" si="143"/>
        <v>5</v>
      </c>
    </row>
    <row r="3068" spans="1:4" x14ac:dyDescent="0.25">
      <c r="A3068" s="7">
        <f t="shared" si="144"/>
        <v>44689.499999992579</v>
      </c>
      <c r="B3068" s="8">
        <v>3.8744388875394304</v>
      </c>
      <c r="C3068">
        <f t="shared" si="142"/>
        <v>12</v>
      </c>
      <c r="D3068">
        <f t="shared" si="143"/>
        <v>5</v>
      </c>
    </row>
    <row r="3069" spans="1:4" x14ac:dyDescent="0.25">
      <c r="A3069" s="7">
        <f t="shared" si="144"/>
        <v>44689.541666659243</v>
      </c>
      <c r="B3069" s="8">
        <v>4.1720590541176286</v>
      </c>
      <c r="C3069">
        <f t="shared" si="142"/>
        <v>13</v>
      </c>
      <c r="D3069">
        <f t="shared" si="143"/>
        <v>5</v>
      </c>
    </row>
    <row r="3070" spans="1:4" x14ac:dyDescent="0.25">
      <c r="A3070" s="7">
        <f t="shared" si="144"/>
        <v>44689.583333325907</v>
      </c>
      <c r="B3070" s="8">
        <v>3.8971928206083635</v>
      </c>
      <c r="C3070">
        <f t="shared" si="142"/>
        <v>14</v>
      </c>
      <c r="D3070">
        <f t="shared" si="143"/>
        <v>5</v>
      </c>
    </row>
    <row r="3071" spans="1:4" x14ac:dyDescent="0.25">
      <c r="A3071" s="7">
        <f t="shared" si="144"/>
        <v>44689.624999992571</v>
      </c>
      <c r="B3071" s="8">
        <v>4.2471538353086222</v>
      </c>
      <c r="C3071">
        <f t="shared" si="142"/>
        <v>15</v>
      </c>
      <c r="D3071">
        <f t="shared" si="143"/>
        <v>5</v>
      </c>
    </row>
    <row r="3072" spans="1:4" x14ac:dyDescent="0.25">
      <c r="A3072" s="7">
        <f t="shared" si="144"/>
        <v>44689.666666659235</v>
      </c>
      <c r="B3072" s="8">
        <v>3.614562959152352</v>
      </c>
      <c r="C3072">
        <f t="shared" si="142"/>
        <v>16</v>
      </c>
      <c r="D3072">
        <f t="shared" si="143"/>
        <v>5</v>
      </c>
    </row>
    <row r="3073" spans="1:4" x14ac:dyDescent="0.25">
      <c r="A3073" s="7">
        <f t="shared" si="144"/>
        <v>44689.7083333259</v>
      </c>
      <c r="B3073" s="8">
        <v>3.610055046151015</v>
      </c>
      <c r="C3073">
        <f t="shared" si="142"/>
        <v>17</v>
      </c>
      <c r="D3073">
        <f t="shared" si="143"/>
        <v>5</v>
      </c>
    </row>
    <row r="3074" spans="1:4" x14ac:dyDescent="0.25">
      <c r="A3074" s="7">
        <f t="shared" si="144"/>
        <v>44689.749999992564</v>
      </c>
      <c r="B3074" s="8">
        <v>1.9355137748128766</v>
      </c>
      <c r="C3074">
        <f t="shared" si="142"/>
        <v>18</v>
      </c>
      <c r="D3074">
        <f t="shared" si="143"/>
        <v>5</v>
      </c>
    </row>
    <row r="3075" spans="1:4" x14ac:dyDescent="0.25">
      <c r="A3075" s="7">
        <f t="shared" si="144"/>
        <v>44689.791666659228</v>
      </c>
      <c r="B3075" s="8">
        <v>1.1884421084900567</v>
      </c>
      <c r="C3075">
        <f t="shared" si="142"/>
        <v>19</v>
      </c>
      <c r="D3075">
        <f t="shared" si="143"/>
        <v>5</v>
      </c>
    </row>
    <row r="3076" spans="1:4" x14ac:dyDescent="0.25">
      <c r="A3076" s="7">
        <f t="shared" si="144"/>
        <v>44689.833333325892</v>
      </c>
      <c r="B3076" s="8">
        <v>-4.9800999999999998E-2</v>
      </c>
      <c r="C3076">
        <f t="shared" si="142"/>
        <v>20</v>
      </c>
      <c r="D3076">
        <f t="shared" si="143"/>
        <v>5</v>
      </c>
    </row>
    <row r="3077" spans="1:4" x14ac:dyDescent="0.25">
      <c r="A3077" s="7">
        <f t="shared" si="144"/>
        <v>44689.874999992557</v>
      </c>
      <c r="B3077" s="8">
        <v>-4.9800999999999998E-2</v>
      </c>
      <c r="C3077">
        <f t="shared" si="142"/>
        <v>21</v>
      </c>
      <c r="D3077">
        <f t="shared" si="143"/>
        <v>5</v>
      </c>
    </row>
    <row r="3078" spans="1:4" x14ac:dyDescent="0.25">
      <c r="A3078" s="7">
        <f t="shared" si="144"/>
        <v>44689.916666659221</v>
      </c>
      <c r="B3078" s="8">
        <v>-4.9800999999999998E-2</v>
      </c>
      <c r="C3078">
        <f t="shared" si="142"/>
        <v>22</v>
      </c>
      <c r="D3078">
        <f t="shared" si="143"/>
        <v>5</v>
      </c>
    </row>
    <row r="3079" spans="1:4" x14ac:dyDescent="0.25">
      <c r="A3079" s="7">
        <f t="shared" si="144"/>
        <v>44689.958333325885</v>
      </c>
      <c r="B3079" s="8">
        <v>-4.9800999999999998E-2</v>
      </c>
      <c r="C3079">
        <f t="shared" si="142"/>
        <v>23</v>
      </c>
      <c r="D3079">
        <f t="shared" si="143"/>
        <v>5</v>
      </c>
    </row>
    <row r="3080" spans="1:4" x14ac:dyDescent="0.25">
      <c r="A3080" s="7">
        <f t="shared" si="144"/>
        <v>44689.999999992549</v>
      </c>
      <c r="B3080" s="8">
        <v>-4.9800999999999998E-2</v>
      </c>
      <c r="C3080">
        <f t="shared" si="142"/>
        <v>0</v>
      </c>
      <c r="D3080">
        <f t="shared" si="143"/>
        <v>5</v>
      </c>
    </row>
    <row r="3081" spans="1:4" x14ac:dyDescent="0.25">
      <c r="A3081" s="7">
        <f t="shared" si="144"/>
        <v>44690.041666659214</v>
      </c>
      <c r="B3081" s="8">
        <v>-4.9800999999999998E-2</v>
      </c>
      <c r="C3081">
        <f t="shared" si="142"/>
        <v>1</v>
      </c>
      <c r="D3081">
        <f t="shared" si="143"/>
        <v>5</v>
      </c>
    </row>
    <row r="3082" spans="1:4" x14ac:dyDescent="0.25">
      <c r="A3082" s="7">
        <f t="shared" si="144"/>
        <v>44690.083333325878</v>
      </c>
      <c r="B3082" s="8">
        <v>-4.9800999999999998E-2</v>
      </c>
      <c r="C3082">
        <f t="shared" ref="C3082:C3145" si="145">HOUR(A3082)</f>
        <v>2</v>
      </c>
      <c r="D3082">
        <f t="shared" ref="D3082:D3145" si="146">MONTH(A3082)</f>
        <v>5</v>
      </c>
    </row>
    <row r="3083" spans="1:4" x14ac:dyDescent="0.25">
      <c r="A3083" s="7">
        <f t="shared" ref="A3083:A3146" si="147">+A3082+1/24</f>
        <v>44690.124999992542</v>
      </c>
      <c r="B3083" s="8">
        <v>-4.9800999999999998E-2</v>
      </c>
      <c r="C3083">
        <f t="shared" si="145"/>
        <v>3</v>
      </c>
      <c r="D3083">
        <f t="shared" si="146"/>
        <v>5</v>
      </c>
    </row>
    <row r="3084" spans="1:4" x14ac:dyDescent="0.25">
      <c r="A3084" s="7">
        <f t="shared" si="147"/>
        <v>44690.166666659206</v>
      </c>
      <c r="B3084" s="8">
        <v>-4.9800999999999998E-2</v>
      </c>
      <c r="C3084">
        <f t="shared" si="145"/>
        <v>4</v>
      </c>
      <c r="D3084">
        <f t="shared" si="146"/>
        <v>5</v>
      </c>
    </row>
    <row r="3085" spans="1:4" x14ac:dyDescent="0.25">
      <c r="A3085" s="7">
        <f t="shared" si="147"/>
        <v>44690.208333325871</v>
      </c>
      <c r="B3085" s="8">
        <v>-4.9800999999999998E-2</v>
      </c>
      <c r="C3085">
        <f t="shared" si="145"/>
        <v>5</v>
      </c>
      <c r="D3085">
        <f t="shared" si="146"/>
        <v>5</v>
      </c>
    </row>
    <row r="3086" spans="1:4" x14ac:dyDescent="0.25">
      <c r="A3086" s="7">
        <f t="shared" si="147"/>
        <v>44690.249999992535</v>
      </c>
      <c r="B3086" s="8">
        <v>-4.9800999999999998E-2</v>
      </c>
      <c r="C3086">
        <f t="shared" si="145"/>
        <v>6</v>
      </c>
      <c r="D3086">
        <f t="shared" si="146"/>
        <v>5</v>
      </c>
    </row>
    <row r="3087" spans="1:4" x14ac:dyDescent="0.25">
      <c r="A3087" s="7">
        <f t="shared" si="147"/>
        <v>44690.291666659199</v>
      </c>
      <c r="B3087" s="8">
        <v>1.5807614277982118</v>
      </c>
      <c r="C3087">
        <f t="shared" si="145"/>
        <v>7</v>
      </c>
      <c r="D3087">
        <f t="shared" si="146"/>
        <v>5</v>
      </c>
    </row>
    <row r="3088" spans="1:4" x14ac:dyDescent="0.25">
      <c r="A3088" s="7">
        <f t="shared" si="147"/>
        <v>44690.333333325863</v>
      </c>
      <c r="B3088" s="8">
        <v>5.3589830657053144</v>
      </c>
      <c r="C3088">
        <f t="shared" si="145"/>
        <v>8</v>
      </c>
      <c r="D3088">
        <f t="shared" si="146"/>
        <v>5</v>
      </c>
    </row>
    <row r="3089" spans="1:4" x14ac:dyDescent="0.25">
      <c r="A3089" s="7">
        <f t="shared" si="147"/>
        <v>44690.374999992528</v>
      </c>
      <c r="B3089" s="8">
        <v>11.630479441621329</v>
      </c>
      <c r="C3089">
        <f t="shared" si="145"/>
        <v>9</v>
      </c>
      <c r="D3089">
        <f t="shared" si="146"/>
        <v>5</v>
      </c>
    </row>
    <row r="3090" spans="1:4" x14ac:dyDescent="0.25">
      <c r="A3090" s="7">
        <f t="shared" si="147"/>
        <v>44690.416666659192</v>
      </c>
      <c r="B3090" s="8">
        <v>15.757478947423584</v>
      </c>
      <c r="C3090">
        <f t="shared" si="145"/>
        <v>10</v>
      </c>
      <c r="D3090">
        <f t="shared" si="146"/>
        <v>5</v>
      </c>
    </row>
    <row r="3091" spans="1:4" x14ac:dyDescent="0.25">
      <c r="A3091" s="7">
        <f t="shared" si="147"/>
        <v>44690.458333325856</v>
      </c>
      <c r="B3091" s="8">
        <v>17.991119951731132</v>
      </c>
      <c r="C3091">
        <f t="shared" si="145"/>
        <v>11</v>
      </c>
      <c r="D3091">
        <f t="shared" si="146"/>
        <v>5</v>
      </c>
    </row>
    <row r="3092" spans="1:4" x14ac:dyDescent="0.25">
      <c r="A3092" s="7">
        <f t="shared" si="147"/>
        <v>44690.49999999252</v>
      </c>
      <c r="B3092" s="8">
        <v>20.386155372135924</v>
      </c>
      <c r="C3092">
        <f t="shared" si="145"/>
        <v>12</v>
      </c>
      <c r="D3092">
        <f t="shared" si="146"/>
        <v>5</v>
      </c>
    </row>
    <row r="3093" spans="1:4" x14ac:dyDescent="0.25">
      <c r="A3093" s="7">
        <f t="shared" si="147"/>
        <v>44690.541666659185</v>
      </c>
      <c r="B3093" s="8">
        <v>20.451311926287161</v>
      </c>
      <c r="C3093">
        <f t="shared" si="145"/>
        <v>13</v>
      </c>
      <c r="D3093">
        <f t="shared" si="146"/>
        <v>5</v>
      </c>
    </row>
    <row r="3094" spans="1:4" x14ac:dyDescent="0.25">
      <c r="A3094" s="7">
        <f t="shared" si="147"/>
        <v>44690.583333325849</v>
      </c>
      <c r="B3094" s="8">
        <v>20.451300589514638</v>
      </c>
      <c r="C3094">
        <f t="shared" si="145"/>
        <v>14</v>
      </c>
      <c r="D3094">
        <f t="shared" si="146"/>
        <v>5</v>
      </c>
    </row>
    <row r="3095" spans="1:4" x14ac:dyDescent="0.25">
      <c r="A3095" s="7">
        <f t="shared" si="147"/>
        <v>44690.624999992513</v>
      </c>
      <c r="B3095" s="8">
        <v>20.45130368136169</v>
      </c>
      <c r="C3095">
        <f t="shared" si="145"/>
        <v>15</v>
      </c>
      <c r="D3095">
        <f t="shared" si="146"/>
        <v>5</v>
      </c>
    </row>
    <row r="3096" spans="1:4" x14ac:dyDescent="0.25">
      <c r="A3096" s="7">
        <f t="shared" si="147"/>
        <v>44690.666666659177</v>
      </c>
      <c r="B3096" s="8">
        <v>17.332462743697906</v>
      </c>
      <c r="C3096">
        <f t="shared" si="145"/>
        <v>16</v>
      </c>
      <c r="D3096">
        <f t="shared" si="146"/>
        <v>5</v>
      </c>
    </row>
    <row r="3097" spans="1:4" x14ac:dyDescent="0.25">
      <c r="A3097" s="7">
        <f t="shared" si="147"/>
        <v>44690.708333325842</v>
      </c>
      <c r="B3097" s="8">
        <v>11.90952482172877</v>
      </c>
      <c r="C3097">
        <f t="shared" si="145"/>
        <v>17</v>
      </c>
      <c r="D3097">
        <f t="shared" si="146"/>
        <v>5</v>
      </c>
    </row>
    <row r="3098" spans="1:4" x14ac:dyDescent="0.25">
      <c r="A3098" s="7">
        <f t="shared" si="147"/>
        <v>44690.749999992506</v>
      </c>
      <c r="B3098" s="8">
        <v>6.0539200070428523</v>
      </c>
      <c r="C3098">
        <f t="shared" si="145"/>
        <v>18</v>
      </c>
      <c r="D3098">
        <f t="shared" si="146"/>
        <v>5</v>
      </c>
    </row>
    <row r="3099" spans="1:4" x14ac:dyDescent="0.25">
      <c r="A3099" s="7">
        <f t="shared" si="147"/>
        <v>44690.79166665917</v>
      </c>
      <c r="B3099" s="8">
        <v>1.4243057220581716</v>
      </c>
      <c r="C3099">
        <f t="shared" si="145"/>
        <v>19</v>
      </c>
      <c r="D3099">
        <f t="shared" si="146"/>
        <v>5</v>
      </c>
    </row>
    <row r="3100" spans="1:4" x14ac:dyDescent="0.25">
      <c r="A3100" s="7">
        <f t="shared" si="147"/>
        <v>44690.833333325834</v>
      </c>
      <c r="B3100" s="8">
        <v>-4.9800999999999998E-2</v>
      </c>
      <c r="C3100">
        <f t="shared" si="145"/>
        <v>20</v>
      </c>
      <c r="D3100">
        <f t="shared" si="146"/>
        <v>5</v>
      </c>
    </row>
    <row r="3101" spans="1:4" x14ac:dyDescent="0.25">
      <c r="A3101" s="7">
        <f t="shared" si="147"/>
        <v>44690.874999992498</v>
      </c>
      <c r="B3101" s="8">
        <v>-4.9800999999999998E-2</v>
      </c>
      <c r="C3101">
        <f t="shared" si="145"/>
        <v>21</v>
      </c>
      <c r="D3101">
        <f t="shared" si="146"/>
        <v>5</v>
      </c>
    </row>
    <row r="3102" spans="1:4" x14ac:dyDescent="0.25">
      <c r="A3102" s="7">
        <f t="shared" si="147"/>
        <v>44690.916666659163</v>
      </c>
      <c r="B3102" s="8">
        <v>-4.9800999999999998E-2</v>
      </c>
      <c r="C3102">
        <f t="shared" si="145"/>
        <v>22</v>
      </c>
      <c r="D3102">
        <f t="shared" si="146"/>
        <v>5</v>
      </c>
    </row>
    <row r="3103" spans="1:4" x14ac:dyDescent="0.25">
      <c r="A3103" s="7">
        <f t="shared" si="147"/>
        <v>44690.958333325827</v>
      </c>
      <c r="B3103" s="8">
        <v>-4.9800999999999998E-2</v>
      </c>
      <c r="C3103">
        <f t="shared" si="145"/>
        <v>23</v>
      </c>
      <c r="D3103">
        <f t="shared" si="146"/>
        <v>5</v>
      </c>
    </row>
    <row r="3104" spans="1:4" x14ac:dyDescent="0.25">
      <c r="A3104" s="7">
        <f t="shared" si="147"/>
        <v>44690.999999992491</v>
      </c>
      <c r="B3104" s="8">
        <v>-4.9800999999999998E-2</v>
      </c>
      <c r="C3104">
        <f t="shared" si="145"/>
        <v>0</v>
      </c>
      <c r="D3104">
        <f t="shared" si="146"/>
        <v>5</v>
      </c>
    </row>
    <row r="3105" spans="1:4" x14ac:dyDescent="0.25">
      <c r="A3105" s="7">
        <f t="shared" si="147"/>
        <v>44691.041666659155</v>
      </c>
      <c r="B3105" s="8">
        <v>-4.9800999999999998E-2</v>
      </c>
      <c r="C3105">
        <f t="shared" si="145"/>
        <v>1</v>
      </c>
      <c r="D3105">
        <f t="shared" si="146"/>
        <v>5</v>
      </c>
    </row>
    <row r="3106" spans="1:4" x14ac:dyDescent="0.25">
      <c r="A3106" s="7">
        <f t="shared" si="147"/>
        <v>44691.08333332582</v>
      </c>
      <c r="B3106" s="8">
        <v>-4.9800999999999998E-2</v>
      </c>
      <c r="C3106">
        <f t="shared" si="145"/>
        <v>2</v>
      </c>
      <c r="D3106">
        <f t="shared" si="146"/>
        <v>5</v>
      </c>
    </row>
    <row r="3107" spans="1:4" x14ac:dyDescent="0.25">
      <c r="A3107" s="7">
        <f t="shared" si="147"/>
        <v>44691.124999992484</v>
      </c>
      <c r="B3107" s="8">
        <v>-4.9800999999999998E-2</v>
      </c>
      <c r="C3107">
        <f t="shared" si="145"/>
        <v>3</v>
      </c>
      <c r="D3107">
        <f t="shared" si="146"/>
        <v>5</v>
      </c>
    </row>
    <row r="3108" spans="1:4" x14ac:dyDescent="0.25">
      <c r="A3108" s="7">
        <f t="shared" si="147"/>
        <v>44691.166666659148</v>
      </c>
      <c r="B3108" s="8">
        <v>-4.9800999999999998E-2</v>
      </c>
      <c r="C3108">
        <f t="shared" si="145"/>
        <v>4</v>
      </c>
      <c r="D3108">
        <f t="shared" si="146"/>
        <v>5</v>
      </c>
    </row>
    <row r="3109" spans="1:4" x14ac:dyDescent="0.25">
      <c r="A3109" s="7">
        <f t="shared" si="147"/>
        <v>44691.208333325812</v>
      </c>
      <c r="B3109" s="8">
        <v>-4.9800999999999998E-2</v>
      </c>
      <c r="C3109">
        <f t="shared" si="145"/>
        <v>5</v>
      </c>
      <c r="D3109">
        <f t="shared" si="146"/>
        <v>5</v>
      </c>
    </row>
    <row r="3110" spans="1:4" x14ac:dyDescent="0.25">
      <c r="A3110" s="7">
        <f t="shared" si="147"/>
        <v>44691.249999992477</v>
      </c>
      <c r="B3110" s="8">
        <v>-4.9800999999999998E-2</v>
      </c>
      <c r="C3110">
        <f t="shared" si="145"/>
        <v>6</v>
      </c>
      <c r="D3110">
        <f t="shared" si="146"/>
        <v>5</v>
      </c>
    </row>
    <row r="3111" spans="1:4" x14ac:dyDescent="0.25">
      <c r="A3111" s="7">
        <f t="shared" si="147"/>
        <v>44691.291666659141</v>
      </c>
      <c r="B3111" s="8">
        <v>1.7470955848683418</v>
      </c>
      <c r="C3111">
        <f t="shared" si="145"/>
        <v>7</v>
      </c>
      <c r="D3111">
        <f t="shared" si="146"/>
        <v>5</v>
      </c>
    </row>
    <row r="3112" spans="1:4" x14ac:dyDescent="0.25">
      <c r="A3112" s="7">
        <f t="shared" si="147"/>
        <v>44691.333333325805</v>
      </c>
      <c r="B3112" s="8">
        <v>7.0166407909099595</v>
      </c>
      <c r="C3112">
        <f t="shared" si="145"/>
        <v>8</v>
      </c>
      <c r="D3112">
        <f t="shared" si="146"/>
        <v>5</v>
      </c>
    </row>
    <row r="3113" spans="1:4" x14ac:dyDescent="0.25">
      <c r="A3113" s="7">
        <f t="shared" si="147"/>
        <v>44691.374999992469</v>
      </c>
      <c r="B3113" s="8">
        <v>12.82534640828476</v>
      </c>
      <c r="C3113">
        <f t="shared" si="145"/>
        <v>9</v>
      </c>
      <c r="D3113">
        <f t="shared" si="146"/>
        <v>5</v>
      </c>
    </row>
    <row r="3114" spans="1:4" x14ac:dyDescent="0.25">
      <c r="A3114" s="7">
        <f t="shared" si="147"/>
        <v>44691.416666659134</v>
      </c>
      <c r="B3114" s="8">
        <v>18.001007678602377</v>
      </c>
      <c r="C3114">
        <f t="shared" si="145"/>
        <v>10</v>
      </c>
      <c r="D3114">
        <f t="shared" si="146"/>
        <v>5</v>
      </c>
    </row>
    <row r="3115" spans="1:4" x14ac:dyDescent="0.25">
      <c r="A3115" s="7">
        <f t="shared" si="147"/>
        <v>44691.458333325798</v>
      </c>
      <c r="B3115" s="8">
        <v>20.451309865055794</v>
      </c>
      <c r="C3115">
        <f t="shared" si="145"/>
        <v>11</v>
      </c>
      <c r="D3115">
        <f t="shared" si="146"/>
        <v>5</v>
      </c>
    </row>
    <row r="3116" spans="1:4" x14ac:dyDescent="0.25">
      <c r="A3116" s="7">
        <f t="shared" si="147"/>
        <v>44691.499999992462</v>
      </c>
      <c r="B3116" s="8">
        <v>20.45133769167926</v>
      </c>
      <c r="C3116">
        <f t="shared" si="145"/>
        <v>12</v>
      </c>
      <c r="D3116">
        <f t="shared" si="146"/>
        <v>5</v>
      </c>
    </row>
    <row r="3117" spans="1:4" x14ac:dyDescent="0.25">
      <c r="A3117" s="7">
        <f t="shared" si="147"/>
        <v>44691.541666659126</v>
      </c>
      <c r="B3117" s="8">
        <v>20.451294405820537</v>
      </c>
      <c r="C3117">
        <f t="shared" si="145"/>
        <v>13</v>
      </c>
      <c r="D3117">
        <f t="shared" si="146"/>
        <v>5</v>
      </c>
    </row>
    <row r="3118" spans="1:4" x14ac:dyDescent="0.25">
      <c r="A3118" s="7">
        <f t="shared" si="147"/>
        <v>44691.583333325791</v>
      </c>
      <c r="B3118" s="8">
        <v>20.451306773208739</v>
      </c>
      <c r="C3118">
        <f t="shared" si="145"/>
        <v>14</v>
      </c>
      <c r="D3118">
        <f t="shared" si="146"/>
        <v>5</v>
      </c>
    </row>
    <row r="3119" spans="1:4" x14ac:dyDescent="0.25">
      <c r="A3119" s="7">
        <f t="shared" si="147"/>
        <v>44691.624999992455</v>
      </c>
      <c r="B3119" s="8">
        <v>15.771397412234524</v>
      </c>
      <c r="C3119">
        <f t="shared" si="145"/>
        <v>15</v>
      </c>
      <c r="D3119">
        <f t="shared" si="146"/>
        <v>5</v>
      </c>
    </row>
    <row r="3120" spans="1:4" x14ac:dyDescent="0.25">
      <c r="A3120" s="7">
        <f t="shared" si="147"/>
        <v>44691.666666659119</v>
      </c>
      <c r="B3120" s="8">
        <v>15.020073425599971</v>
      </c>
      <c r="C3120">
        <f t="shared" si="145"/>
        <v>16</v>
      </c>
      <c r="D3120">
        <f t="shared" si="146"/>
        <v>5</v>
      </c>
    </row>
    <row r="3121" spans="1:4" x14ac:dyDescent="0.25">
      <c r="A3121" s="7">
        <f t="shared" si="147"/>
        <v>44691.708333325783</v>
      </c>
      <c r="B3121" s="8">
        <v>10.955200463838318</v>
      </c>
      <c r="C3121">
        <f t="shared" si="145"/>
        <v>17</v>
      </c>
      <c r="D3121">
        <f t="shared" si="146"/>
        <v>5</v>
      </c>
    </row>
    <row r="3122" spans="1:4" x14ac:dyDescent="0.25">
      <c r="A3122" s="7">
        <f t="shared" si="147"/>
        <v>44691.749999992448</v>
      </c>
      <c r="B3122" s="8">
        <v>4.8488128429442874</v>
      </c>
      <c r="C3122">
        <f t="shared" si="145"/>
        <v>18</v>
      </c>
      <c r="D3122">
        <f t="shared" si="146"/>
        <v>5</v>
      </c>
    </row>
    <row r="3123" spans="1:4" x14ac:dyDescent="0.25">
      <c r="A3123" s="7">
        <f t="shared" si="147"/>
        <v>44691.791666659112</v>
      </c>
      <c r="B3123" s="8">
        <v>1.3294983546814059</v>
      </c>
      <c r="C3123">
        <f t="shared" si="145"/>
        <v>19</v>
      </c>
      <c r="D3123">
        <f t="shared" si="146"/>
        <v>5</v>
      </c>
    </row>
    <row r="3124" spans="1:4" x14ac:dyDescent="0.25">
      <c r="A3124" s="7">
        <f t="shared" si="147"/>
        <v>44691.833333325776</v>
      </c>
      <c r="B3124" s="8">
        <v>-4.9800999999999998E-2</v>
      </c>
      <c r="C3124">
        <f t="shared" si="145"/>
        <v>20</v>
      </c>
      <c r="D3124">
        <f t="shared" si="146"/>
        <v>5</v>
      </c>
    </row>
    <row r="3125" spans="1:4" x14ac:dyDescent="0.25">
      <c r="A3125" s="7">
        <f t="shared" si="147"/>
        <v>44691.87499999244</v>
      </c>
      <c r="B3125" s="8">
        <v>-4.9800999999999998E-2</v>
      </c>
      <c r="C3125">
        <f t="shared" si="145"/>
        <v>21</v>
      </c>
      <c r="D3125">
        <f t="shared" si="146"/>
        <v>5</v>
      </c>
    </row>
    <row r="3126" spans="1:4" x14ac:dyDescent="0.25">
      <c r="A3126" s="7">
        <f t="shared" si="147"/>
        <v>44691.916666659105</v>
      </c>
      <c r="B3126" s="8">
        <v>-4.9800999999999998E-2</v>
      </c>
      <c r="C3126">
        <f t="shared" si="145"/>
        <v>22</v>
      </c>
      <c r="D3126">
        <f t="shared" si="146"/>
        <v>5</v>
      </c>
    </row>
    <row r="3127" spans="1:4" x14ac:dyDescent="0.25">
      <c r="A3127" s="7">
        <f t="shared" si="147"/>
        <v>44691.958333325769</v>
      </c>
      <c r="B3127" s="8">
        <v>-4.9800999999999998E-2</v>
      </c>
      <c r="C3127">
        <f t="shared" si="145"/>
        <v>23</v>
      </c>
      <c r="D3127">
        <f t="shared" si="146"/>
        <v>5</v>
      </c>
    </row>
    <row r="3128" spans="1:4" x14ac:dyDescent="0.25">
      <c r="A3128" s="7">
        <f t="shared" si="147"/>
        <v>44691.999999992433</v>
      </c>
      <c r="B3128" s="8">
        <v>-4.9800999999999998E-2</v>
      </c>
      <c r="C3128">
        <f t="shared" si="145"/>
        <v>0</v>
      </c>
      <c r="D3128">
        <f t="shared" si="146"/>
        <v>5</v>
      </c>
    </row>
    <row r="3129" spans="1:4" x14ac:dyDescent="0.25">
      <c r="A3129" s="7">
        <f t="shared" si="147"/>
        <v>44692.041666659097</v>
      </c>
      <c r="B3129" s="8">
        <v>-4.9800999999999998E-2</v>
      </c>
      <c r="C3129">
        <f t="shared" si="145"/>
        <v>1</v>
      </c>
      <c r="D3129">
        <f t="shared" si="146"/>
        <v>5</v>
      </c>
    </row>
    <row r="3130" spans="1:4" x14ac:dyDescent="0.25">
      <c r="A3130" s="7">
        <f t="shared" si="147"/>
        <v>44692.083333325761</v>
      </c>
      <c r="B3130" s="8">
        <v>-4.9800999999999998E-2</v>
      </c>
      <c r="C3130">
        <f t="shared" si="145"/>
        <v>2</v>
      </c>
      <c r="D3130">
        <f t="shared" si="146"/>
        <v>5</v>
      </c>
    </row>
    <row r="3131" spans="1:4" x14ac:dyDescent="0.25">
      <c r="A3131" s="7">
        <f t="shared" si="147"/>
        <v>44692.124999992426</v>
      </c>
      <c r="B3131" s="8">
        <v>-4.9800999999999998E-2</v>
      </c>
      <c r="C3131">
        <f t="shared" si="145"/>
        <v>3</v>
      </c>
      <c r="D3131">
        <f t="shared" si="146"/>
        <v>5</v>
      </c>
    </row>
    <row r="3132" spans="1:4" x14ac:dyDescent="0.25">
      <c r="A3132" s="7">
        <f t="shared" si="147"/>
        <v>44692.16666665909</v>
      </c>
      <c r="B3132" s="8">
        <v>-4.9800999999999998E-2</v>
      </c>
      <c r="C3132">
        <f t="shared" si="145"/>
        <v>4</v>
      </c>
      <c r="D3132">
        <f t="shared" si="146"/>
        <v>5</v>
      </c>
    </row>
    <row r="3133" spans="1:4" x14ac:dyDescent="0.25">
      <c r="A3133" s="7">
        <f t="shared" si="147"/>
        <v>44692.208333325754</v>
      </c>
      <c r="B3133" s="8">
        <v>-4.9800999999999998E-2</v>
      </c>
      <c r="C3133">
        <f t="shared" si="145"/>
        <v>5</v>
      </c>
      <c r="D3133">
        <f t="shared" si="146"/>
        <v>5</v>
      </c>
    </row>
    <row r="3134" spans="1:4" x14ac:dyDescent="0.25">
      <c r="A3134" s="7">
        <f t="shared" si="147"/>
        <v>44692.249999992418</v>
      </c>
      <c r="B3134" s="8">
        <v>-4.9800999999999998E-2</v>
      </c>
      <c r="C3134">
        <f t="shared" si="145"/>
        <v>6</v>
      </c>
      <c r="D3134">
        <f t="shared" si="146"/>
        <v>5</v>
      </c>
    </row>
    <row r="3135" spans="1:4" x14ac:dyDescent="0.25">
      <c r="A3135" s="7">
        <f t="shared" si="147"/>
        <v>44692.291666659083</v>
      </c>
      <c r="B3135" s="8">
        <v>1.7602421185320483</v>
      </c>
      <c r="C3135">
        <f t="shared" si="145"/>
        <v>7</v>
      </c>
      <c r="D3135">
        <f t="shared" si="146"/>
        <v>5</v>
      </c>
    </row>
    <row r="3136" spans="1:4" x14ac:dyDescent="0.25">
      <c r="A3136" s="7">
        <f t="shared" si="147"/>
        <v>44692.333333325747</v>
      </c>
      <c r="B3136" s="8">
        <v>6.5967937266850907</v>
      </c>
      <c r="C3136">
        <f t="shared" si="145"/>
        <v>8</v>
      </c>
      <c r="D3136">
        <f t="shared" si="146"/>
        <v>5</v>
      </c>
    </row>
    <row r="3137" spans="1:4" x14ac:dyDescent="0.25">
      <c r="A3137" s="7">
        <f t="shared" si="147"/>
        <v>44692.374999992411</v>
      </c>
      <c r="B3137" s="8">
        <v>12.717732610419972</v>
      </c>
      <c r="C3137">
        <f t="shared" si="145"/>
        <v>9</v>
      </c>
      <c r="D3137">
        <f t="shared" si="146"/>
        <v>5</v>
      </c>
    </row>
    <row r="3138" spans="1:4" x14ac:dyDescent="0.25">
      <c r="A3138" s="7">
        <f t="shared" si="147"/>
        <v>44692.416666659075</v>
      </c>
      <c r="B3138" s="8">
        <v>18.014250059524684</v>
      </c>
      <c r="C3138">
        <f t="shared" si="145"/>
        <v>10</v>
      </c>
      <c r="D3138">
        <f t="shared" si="146"/>
        <v>5</v>
      </c>
    </row>
    <row r="3139" spans="1:4" x14ac:dyDescent="0.25">
      <c r="A3139" s="7">
        <f t="shared" si="147"/>
        <v>44692.45833332574</v>
      </c>
      <c r="B3139" s="8">
        <v>20.451308834440109</v>
      </c>
      <c r="C3139">
        <f t="shared" si="145"/>
        <v>11</v>
      </c>
      <c r="D3139">
        <f t="shared" si="146"/>
        <v>5</v>
      </c>
    </row>
    <row r="3140" spans="1:4" x14ac:dyDescent="0.25">
      <c r="A3140" s="7">
        <f t="shared" si="147"/>
        <v>44692.499999992404</v>
      </c>
      <c r="B3140" s="8">
        <v>20.121182018576324</v>
      </c>
      <c r="C3140">
        <f t="shared" si="145"/>
        <v>12</v>
      </c>
      <c r="D3140">
        <f t="shared" si="146"/>
        <v>5</v>
      </c>
    </row>
    <row r="3141" spans="1:4" x14ac:dyDescent="0.25">
      <c r="A3141" s="7">
        <f t="shared" si="147"/>
        <v>44692.541666659068</v>
      </c>
      <c r="B3141" s="8">
        <v>20.451313987518528</v>
      </c>
      <c r="C3141">
        <f t="shared" si="145"/>
        <v>13</v>
      </c>
      <c r="D3141">
        <f t="shared" si="146"/>
        <v>5</v>
      </c>
    </row>
    <row r="3142" spans="1:4" x14ac:dyDescent="0.25">
      <c r="A3142" s="7">
        <f t="shared" si="147"/>
        <v>44692.583333325732</v>
      </c>
      <c r="B3142" s="8">
        <v>20.451309865055794</v>
      </c>
      <c r="C3142">
        <f t="shared" si="145"/>
        <v>14</v>
      </c>
      <c r="D3142">
        <f t="shared" si="146"/>
        <v>5</v>
      </c>
    </row>
    <row r="3143" spans="1:4" x14ac:dyDescent="0.25">
      <c r="A3143" s="7">
        <f t="shared" si="147"/>
        <v>44692.624999992397</v>
      </c>
      <c r="B3143" s="8">
        <v>20.451307803824424</v>
      </c>
      <c r="C3143">
        <f t="shared" si="145"/>
        <v>15</v>
      </c>
      <c r="D3143">
        <f t="shared" si="146"/>
        <v>5</v>
      </c>
    </row>
    <row r="3144" spans="1:4" x14ac:dyDescent="0.25">
      <c r="A3144" s="7">
        <f t="shared" si="147"/>
        <v>44692.666666659061</v>
      </c>
      <c r="B3144" s="8">
        <v>14.710736189311623</v>
      </c>
      <c r="C3144">
        <f t="shared" si="145"/>
        <v>16</v>
      </c>
      <c r="D3144">
        <f t="shared" si="146"/>
        <v>5</v>
      </c>
    </row>
    <row r="3145" spans="1:4" x14ac:dyDescent="0.25">
      <c r="A3145" s="7">
        <f t="shared" si="147"/>
        <v>44692.708333325725</v>
      </c>
      <c r="B3145" s="8">
        <v>8.7111110777274874</v>
      </c>
      <c r="C3145">
        <f t="shared" si="145"/>
        <v>17</v>
      </c>
      <c r="D3145">
        <f t="shared" si="146"/>
        <v>5</v>
      </c>
    </row>
    <row r="3146" spans="1:4" x14ac:dyDescent="0.25">
      <c r="A3146" s="7">
        <f t="shared" si="147"/>
        <v>44692.749999992389</v>
      </c>
      <c r="B3146" s="8">
        <v>3.7100835125823695</v>
      </c>
      <c r="C3146">
        <f t="shared" ref="C3146:C3209" si="148">HOUR(A3146)</f>
        <v>18</v>
      </c>
      <c r="D3146">
        <f t="shared" ref="D3146:D3209" si="149">MONTH(A3146)</f>
        <v>5</v>
      </c>
    </row>
    <row r="3147" spans="1:4" x14ac:dyDescent="0.25">
      <c r="A3147" s="7">
        <f t="shared" ref="A3147:A3210" si="150">+A3146+1/24</f>
        <v>44692.791666659054</v>
      </c>
      <c r="B3147" s="8">
        <v>1.4224825629133693</v>
      </c>
      <c r="C3147">
        <f t="shared" si="148"/>
        <v>19</v>
      </c>
      <c r="D3147">
        <f t="shared" si="149"/>
        <v>5</v>
      </c>
    </row>
    <row r="3148" spans="1:4" x14ac:dyDescent="0.25">
      <c r="A3148" s="7">
        <f t="shared" si="150"/>
        <v>44692.833333325718</v>
      </c>
      <c r="B3148" s="8">
        <v>-4.9800999999999998E-2</v>
      </c>
      <c r="C3148">
        <f t="shared" si="148"/>
        <v>20</v>
      </c>
      <c r="D3148">
        <f t="shared" si="149"/>
        <v>5</v>
      </c>
    </row>
    <row r="3149" spans="1:4" x14ac:dyDescent="0.25">
      <c r="A3149" s="7">
        <f t="shared" si="150"/>
        <v>44692.874999992382</v>
      </c>
      <c r="B3149" s="8">
        <v>-4.9800999999999998E-2</v>
      </c>
      <c r="C3149">
        <f t="shared" si="148"/>
        <v>21</v>
      </c>
      <c r="D3149">
        <f t="shared" si="149"/>
        <v>5</v>
      </c>
    </row>
    <row r="3150" spans="1:4" x14ac:dyDescent="0.25">
      <c r="A3150" s="7">
        <f t="shared" si="150"/>
        <v>44692.916666659046</v>
      </c>
      <c r="B3150" s="8">
        <v>-4.9800999999999998E-2</v>
      </c>
      <c r="C3150">
        <f t="shared" si="148"/>
        <v>22</v>
      </c>
      <c r="D3150">
        <f t="shared" si="149"/>
        <v>5</v>
      </c>
    </row>
    <row r="3151" spans="1:4" x14ac:dyDescent="0.25">
      <c r="A3151" s="7">
        <f t="shared" si="150"/>
        <v>44692.958333325711</v>
      </c>
      <c r="B3151" s="8">
        <v>-4.9800999999999998E-2</v>
      </c>
      <c r="C3151">
        <f t="shared" si="148"/>
        <v>23</v>
      </c>
      <c r="D3151">
        <f t="shared" si="149"/>
        <v>5</v>
      </c>
    </row>
    <row r="3152" spans="1:4" x14ac:dyDescent="0.25">
      <c r="A3152" s="7">
        <f t="shared" si="150"/>
        <v>44692.999999992375</v>
      </c>
      <c r="B3152" s="8">
        <v>-4.9800999999999998E-2</v>
      </c>
      <c r="C3152">
        <f t="shared" si="148"/>
        <v>0</v>
      </c>
      <c r="D3152">
        <f t="shared" si="149"/>
        <v>5</v>
      </c>
    </row>
    <row r="3153" spans="1:4" x14ac:dyDescent="0.25">
      <c r="A3153" s="7">
        <f t="shared" si="150"/>
        <v>44693.041666659039</v>
      </c>
      <c r="B3153" s="8">
        <v>-4.9800999999999998E-2</v>
      </c>
      <c r="C3153">
        <f t="shared" si="148"/>
        <v>1</v>
      </c>
      <c r="D3153">
        <f t="shared" si="149"/>
        <v>5</v>
      </c>
    </row>
    <row r="3154" spans="1:4" x14ac:dyDescent="0.25">
      <c r="A3154" s="7">
        <f t="shared" si="150"/>
        <v>44693.083333325703</v>
      </c>
      <c r="B3154" s="8">
        <v>-4.9800999999999998E-2</v>
      </c>
      <c r="C3154">
        <f t="shared" si="148"/>
        <v>2</v>
      </c>
      <c r="D3154">
        <f t="shared" si="149"/>
        <v>5</v>
      </c>
    </row>
    <row r="3155" spans="1:4" x14ac:dyDescent="0.25">
      <c r="A3155" s="7">
        <f t="shared" si="150"/>
        <v>44693.124999992368</v>
      </c>
      <c r="B3155" s="8">
        <v>-4.9800999999999998E-2</v>
      </c>
      <c r="C3155">
        <f t="shared" si="148"/>
        <v>3</v>
      </c>
      <c r="D3155">
        <f t="shared" si="149"/>
        <v>5</v>
      </c>
    </row>
    <row r="3156" spans="1:4" x14ac:dyDescent="0.25">
      <c r="A3156" s="7">
        <f t="shared" si="150"/>
        <v>44693.166666659032</v>
      </c>
      <c r="B3156" s="8">
        <v>-4.9800999999999998E-2</v>
      </c>
      <c r="C3156">
        <f t="shared" si="148"/>
        <v>4</v>
      </c>
      <c r="D3156">
        <f t="shared" si="149"/>
        <v>5</v>
      </c>
    </row>
    <row r="3157" spans="1:4" x14ac:dyDescent="0.25">
      <c r="A3157" s="7">
        <f t="shared" si="150"/>
        <v>44693.208333325696</v>
      </c>
      <c r="B3157" s="8">
        <v>-4.9800999999999998E-2</v>
      </c>
      <c r="C3157">
        <f t="shared" si="148"/>
        <v>5</v>
      </c>
      <c r="D3157">
        <f t="shared" si="149"/>
        <v>5</v>
      </c>
    </row>
    <row r="3158" spans="1:4" x14ac:dyDescent="0.25">
      <c r="A3158" s="7">
        <f t="shared" si="150"/>
        <v>44693.24999999236</v>
      </c>
      <c r="B3158" s="8">
        <v>-4.9800999999999998E-2</v>
      </c>
      <c r="C3158">
        <f t="shared" si="148"/>
        <v>6</v>
      </c>
      <c r="D3158">
        <f t="shared" si="149"/>
        <v>5</v>
      </c>
    </row>
    <row r="3159" spans="1:4" x14ac:dyDescent="0.25">
      <c r="A3159" s="7">
        <f t="shared" si="150"/>
        <v>44693.291666659024</v>
      </c>
      <c r="B3159" s="8">
        <v>0.4433399487391515</v>
      </c>
      <c r="C3159">
        <f t="shared" si="148"/>
        <v>7</v>
      </c>
      <c r="D3159">
        <f t="shared" si="149"/>
        <v>5</v>
      </c>
    </row>
    <row r="3160" spans="1:4" x14ac:dyDescent="0.25">
      <c r="A3160" s="7">
        <f t="shared" si="150"/>
        <v>44693.333333325689</v>
      </c>
      <c r="B3160" s="8">
        <v>2.7069739306792795</v>
      </c>
      <c r="C3160">
        <f t="shared" si="148"/>
        <v>8</v>
      </c>
      <c r="D3160">
        <f t="shared" si="149"/>
        <v>5</v>
      </c>
    </row>
    <row r="3161" spans="1:4" x14ac:dyDescent="0.25">
      <c r="A3161" s="7">
        <f t="shared" si="150"/>
        <v>44693.374999992353</v>
      </c>
      <c r="B3161" s="8">
        <v>4.508483962425669</v>
      </c>
      <c r="C3161">
        <f t="shared" si="148"/>
        <v>9</v>
      </c>
      <c r="D3161">
        <f t="shared" si="149"/>
        <v>5</v>
      </c>
    </row>
    <row r="3162" spans="1:4" x14ac:dyDescent="0.25">
      <c r="A3162" s="7">
        <f t="shared" si="150"/>
        <v>44693.416666659017</v>
      </c>
      <c r="B3162" s="8">
        <v>3.957983686722641</v>
      </c>
      <c r="C3162">
        <f t="shared" si="148"/>
        <v>10</v>
      </c>
      <c r="D3162">
        <f t="shared" si="149"/>
        <v>5</v>
      </c>
    </row>
    <row r="3163" spans="1:4" x14ac:dyDescent="0.25">
      <c r="A3163" s="7">
        <f t="shared" si="150"/>
        <v>44693.458333325681</v>
      </c>
      <c r="B3163" s="8">
        <v>16.400695471280763</v>
      </c>
      <c r="C3163">
        <f t="shared" si="148"/>
        <v>11</v>
      </c>
      <c r="D3163">
        <f t="shared" si="149"/>
        <v>5</v>
      </c>
    </row>
    <row r="3164" spans="1:4" x14ac:dyDescent="0.25">
      <c r="A3164" s="7">
        <f t="shared" si="150"/>
        <v>44693.499999992346</v>
      </c>
      <c r="B3164" s="8">
        <v>12.168538124788432</v>
      </c>
      <c r="C3164">
        <f t="shared" si="148"/>
        <v>12</v>
      </c>
      <c r="D3164">
        <f t="shared" si="149"/>
        <v>5</v>
      </c>
    </row>
    <row r="3165" spans="1:4" x14ac:dyDescent="0.25">
      <c r="A3165" s="7">
        <f t="shared" si="150"/>
        <v>44693.54166665901</v>
      </c>
      <c r="B3165" s="8">
        <v>14.089398605807755</v>
      </c>
      <c r="C3165">
        <f t="shared" si="148"/>
        <v>13</v>
      </c>
      <c r="D3165">
        <f t="shared" si="149"/>
        <v>5</v>
      </c>
    </row>
    <row r="3166" spans="1:4" x14ac:dyDescent="0.25">
      <c r="A3166" s="7">
        <f t="shared" si="150"/>
        <v>44693.583333325674</v>
      </c>
      <c r="B3166" s="8">
        <v>14.274428131383656</v>
      </c>
      <c r="C3166">
        <f t="shared" si="148"/>
        <v>14</v>
      </c>
      <c r="D3166">
        <f t="shared" si="149"/>
        <v>5</v>
      </c>
    </row>
    <row r="3167" spans="1:4" x14ac:dyDescent="0.25">
      <c r="A3167" s="7">
        <f t="shared" si="150"/>
        <v>44693.624999992338</v>
      </c>
      <c r="B3167" s="8">
        <v>19.755147521670107</v>
      </c>
      <c r="C3167">
        <f t="shared" si="148"/>
        <v>15</v>
      </c>
      <c r="D3167">
        <f t="shared" si="149"/>
        <v>5</v>
      </c>
    </row>
    <row r="3168" spans="1:4" x14ac:dyDescent="0.25">
      <c r="A3168" s="7">
        <f t="shared" si="150"/>
        <v>44693.666666659003</v>
      </c>
      <c r="B3168" s="8">
        <v>16.368444414684777</v>
      </c>
      <c r="C3168">
        <f t="shared" si="148"/>
        <v>16</v>
      </c>
      <c r="D3168">
        <f t="shared" si="149"/>
        <v>5</v>
      </c>
    </row>
    <row r="3169" spans="1:4" x14ac:dyDescent="0.25">
      <c r="A3169" s="7">
        <f t="shared" si="150"/>
        <v>44693.708333325667</v>
      </c>
      <c r="B3169" s="8">
        <v>11.445915754334544</v>
      </c>
      <c r="C3169">
        <f t="shared" si="148"/>
        <v>17</v>
      </c>
      <c r="D3169">
        <f t="shared" si="149"/>
        <v>5</v>
      </c>
    </row>
    <row r="3170" spans="1:4" x14ac:dyDescent="0.25">
      <c r="A3170" s="7">
        <f t="shared" si="150"/>
        <v>44693.749999992331</v>
      </c>
      <c r="B3170" s="8">
        <v>5.8940509021577672</v>
      </c>
      <c r="C3170">
        <f t="shared" si="148"/>
        <v>18</v>
      </c>
      <c r="D3170">
        <f t="shared" si="149"/>
        <v>5</v>
      </c>
    </row>
    <row r="3171" spans="1:4" x14ac:dyDescent="0.25">
      <c r="A3171" s="7">
        <f t="shared" si="150"/>
        <v>44693.791666658995</v>
      </c>
      <c r="B3171" s="8">
        <v>1.4234760764326397</v>
      </c>
      <c r="C3171">
        <f t="shared" si="148"/>
        <v>19</v>
      </c>
      <c r="D3171">
        <f t="shared" si="149"/>
        <v>5</v>
      </c>
    </row>
    <row r="3172" spans="1:4" x14ac:dyDescent="0.25">
      <c r="A3172" s="7">
        <f t="shared" si="150"/>
        <v>44693.83333332566</v>
      </c>
      <c r="B3172" s="8">
        <v>-4.9800999999999998E-2</v>
      </c>
      <c r="C3172">
        <f t="shared" si="148"/>
        <v>20</v>
      </c>
      <c r="D3172">
        <f t="shared" si="149"/>
        <v>5</v>
      </c>
    </row>
    <row r="3173" spans="1:4" x14ac:dyDescent="0.25">
      <c r="A3173" s="7">
        <f t="shared" si="150"/>
        <v>44693.874999992324</v>
      </c>
      <c r="B3173" s="8">
        <v>-4.9800999999999998E-2</v>
      </c>
      <c r="C3173">
        <f t="shared" si="148"/>
        <v>21</v>
      </c>
      <c r="D3173">
        <f t="shared" si="149"/>
        <v>5</v>
      </c>
    </row>
    <row r="3174" spans="1:4" x14ac:dyDescent="0.25">
      <c r="A3174" s="7">
        <f t="shared" si="150"/>
        <v>44693.916666658988</v>
      </c>
      <c r="B3174" s="8">
        <v>-4.9800999999999998E-2</v>
      </c>
      <c r="C3174">
        <f t="shared" si="148"/>
        <v>22</v>
      </c>
      <c r="D3174">
        <f t="shared" si="149"/>
        <v>5</v>
      </c>
    </row>
    <row r="3175" spans="1:4" x14ac:dyDescent="0.25">
      <c r="A3175" s="7">
        <f t="shared" si="150"/>
        <v>44693.958333325652</v>
      </c>
      <c r="B3175" s="8">
        <v>-4.9800999999999998E-2</v>
      </c>
      <c r="C3175">
        <f t="shared" si="148"/>
        <v>23</v>
      </c>
      <c r="D3175">
        <f t="shared" si="149"/>
        <v>5</v>
      </c>
    </row>
    <row r="3176" spans="1:4" x14ac:dyDescent="0.25">
      <c r="A3176" s="7">
        <f t="shared" si="150"/>
        <v>44693.999999992317</v>
      </c>
      <c r="B3176" s="8">
        <v>-4.9800999999999998E-2</v>
      </c>
      <c r="C3176">
        <f t="shared" si="148"/>
        <v>0</v>
      </c>
      <c r="D3176">
        <f t="shared" si="149"/>
        <v>5</v>
      </c>
    </row>
    <row r="3177" spans="1:4" x14ac:dyDescent="0.25">
      <c r="A3177" s="7">
        <f t="shared" si="150"/>
        <v>44694.041666658981</v>
      </c>
      <c r="B3177" s="8">
        <v>-4.9800999999999998E-2</v>
      </c>
      <c r="C3177">
        <f t="shared" si="148"/>
        <v>1</v>
      </c>
      <c r="D3177">
        <f t="shared" si="149"/>
        <v>5</v>
      </c>
    </row>
    <row r="3178" spans="1:4" x14ac:dyDescent="0.25">
      <c r="A3178" s="7">
        <f t="shared" si="150"/>
        <v>44694.083333325645</v>
      </c>
      <c r="B3178" s="8">
        <v>-4.9800999999999998E-2</v>
      </c>
      <c r="C3178">
        <f t="shared" si="148"/>
        <v>2</v>
      </c>
      <c r="D3178">
        <f t="shared" si="149"/>
        <v>5</v>
      </c>
    </row>
    <row r="3179" spans="1:4" x14ac:dyDescent="0.25">
      <c r="A3179" s="7">
        <f t="shared" si="150"/>
        <v>44694.124999992309</v>
      </c>
      <c r="B3179" s="8">
        <v>-4.9800999999999998E-2</v>
      </c>
      <c r="C3179">
        <f t="shared" si="148"/>
        <v>3</v>
      </c>
      <c r="D3179">
        <f t="shared" si="149"/>
        <v>5</v>
      </c>
    </row>
    <row r="3180" spans="1:4" x14ac:dyDescent="0.25">
      <c r="A3180" s="7">
        <f t="shared" si="150"/>
        <v>44694.166666658974</v>
      </c>
      <c r="B3180" s="8">
        <v>-4.9800999999999998E-2</v>
      </c>
      <c r="C3180">
        <f t="shared" si="148"/>
        <v>4</v>
      </c>
      <c r="D3180">
        <f t="shared" si="149"/>
        <v>5</v>
      </c>
    </row>
    <row r="3181" spans="1:4" x14ac:dyDescent="0.25">
      <c r="A3181" s="7">
        <f t="shared" si="150"/>
        <v>44694.208333325638</v>
      </c>
      <c r="B3181" s="8">
        <v>-4.9800999999999998E-2</v>
      </c>
      <c r="C3181">
        <f t="shared" si="148"/>
        <v>5</v>
      </c>
      <c r="D3181">
        <f t="shared" si="149"/>
        <v>5</v>
      </c>
    </row>
    <row r="3182" spans="1:4" x14ac:dyDescent="0.25">
      <c r="A3182" s="7">
        <f t="shared" si="150"/>
        <v>44694.249999992302</v>
      </c>
      <c r="B3182" s="8">
        <v>-4.9800999999999998E-2</v>
      </c>
      <c r="C3182">
        <f t="shared" si="148"/>
        <v>6</v>
      </c>
      <c r="D3182">
        <f t="shared" si="149"/>
        <v>5</v>
      </c>
    </row>
    <row r="3183" spans="1:4" x14ac:dyDescent="0.25">
      <c r="A3183" s="7">
        <f t="shared" si="150"/>
        <v>44694.291666658966</v>
      </c>
      <c r="B3183" s="8">
        <v>1.9684470989915954</v>
      </c>
      <c r="C3183">
        <f t="shared" si="148"/>
        <v>7</v>
      </c>
      <c r="D3183">
        <f t="shared" si="149"/>
        <v>5</v>
      </c>
    </row>
    <row r="3184" spans="1:4" x14ac:dyDescent="0.25">
      <c r="A3184" s="7">
        <f t="shared" si="150"/>
        <v>44694.333333325631</v>
      </c>
      <c r="B3184" s="8">
        <v>7.4127661739387225</v>
      </c>
      <c r="C3184">
        <f t="shared" si="148"/>
        <v>8</v>
      </c>
      <c r="D3184">
        <f t="shared" si="149"/>
        <v>5</v>
      </c>
    </row>
    <row r="3185" spans="1:4" x14ac:dyDescent="0.25">
      <c r="A3185" s="7">
        <f t="shared" si="150"/>
        <v>44694.374999992295</v>
      </c>
      <c r="B3185" s="8">
        <v>13.51499938301099</v>
      </c>
      <c r="C3185">
        <f t="shared" si="148"/>
        <v>9</v>
      </c>
      <c r="D3185">
        <f t="shared" si="149"/>
        <v>5</v>
      </c>
    </row>
    <row r="3186" spans="1:4" x14ac:dyDescent="0.25">
      <c r="A3186" s="7">
        <f t="shared" si="150"/>
        <v>44694.416666658959</v>
      </c>
      <c r="B3186" s="8">
        <v>18.812650509367984</v>
      </c>
      <c r="C3186">
        <f t="shared" si="148"/>
        <v>10</v>
      </c>
      <c r="D3186">
        <f t="shared" si="149"/>
        <v>5</v>
      </c>
    </row>
    <row r="3187" spans="1:4" x14ac:dyDescent="0.25">
      <c r="A3187" s="7">
        <f t="shared" si="150"/>
        <v>44694.458333325623</v>
      </c>
      <c r="B3187" s="8">
        <v>20.451266579197071</v>
      </c>
      <c r="C3187">
        <f t="shared" si="148"/>
        <v>11</v>
      </c>
      <c r="D3187">
        <f t="shared" si="149"/>
        <v>5</v>
      </c>
    </row>
    <row r="3188" spans="1:4" x14ac:dyDescent="0.25">
      <c r="A3188" s="7">
        <f t="shared" si="150"/>
        <v>44694.499999992287</v>
      </c>
      <c r="B3188" s="8">
        <v>20.451352120298832</v>
      </c>
      <c r="C3188">
        <f t="shared" si="148"/>
        <v>12</v>
      </c>
      <c r="D3188">
        <f t="shared" si="149"/>
        <v>5</v>
      </c>
    </row>
    <row r="3189" spans="1:4" x14ac:dyDescent="0.25">
      <c r="A3189" s="7">
        <f t="shared" si="150"/>
        <v>44694.541666658952</v>
      </c>
      <c r="B3189" s="8">
        <v>20.451359334608622</v>
      </c>
      <c r="C3189">
        <f t="shared" si="148"/>
        <v>13</v>
      </c>
      <c r="D3189">
        <f t="shared" si="149"/>
        <v>5</v>
      </c>
    </row>
    <row r="3190" spans="1:4" x14ac:dyDescent="0.25">
      <c r="A3190" s="7">
        <f t="shared" si="150"/>
        <v>44694.583333325616</v>
      </c>
      <c r="B3190" s="8">
        <v>20.451346967220413</v>
      </c>
      <c r="C3190">
        <f t="shared" si="148"/>
        <v>14</v>
      </c>
      <c r="D3190">
        <f t="shared" si="149"/>
        <v>5</v>
      </c>
    </row>
    <row r="3191" spans="1:4" x14ac:dyDescent="0.25">
      <c r="A3191" s="7">
        <f t="shared" si="150"/>
        <v>44694.62499999228</v>
      </c>
      <c r="B3191" s="8">
        <v>20.451297497667586</v>
      </c>
      <c r="C3191">
        <f t="shared" si="148"/>
        <v>15</v>
      </c>
      <c r="D3191">
        <f t="shared" si="149"/>
        <v>5</v>
      </c>
    </row>
    <row r="3192" spans="1:4" x14ac:dyDescent="0.25">
      <c r="A3192" s="7">
        <f t="shared" si="150"/>
        <v>44694.666666658944</v>
      </c>
      <c r="B3192" s="8">
        <v>17.872822791687135</v>
      </c>
      <c r="C3192">
        <f t="shared" si="148"/>
        <v>16</v>
      </c>
      <c r="D3192">
        <f t="shared" si="149"/>
        <v>5</v>
      </c>
    </row>
    <row r="3193" spans="1:4" x14ac:dyDescent="0.25">
      <c r="A3193" s="7">
        <f t="shared" si="150"/>
        <v>44694.708333325609</v>
      </c>
      <c r="B3193" s="8">
        <v>12.533386383042487</v>
      </c>
      <c r="C3193">
        <f t="shared" si="148"/>
        <v>17</v>
      </c>
      <c r="D3193">
        <f t="shared" si="149"/>
        <v>5</v>
      </c>
    </row>
    <row r="3194" spans="1:4" x14ac:dyDescent="0.25">
      <c r="A3194" s="7">
        <f t="shared" si="150"/>
        <v>44694.749999992273</v>
      </c>
      <c r="B3194" s="8">
        <v>6.5270560858189599</v>
      </c>
      <c r="C3194">
        <f t="shared" si="148"/>
        <v>18</v>
      </c>
      <c r="D3194">
        <f t="shared" si="149"/>
        <v>5</v>
      </c>
    </row>
    <row r="3195" spans="1:4" x14ac:dyDescent="0.25">
      <c r="A3195" s="7">
        <f t="shared" si="150"/>
        <v>44694.791666658937</v>
      </c>
      <c r="B3195" s="8">
        <v>1.6298393466650747</v>
      </c>
      <c r="C3195">
        <f t="shared" si="148"/>
        <v>19</v>
      </c>
      <c r="D3195">
        <f t="shared" si="149"/>
        <v>5</v>
      </c>
    </row>
    <row r="3196" spans="1:4" x14ac:dyDescent="0.25">
      <c r="A3196" s="7">
        <f t="shared" si="150"/>
        <v>44694.833333325601</v>
      </c>
      <c r="B3196" s="8">
        <v>-4.9800999999999998E-2</v>
      </c>
      <c r="C3196">
        <f t="shared" si="148"/>
        <v>20</v>
      </c>
      <c r="D3196">
        <f t="shared" si="149"/>
        <v>5</v>
      </c>
    </row>
    <row r="3197" spans="1:4" x14ac:dyDescent="0.25">
      <c r="A3197" s="7">
        <f t="shared" si="150"/>
        <v>44694.874999992266</v>
      </c>
      <c r="B3197" s="8">
        <v>-4.9800999999999998E-2</v>
      </c>
      <c r="C3197">
        <f t="shared" si="148"/>
        <v>21</v>
      </c>
      <c r="D3197">
        <f t="shared" si="149"/>
        <v>5</v>
      </c>
    </row>
    <row r="3198" spans="1:4" x14ac:dyDescent="0.25">
      <c r="A3198" s="7">
        <f t="shared" si="150"/>
        <v>44694.91666665893</v>
      </c>
      <c r="B3198" s="8">
        <v>-4.9800999999999998E-2</v>
      </c>
      <c r="C3198">
        <f t="shared" si="148"/>
        <v>22</v>
      </c>
      <c r="D3198">
        <f t="shared" si="149"/>
        <v>5</v>
      </c>
    </row>
    <row r="3199" spans="1:4" x14ac:dyDescent="0.25">
      <c r="A3199" s="7">
        <f t="shared" si="150"/>
        <v>44694.958333325594</v>
      </c>
      <c r="B3199" s="8">
        <v>-4.9800999999999998E-2</v>
      </c>
      <c r="C3199">
        <f t="shared" si="148"/>
        <v>23</v>
      </c>
      <c r="D3199">
        <f t="shared" si="149"/>
        <v>5</v>
      </c>
    </row>
    <row r="3200" spans="1:4" x14ac:dyDescent="0.25">
      <c r="A3200" s="7">
        <f t="shared" si="150"/>
        <v>44694.999999992258</v>
      </c>
      <c r="B3200" s="8">
        <v>-4.9800999999999998E-2</v>
      </c>
      <c r="C3200">
        <f t="shared" si="148"/>
        <v>0</v>
      </c>
      <c r="D3200">
        <f t="shared" si="149"/>
        <v>5</v>
      </c>
    </row>
    <row r="3201" spans="1:4" x14ac:dyDescent="0.25">
      <c r="A3201" s="7">
        <f t="shared" si="150"/>
        <v>44695.041666658923</v>
      </c>
      <c r="B3201" s="8">
        <v>-4.9800999999999998E-2</v>
      </c>
      <c r="C3201">
        <f t="shared" si="148"/>
        <v>1</v>
      </c>
      <c r="D3201">
        <f t="shared" si="149"/>
        <v>5</v>
      </c>
    </row>
    <row r="3202" spans="1:4" x14ac:dyDescent="0.25">
      <c r="A3202" s="7">
        <f t="shared" si="150"/>
        <v>44695.083333325587</v>
      </c>
      <c r="B3202" s="8">
        <v>-4.9800999999999998E-2</v>
      </c>
      <c r="C3202">
        <f t="shared" si="148"/>
        <v>2</v>
      </c>
      <c r="D3202">
        <f t="shared" si="149"/>
        <v>5</v>
      </c>
    </row>
    <row r="3203" spans="1:4" x14ac:dyDescent="0.25">
      <c r="A3203" s="7">
        <f t="shared" si="150"/>
        <v>44695.124999992251</v>
      </c>
      <c r="B3203" s="8">
        <v>-4.9800999999999998E-2</v>
      </c>
      <c r="C3203">
        <f t="shared" si="148"/>
        <v>3</v>
      </c>
      <c r="D3203">
        <f t="shared" si="149"/>
        <v>5</v>
      </c>
    </row>
    <row r="3204" spans="1:4" x14ac:dyDescent="0.25">
      <c r="A3204" s="7">
        <f t="shared" si="150"/>
        <v>44695.166666658915</v>
      </c>
      <c r="B3204" s="8">
        <v>-4.9800999999999998E-2</v>
      </c>
      <c r="C3204">
        <f t="shared" si="148"/>
        <v>4</v>
      </c>
      <c r="D3204">
        <f t="shared" si="149"/>
        <v>5</v>
      </c>
    </row>
    <row r="3205" spans="1:4" x14ac:dyDescent="0.25">
      <c r="A3205" s="7">
        <f t="shared" si="150"/>
        <v>44695.20833332558</v>
      </c>
      <c r="B3205" s="8">
        <v>-4.9800999999999998E-2</v>
      </c>
      <c r="C3205">
        <f t="shared" si="148"/>
        <v>5</v>
      </c>
      <c r="D3205">
        <f t="shared" si="149"/>
        <v>5</v>
      </c>
    </row>
    <row r="3206" spans="1:4" x14ac:dyDescent="0.25">
      <c r="A3206" s="7">
        <f t="shared" si="150"/>
        <v>44695.249999992244</v>
      </c>
      <c r="B3206" s="8">
        <v>-4.9800999999999998E-2</v>
      </c>
      <c r="C3206">
        <f t="shared" si="148"/>
        <v>6</v>
      </c>
      <c r="D3206">
        <f t="shared" si="149"/>
        <v>5</v>
      </c>
    </row>
    <row r="3207" spans="1:4" x14ac:dyDescent="0.25">
      <c r="A3207" s="7">
        <f t="shared" si="150"/>
        <v>44695.291666658908</v>
      </c>
      <c r="B3207" s="8">
        <v>1.9444378760196839</v>
      </c>
      <c r="C3207">
        <f t="shared" si="148"/>
        <v>7</v>
      </c>
      <c r="D3207">
        <f t="shared" si="149"/>
        <v>5</v>
      </c>
    </row>
    <row r="3208" spans="1:4" x14ac:dyDescent="0.25">
      <c r="A3208" s="7">
        <f t="shared" si="150"/>
        <v>44695.333333325572</v>
      </c>
      <c r="B3208" s="8">
        <v>7.1483040057583311</v>
      </c>
      <c r="C3208">
        <f t="shared" si="148"/>
        <v>8</v>
      </c>
      <c r="D3208">
        <f t="shared" si="149"/>
        <v>5</v>
      </c>
    </row>
    <row r="3209" spans="1:4" x14ac:dyDescent="0.25">
      <c r="A3209" s="7">
        <f t="shared" si="150"/>
        <v>44695.374999992237</v>
      </c>
      <c r="B3209" s="8">
        <v>13.333397685199706</v>
      </c>
      <c r="C3209">
        <f t="shared" si="148"/>
        <v>9</v>
      </c>
      <c r="D3209">
        <f t="shared" si="149"/>
        <v>5</v>
      </c>
    </row>
    <row r="3210" spans="1:4" x14ac:dyDescent="0.25">
      <c r="A3210" s="7">
        <f t="shared" si="150"/>
        <v>44695.416666658901</v>
      </c>
      <c r="B3210" s="8">
        <v>18.341097456282331</v>
      </c>
      <c r="C3210">
        <f t="shared" ref="C3210:C3273" si="151">HOUR(A3210)</f>
        <v>10</v>
      </c>
      <c r="D3210">
        <f t="shared" ref="D3210:D3273" si="152">MONTH(A3210)</f>
        <v>5</v>
      </c>
    </row>
    <row r="3211" spans="1:4" x14ac:dyDescent="0.25">
      <c r="A3211" s="7">
        <f t="shared" ref="A3211:A3274" si="153">+A3210+1/24</f>
        <v>44695.458333325565</v>
      </c>
      <c r="B3211" s="8">
        <v>20.4512964670519</v>
      </c>
      <c r="C3211">
        <f t="shared" si="151"/>
        <v>11</v>
      </c>
      <c r="D3211">
        <f t="shared" si="152"/>
        <v>5</v>
      </c>
    </row>
    <row r="3212" spans="1:4" x14ac:dyDescent="0.25">
      <c r="A3212" s="7">
        <f t="shared" si="153"/>
        <v>44695.499999992229</v>
      </c>
      <c r="B3212" s="8">
        <v>20.45133563044789</v>
      </c>
      <c r="C3212">
        <f t="shared" si="151"/>
        <v>12</v>
      </c>
      <c r="D3212">
        <f t="shared" si="152"/>
        <v>5</v>
      </c>
    </row>
    <row r="3213" spans="1:4" x14ac:dyDescent="0.25">
      <c r="A3213" s="7">
        <f t="shared" si="153"/>
        <v>44695.541666658894</v>
      </c>
      <c r="B3213" s="8">
        <v>20.451360365224303</v>
      </c>
      <c r="C3213">
        <f t="shared" si="151"/>
        <v>13</v>
      </c>
      <c r="D3213">
        <f t="shared" si="152"/>
        <v>5</v>
      </c>
    </row>
    <row r="3214" spans="1:4" x14ac:dyDescent="0.25">
      <c r="A3214" s="7">
        <f t="shared" si="153"/>
        <v>44695.583333325558</v>
      </c>
      <c r="B3214" s="8">
        <v>20.451336661063575</v>
      </c>
      <c r="C3214">
        <f t="shared" si="151"/>
        <v>14</v>
      </c>
      <c r="D3214">
        <f t="shared" si="152"/>
        <v>5</v>
      </c>
    </row>
    <row r="3215" spans="1:4" x14ac:dyDescent="0.25">
      <c r="A3215" s="7">
        <f t="shared" si="153"/>
        <v>44695.624999992222</v>
      </c>
      <c r="B3215" s="8">
        <v>20.45130368136169</v>
      </c>
      <c r="C3215">
        <f t="shared" si="151"/>
        <v>15</v>
      </c>
      <c r="D3215">
        <f t="shared" si="152"/>
        <v>5</v>
      </c>
    </row>
    <row r="3216" spans="1:4" x14ac:dyDescent="0.25">
      <c r="A3216" s="7">
        <f t="shared" si="153"/>
        <v>44695.666666658886</v>
      </c>
      <c r="B3216" s="8">
        <v>13.547340103171472</v>
      </c>
      <c r="C3216">
        <f t="shared" si="151"/>
        <v>16</v>
      </c>
      <c r="D3216">
        <f t="shared" si="152"/>
        <v>5</v>
      </c>
    </row>
    <row r="3217" spans="1:4" x14ac:dyDescent="0.25">
      <c r="A3217" s="7">
        <f t="shared" si="153"/>
        <v>44695.70833332555</v>
      </c>
      <c r="B3217" s="8">
        <v>11.791404927582402</v>
      </c>
      <c r="C3217">
        <f t="shared" si="151"/>
        <v>17</v>
      </c>
      <c r="D3217">
        <f t="shared" si="152"/>
        <v>5</v>
      </c>
    </row>
    <row r="3218" spans="1:4" x14ac:dyDescent="0.25">
      <c r="A3218" s="7">
        <f t="shared" si="153"/>
        <v>44695.749999992215</v>
      </c>
      <c r="B3218" s="8">
        <v>4.6793889000538531</v>
      </c>
      <c r="C3218">
        <f t="shared" si="151"/>
        <v>18</v>
      </c>
      <c r="D3218">
        <f t="shared" si="152"/>
        <v>5</v>
      </c>
    </row>
    <row r="3219" spans="1:4" x14ac:dyDescent="0.25">
      <c r="A3219" s="7">
        <f t="shared" si="153"/>
        <v>44695.791666658879</v>
      </c>
      <c r="B3219" s="8">
        <v>1.2296347867594737</v>
      </c>
      <c r="C3219">
        <f t="shared" si="151"/>
        <v>19</v>
      </c>
      <c r="D3219">
        <f t="shared" si="152"/>
        <v>5</v>
      </c>
    </row>
    <row r="3220" spans="1:4" x14ac:dyDescent="0.25">
      <c r="A3220" s="7">
        <f t="shared" si="153"/>
        <v>44695.833333325543</v>
      </c>
      <c r="B3220" s="8">
        <v>-4.9800999999999998E-2</v>
      </c>
      <c r="C3220">
        <f t="shared" si="151"/>
        <v>20</v>
      </c>
      <c r="D3220">
        <f t="shared" si="152"/>
        <v>5</v>
      </c>
    </row>
    <row r="3221" spans="1:4" x14ac:dyDescent="0.25">
      <c r="A3221" s="7">
        <f t="shared" si="153"/>
        <v>44695.874999992207</v>
      </c>
      <c r="B3221" s="8">
        <v>-4.9800999999999998E-2</v>
      </c>
      <c r="C3221">
        <f t="shared" si="151"/>
        <v>21</v>
      </c>
      <c r="D3221">
        <f t="shared" si="152"/>
        <v>5</v>
      </c>
    </row>
    <row r="3222" spans="1:4" x14ac:dyDescent="0.25">
      <c r="A3222" s="7">
        <f t="shared" si="153"/>
        <v>44695.916666658872</v>
      </c>
      <c r="B3222" s="8">
        <v>-4.9800999999999998E-2</v>
      </c>
      <c r="C3222">
        <f t="shared" si="151"/>
        <v>22</v>
      </c>
      <c r="D3222">
        <f t="shared" si="152"/>
        <v>5</v>
      </c>
    </row>
    <row r="3223" spans="1:4" x14ac:dyDescent="0.25">
      <c r="A3223" s="7">
        <f t="shared" si="153"/>
        <v>44695.958333325536</v>
      </c>
      <c r="B3223" s="8">
        <v>-4.9800999999999998E-2</v>
      </c>
      <c r="C3223">
        <f t="shared" si="151"/>
        <v>23</v>
      </c>
      <c r="D3223">
        <f t="shared" si="152"/>
        <v>5</v>
      </c>
    </row>
    <row r="3224" spans="1:4" x14ac:dyDescent="0.25">
      <c r="A3224" s="7">
        <f t="shared" si="153"/>
        <v>44695.9999999922</v>
      </c>
      <c r="B3224" s="8">
        <v>-4.9800999999999998E-2</v>
      </c>
      <c r="C3224">
        <f t="shared" si="151"/>
        <v>0</v>
      </c>
      <c r="D3224">
        <f t="shared" si="152"/>
        <v>5</v>
      </c>
    </row>
    <row r="3225" spans="1:4" x14ac:dyDescent="0.25">
      <c r="A3225" s="7">
        <f t="shared" si="153"/>
        <v>44696.041666658864</v>
      </c>
      <c r="B3225" s="8">
        <v>-4.9800999999999998E-2</v>
      </c>
      <c r="C3225">
        <f t="shared" si="151"/>
        <v>1</v>
      </c>
      <c r="D3225">
        <f t="shared" si="152"/>
        <v>5</v>
      </c>
    </row>
    <row r="3226" spans="1:4" x14ac:dyDescent="0.25">
      <c r="A3226" s="7">
        <f t="shared" si="153"/>
        <v>44696.083333325529</v>
      </c>
      <c r="B3226" s="8">
        <v>-4.9800999999999998E-2</v>
      </c>
      <c r="C3226">
        <f t="shared" si="151"/>
        <v>2</v>
      </c>
      <c r="D3226">
        <f t="shared" si="152"/>
        <v>5</v>
      </c>
    </row>
    <row r="3227" spans="1:4" x14ac:dyDescent="0.25">
      <c r="A3227" s="7">
        <f t="shared" si="153"/>
        <v>44696.124999992193</v>
      </c>
      <c r="B3227" s="8">
        <v>-4.9800999999999998E-2</v>
      </c>
      <c r="C3227">
        <f t="shared" si="151"/>
        <v>3</v>
      </c>
      <c r="D3227">
        <f t="shared" si="152"/>
        <v>5</v>
      </c>
    </row>
    <row r="3228" spans="1:4" x14ac:dyDescent="0.25">
      <c r="A3228" s="7">
        <f t="shared" si="153"/>
        <v>44696.166666658857</v>
      </c>
      <c r="B3228" s="8">
        <v>-4.9800999999999998E-2</v>
      </c>
      <c r="C3228">
        <f t="shared" si="151"/>
        <v>4</v>
      </c>
      <c r="D3228">
        <f t="shared" si="152"/>
        <v>5</v>
      </c>
    </row>
    <row r="3229" spans="1:4" x14ac:dyDescent="0.25">
      <c r="A3229" s="7">
        <f t="shared" si="153"/>
        <v>44696.208333325521</v>
      </c>
      <c r="B3229" s="8">
        <v>-4.9800999999999998E-2</v>
      </c>
      <c r="C3229">
        <f t="shared" si="151"/>
        <v>5</v>
      </c>
      <c r="D3229">
        <f t="shared" si="152"/>
        <v>5</v>
      </c>
    </row>
    <row r="3230" spans="1:4" x14ac:dyDescent="0.25">
      <c r="A3230" s="7">
        <f t="shared" si="153"/>
        <v>44696.249999992186</v>
      </c>
      <c r="B3230" s="8">
        <v>-4.9800999999999998E-2</v>
      </c>
      <c r="C3230">
        <f t="shared" si="151"/>
        <v>6</v>
      </c>
      <c r="D3230">
        <f t="shared" si="152"/>
        <v>5</v>
      </c>
    </row>
    <row r="3231" spans="1:4" x14ac:dyDescent="0.25">
      <c r="A3231" s="7">
        <f t="shared" si="153"/>
        <v>44696.29166665885</v>
      </c>
      <c r="B3231" s="8">
        <v>0.50805849122473568</v>
      </c>
      <c r="C3231">
        <f t="shared" si="151"/>
        <v>7</v>
      </c>
      <c r="D3231">
        <f t="shared" si="152"/>
        <v>5</v>
      </c>
    </row>
    <row r="3232" spans="1:4" x14ac:dyDescent="0.25">
      <c r="A3232" s="7">
        <f t="shared" si="153"/>
        <v>44696.333333325514</v>
      </c>
      <c r="B3232" s="8">
        <v>2.4605702105120173</v>
      </c>
      <c r="C3232">
        <f t="shared" si="151"/>
        <v>8</v>
      </c>
      <c r="D3232">
        <f t="shared" si="152"/>
        <v>5</v>
      </c>
    </row>
    <row r="3233" spans="1:4" x14ac:dyDescent="0.25">
      <c r="A3233" s="7">
        <f t="shared" si="153"/>
        <v>44696.374999992178</v>
      </c>
      <c r="B3233" s="8">
        <v>3.8058277096157918</v>
      </c>
      <c r="C3233">
        <f t="shared" si="151"/>
        <v>9</v>
      </c>
      <c r="D3233">
        <f t="shared" si="152"/>
        <v>5</v>
      </c>
    </row>
    <row r="3234" spans="1:4" x14ac:dyDescent="0.25">
      <c r="A3234" s="7">
        <f t="shared" si="153"/>
        <v>44696.416666658843</v>
      </c>
      <c r="B3234" s="8">
        <v>14.434787809334274</v>
      </c>
      <c r="C3234">
        <f t="shared" si="151"/>
        <v>10</v>
      </c>
      <c r="D3234">
        <f t="shared" si="152"/>
        <v>5</v>
      </c>
    </row>
    <row r="3235" spans="1:4" x14ac:dyDescent="0.25">
      <c r="A3235" s="7">
        <f t="shared" si="153"/>
        <v>44696.458333325507</v>
      </c>
      <c r="B3235" s="8">
        <v>15.210087008623169</v>
      </c>
      <c r="C3235">
        <f t="shared" si="151"/>
        <v>11</v>
      </c>
      <c r="D3235">
        <f t="shared" si="152"/>
        <v>5</v>
      </c>
    </row>
    <row r="3236" spans="1:4" x14ac:dyDescent="0.25">
      <c r="A3236" s="7">
        <f t="shared" si="153"/>
        <v>44696.499999992171</v>
      </c>
      <c r="B3236" s="8">
        <v>20.451308834440109</v>
      </c>
      <c r="C3236">
        <f t="shared" si="151"/>
        <v>12</v>
      </c>
      <c r="D3236">
        <f t="shared" si="152"/>
        <v>5</v>
      </c>
    </row>
    <row r="3237" spans="1:4" x14ac:dyDescent="0.25">
      <c r="A3237" s="7">
        <f t="shared" si="153"/>
        <v>44696.541666658835</v>
      </c>
      <c r="B3237" s="8">
        <v>20.451313987518528</v>
      </c>
      <c r="C3237">
        <f t="shared" si="151"/>
        <v>13</v>
      </c>
      <c r="D3237">
        <f t="shared" si="152"/>
        <v>5</v>
      </c>
    </row>
    <row r="3238" spans="1:4" x14ac:dyDescent="0.25">
      <c r="A3238" s="7">
        <f t="shared" si="153"/>
        <v>44696.5833333255</v>
      </c>
      <c r="B3238" s="8">
        <v>19.618632168181982</v>
      </c>
      <c r="C3238">
        <f t="shared" si="151"/>
        <v>14</v>
      </c>
      <c r="D3238">
        <f t="shared" si="152"/>
        <v>5</v>
      </c>
    </row>
    <row r="3239" spans="1:4" x14ac:dyDescent="0.25">
      <c r="A3239" s="7">
        <f t="shared" si="153"/>
        <v>44696.624999992164</v>
      </c>
      <c r="B3239" s="8">
        <v>17.32090335818739</v>
      </c>
      <c r="C3239">
        <f t="shared" si="151"/>
        <v>15</v>
      </c>
      <c r="D3239">
        <f t="shared" si="152"/>
        <v>5</v>
      </c>
    </row>
    <row r="3240" spans="1:4" x14ac:dyDescent="0.25">
      <c r="A3240" s="7">
        <f t="shared" si="153"/>
        <v>44696.666666658828</v>
      </c>
      <c r="B3240" s="8">
        <v>14.74736942379551</v>
      </c>
      <c r="C3240">
        <f t="shared" si="151"/>
        <v>16</v>
      </c>
      <c r="D3240">
        <f t="shared" si="152"/>
        <v>5</v>
      </c>
    </row>
    <row r="3241" spans="1:4" x14ac:dyDescent="0.25">
      <c r="A3241" s="7">
        <f t="shared" si="153"/>
        <v>44696.708333325492</v>
      </c>
      <c r="B3241" s="8">
        <v>10.605504317368819</v>
      </c>
      <c r="C3241">
        <f t="shared" si="151"/>
        <v>17</v>
      </c>
      <c r="D3241">
        <f t="shared" si="152"/>
        <v>5</v>
      </c>
    </row>
    <row r="3242" spans="1:4" x14ac:dyDescent="0.25">
      <c r="A3242" s="7">
        <f t="shared" si="153"/>
        <v>44696.749999992157</v>
      </c>
      <c r="B3242" s="8">
        <v>5.3501321382120635</v>
      </c>
      <c r="C3242">
        <f t="shared" si="151"/>
        <v>18</v>
      </c>
      <c r="D3242">
        <f t="shared" si="152"/>
        <v>5</v>
      </c>
    </row>
    <row r="3243" spans="1:4" x14ac:dyDescent="0.25">
      <c r="A3243" s="7">
        <f t="shared" si="153"/>
        <v>44696.791666658821</v>
      </c>
      <c r="B3243" s="8">
        <v>1.4690138304253391</v>
      </c>
      <c r="C3243">
        <f t="shared" si="151"/>
        <v>19</v>
      </c>
      <c r="D3243">
        <f t="shared" si="152"/>
        <v>5</v>
      </c>
    </row>
    <row r="3244" spans="1:4" x14ac:dyDescent="0.25">
      <c r="A3244" s="7">
        <f t="shared" si="153"/>
        <v>44696.833333325485</v>
      </c>
      <c r="B3244" s="8">
        <v>-4.9800999999999998E-2</v>
      </c>
      <c r="C3244">
        <f t="shared" si="151"/>
        <v>20</v>
      </c>
      <c r="D3244">
        <f t="shared" si="152"/>
        <v>5</v>
      </c>
    </row>
    <row r="3245" spans="1:4" x14ac:dyDescent="0.25">
      <c r="A3245" s="7">
        <f t="shared" si="153"/>
        <v>44696.874999992149</v>
      </c>
      <c r="B3245" s="8">
        <v>-4.9800999999999998E-2</v>
      </c>
      <c r="C3245">
        <f t="shared" si="151"/>
        <v>21</v>
      </c>
      <c r="D3245">
        <f t="shared" si="152"/>
        <v>5</v>
      </c>
    </row>
    <row r="3246" spans="1:4" x14ac:dyDescent="0.25">
      <c r="A3246" s="7">
        <f t="shared" si="153"/>
        <v>44696.916666658813</v>
      </c>
      <c r="B3246" s="8">
        <v>-4.9800999999999998E-2</v>
      </c>
      <c r="C3246">
        <f t="shared" si="151"/>
        <v>22</v>
      </c>
      <c r="D3246">
        <f t="shared" si="152"/>
        <v>5</v>
      </c>
    </row>
    <row r="3247" spans="1:4" x14ac:dyDescent="0.25">
      <c r="A3247" s="7">
        <f t="shared" si="153"/>
        <v>44696.958333325478</v>
      </c>
      <c r="B3247" s="8">
        <v>-4.9800999999999998E-2</v>
      </c>
      <c r="C3247">
        <f t="shared" si="151"/>
        <v>23</v>
      </c>
      <c r="D3247">
        <f t="shared" si="152"/>
        <v>5</v>
      </c>
    </row>
    <row r="3248" spans="1:4" x14ac:dyDescent="0.25">
      <c r="A3248" s="7">
        <f t="shared" si="153"/>
        <v>44696.999999992142</v>
      </c>
      <c r="B3248" s="8">
        <v>-4.9800999999999998E-2</v>
      </c>
      <c r="C3248">
        <f t="shared" si="151"/>
        <v>0</v>
      </c>
      <c r="D3248">
        <f t="shared" si="152"/>
        <v>5</v>
      </c>
    </row>
    <row r="3249" spans="1:4" x14ac:dyDescent="0.25">
      <c r="A3249" s="7">
        <f t="shared" si="153"/>
        <v>44697.041666658806</v>
      </c>
      <c r="B3249" s="8">
        <v>-4.9800999999999998E-2</v>
      </c>
      <c r="C3249">
        <f t="shared" si="151"/>
        <v>1</v>
      </c>
      <c r="D3249">
        <f t="shared" si="152"/>
        <v>5</v>
      </c>
    </row>
    <row r="3250" spans="1:4" x14ac:dyDescent="0.25">
      <c r="A3250" s="7">
        <f t="shared" si="153"/>
        <v>44697.08333332547</v>
      </c>
      <c r="B3250" s="8">
        <v>-4.9800999999999998E-2</v>
      </c>
      <c r="C3250">
        <f t="shared" si="151"/>
        <v>2</v>
      </c>
      <c r="D3250">
        <f t="shared" si="152"/>
        <v>5</v>
      </c>
    </row>
    <row r="3251" spans="1:4" x14ac:dyDescent="0.25">
      <c r="A3251" s="7">
        <f t="shared" si="153"/>
        <v>44697.124999992135</v>
      </c>
      <c r="B3251" s="8">
        <v>-4.9800999999999998E-2</v>
      </c>
      <c r="C3251">
        <f t="shared" si="151"/>
        <v>3</v>
      </c>
      <c r="D3251">
        <f t="shared" si="152"/>
        <v>5</v>
      </c>
    </row>
    <row r="3252" spans="1:4" x14ac:dyDescent="0.25">
      <c r="A3252" s="7">
        <f t="shared" si="153"/>
        <v>44697.166666658799</v>
      </c>
      <c r="B3252" s="8">
        <v>-4.9800999999999998E-2</v>
      </c>
      <c r="C3252">
        <f t="shared" si="151"/>
        <v>4</v>
      </c>
      <c r="D3252">
        <f t="shared" si="152"/>
        <v>5</v>
      </c>
    </row>
    <row r="3253" spans="1:4" x14ac:dyDescent="0.25">
      <c r="A3253" s="7">
        <f t="shared" si="153"/>
        <v>44697.208333325463</v>
      </c>
      <c r="B3253" s="8">
        <v>-4.9800999999999998E-2</v>
      </c>
      <c r="C3253">
        <f t="shared" si="151"/>
        <v>5</v>
      </c>
      <c r="D3253">
        <f t="shared" si="152"/>
        <v>5</v>
      </c>
    </row>
    <row r="3254" spans="1:4" x14ac:dyDescent="0.25">
      <c r="A3254" s="7">
        <f t="shared" si="153"/>
        <v>44697.249999992127</v>
      </c>
      <c r="B3254" s="8">
        <v>-4.9800999999999998E-2</v>
      </c>
      <c r="C3254">
        <f t="shared" si="151"/>
        <v>6</v>
      </c>
      <c r="D3254">
        <f t="shared" si="152"/>
        <v>5</v>
      </c>
    </row>
    <row r="3255" spans="1:4" x14ac:dyDescent="0.25">
      <c r="A3255" s="7">
        <f t="shared" si="153"/>
        <v>44697.291666658792</v>
      </c>
      <c r="B3255" s="8">
        <v>1.2043908861982611</v>
      </c>
      <c r="C3255">
        <f t="shared" si="151"/>
        <v>7</v>
      </c>
      <c r="D3255">
        <f t="shared" si="152"/>
        <v>5</v>
      </c>
    </row>
    <row r="3256" spans="1:4" x14ac:dyDescent="0.25">
      <c r="A3256" s="7">
        <f t="shared" si="153"/>
        <v>44697.333333325456</v>
      </c>
      <c r="B3256" s="8">
        <v>3.2030917085904607</v>
      </c>
      <c r="C3256">
        <f t="shared" si="151"/>
        <v>8</v>
      </c>
      <c r="D3256">
        <f t="shared" si="152"/>
        <v>5</v>
      </c>
    </row>
    <row r="3257" spans="1:4" x14ac:dyDescent="0.25">
      <c r="A3257" s="7">
        <f t="shared" si="153"/>
        <v>44697.37499999212</v>
      </c>
      <c r="B3257" s="8">
        <v>5.9430175145307702</v>
      </c>
      <c r="C3257">
        <f t="shared" si="151"/>
        <v>9</v>
      </c>
      <c r="D3257">
        <f t="shared" si="152"/>
        <v>5</v>
      </c>
    </row>
    <row r="3258" spans="1:4" x14ac:dyDescent="0.25">
      <c r="A3258" s="7">
        <f t="shared" si="153"/>
        <v>44697.416666658784</v>
      </c>
      <c r="B3258" s="8">
        <v>15.525392540336927</v>
      </c>
      <c r="C3258">
        <f t="shared" si="151"/>
        <v>10</v>
      </c>
      <c r="D3258">
        <f t="shared" si="152"/>
        <v>5</v>
      </c>
    </row>
    <row r="3259" spans="1:4" x14ac:dyDescent="0.25">
      <c r="A3259" s="7">
        <f t="shared" si="153"/>
        <v>44697.458333325449</v>
      </c>
      <c r="B3259" s="8">
        <v>16.3801697293204</v>
      </c>
      <c r="C3259">
        <f t="shared" si="151"/>
        <v>11</v>
      </c>
      <c r="D3259">
        <f t="shared" si="152"/>
        <v>5</v>
      </c>
    </row>
    <row r="3260" spans="1:4" x14ac:dyDescent="0.25">
      <c r="A3260" s="7">
        <f t="shared" si="153"/>
        <v>44697.499999992113</v>
      </c>
      <c r="B3260" s="8">
        <v>12.190677810909765</v>
      </c>
      <c r="C3260">
        <f t="shared" si="151"/>
        <v>12</v>
      </c>
      <c r="D3260">
        <f t="shared" si="152"/>
        <v>5</v>
      </c>
    </row>
    <row r="3261" spans="1:4" x14ac:dyDescent="0.25">
      <c r="A3261" s="7">
        <f t="shared" si="153"/>
        <v>44697.541666658777</v>
      </c>
      <c r="B3261" s="8">
        <v>8.3671853484720913</v>
      </c>
      <c r="C3261">
        <f t="shared" si="151"/>
        <v>13</v>
      </c>
      <c r="D3261">
        <f t="shared" si="152"/>
        <v>5</v>
      </c>
    </row>
    <row r="3262" spans="1:4" x14ac:dyDescent="0.25">
      <c r="A3262" s="7">
        <f t="shared" si="153"/>
        <v>44697.583333325441</v>
      </c>
      <c r="B3262" s="8">
        <v>14.533929946277484</v>
      </c>
      <c r="C3262">
        <f t="shared" si="151"/>
        <v>14</v>
      </c>
      <c r="D3262">
        <f t="shared" si="152"/>
        <v>5</v>
      </c>
    </row>
    <row r="3263" spans="1:4" x14ac:dyDescent="0.25">
      <c r="A3263" s="7">
        <f t="shared" si="153"/>
        <v>44697.624999992106</v>
      </c>
      <c r="B3263" s="8">
        <v>10.065916200526823</v>
      </c>
      <c r="C3263">
        <f t="shared" si="151"/>
        <v>15</v>
      </c>
      <c r="D3263">
        <f t="shared" si="152"/>
        <v>5</v>
      </c>
    </row>
    <row r="3264" spans="1:4" x14ac:dyDescent="0.25">
      <c r="A3264" s="7">
        <f t="shared" si="153"/>
        <v>44697.66666665877</v>
      </c>
      <c r="B3264" s="8">
        <v>5.3480461720678685</v>
      </c>
      <c r="C3264">
        <f t="shared" si="151"/>
        <v>16</v>
      </c>
      <c r="D3264">
        <f t="shared" si="152"/>
        <v>5</v>
      </c>
    </row>
    <row r="3265" spans="1:4" x14ac:dyDescent="0.25">
      <c r="A3265" s="7">
        <f t="shared" si="153"/>
        <v>44697.708333325434</v>
      </c>
      <c r="B3265" s="8">
        <v>1.8220141307773898</v>
      </c>
      <c r="C3265">
        <f t="shared" si="151"/>
        <v>17</v>
      </c>
      <c r="D3265">
        <f t="shared" si="152"/>
        <v>5</v>
      </c>
    </row>
    <row r="3266" spans="1:4" x14ac:dyDescent="0.25">
      <c r="A3266" s="7">
        <f t="shared" si="153"/>
        <v>44697.749999992098</v>
      </c>
      <c r="B3266" s="8">
        <v>1.3581092766818885</v>
      </c>
      <c r="C3266">
        <f t="shared" si="151"/>
        <v>18</v>
      </c>
      <c r="D3266">
        <f t="shared" si="152"/>
        <v>5</v>
      </c>
    </row>
    <row r="3267" spans="1:4" x14ac:dyDescent="0.25">
      <c r="A3267" s="7">
        <f t="shared" si="153"/>
        <v>44697.791666658763</v>
      </c>
      <c r="B3267" s="8">
        <v>1.1099710303186383</v>
      </c>
      <c r="C3267">
        <f t="shared" si="151"/>
        <v>19</v>
      </c>
      <c r="D3267">
        <f t="shared" si="152"/>
        <v>5</v>
      </c>
    </row>
    <row r="3268" spans="1:4" x14ac:dyDescent="0.25">
      <c r="A3268" s="7">
        <f t="shared" si="153"/>
        <v>44697.833333325427</v>
      </c>
      <c r="B3268" s="8">
        <v>-4.9800999999999998E-2</v>
      </c>
      <c r="C3268">
        <f t="shared" si="151"/>
        <v>20</v>
      </c>
      <c r="D3268">
        <f t="shared" si="152"/>
        <v>5</v>
      </c>
    </row>
    <row r="3269" spans="1:4" x14ac:dyDescent="0.25">
      <c r="A3269" s="7">
        <f t="shared" si="153"/>
        <v>44697.874999992091</v>
      </c>
      <c r="B3269" s="8">
        <v>-4.9800999999999998E-2</v>
      </c>
      <c r="C3269">
        <f t="shared" si="151"/>
        <v>21</v>
      </c>
      <c r="D3269">
        <f t="shared" si="152"/>
        <v>5</v>
      </c>
    </row>
    <row r="3270" spans="1:4" x14ac:dyDescent="0.25">
      <c r="A3270" s="7">
        <f t="shared" si="153"/>
        <v>44697.916666658755</v>
      </c>
      <c r="B3270" s="8">
        <v>-4.9800999999999998E-2</v>
      </c>
      <c r="C3270">
        <f t="shared" si="151"/>
        <v>22</v>
      </c>
      <c r="D3270">
        <f t="shared" si="152"/>
        <v>5</v>
      </c>
    </row>
    <row r="3271" spans="1:4" x14ac:dyDescent="0.25">
      <c r="A3271" s="7">
        <f t="shared" si="153"/>
        <v>44697.95833332542</v>
      </c>
      <c r="B3271" s="8">
        <v>-4.9800999999999998E-2</v>
      </c>
      <c r="C3271">
        <f t="shared" si="151"/>
        <v>23</v>
      </c>
      <c r="D3271">
        <f t="shared" si="152"/>
        <v>5</v>
      </c>
    </row>
    <row r="3272" spans="1:4" x14ac:dyDescent="0.25">
      <c r="A3272" s="7">
        <f t="shared" si="153"/>
        <v>44697.999999992084</v>
      </c>
      <c r="B3272" s="8">
        <v>-4.9800999999999998E-2</v>
      </c>
      <c r="C3272">
        <f t="shared" si="151"/>
        <v>0</v>
      </c>
      <c r="D3272">
        <f t="shared" si="152"/>
        <v>5</v>
      </c>
    </row>
    <row r="3273" spans="1:4" x14ac:dyDescent="0.25">
      <c r="A3273" s="7">
        <f t="shared" si="153"/>
        <v>44698.041666658748</v>
      </c>
      <c r="B3273" s="8">
        <v>-4.9800999999999998E-2</v>
      </c>
      <c r="C3273">
        <f t="shared" si="151"/>
        <v>1</v>
      </c>
      <c r="D3273">
        <f t="shared" si="152"/>
        <v>5</v>
      </c>
    </row>
    <row r="3274" spans="1:4" x14ac:dyDescent="0.25">
      <c r="A3274" s="7">
        <f t="shared" si="153"/>
        <v>44698.083333325412</v>
      </c>
      <c r="B3274" s="8">
        <v>-4.9800999999999998E-2</v>
      </c>
      <c r="C3274">
        <f t="shared" ref="C3274:C3337" si="154">HOUR(A3274)</f>
        <v>2</v>
      </c>
      <c r="D3274">
        <f t="shared" ref="D3274:D3337" si="155">MONTH(A3274)</f>
        <v>5</v>
      </c>
    </row>
    <row r="3275" spans="1:4" x14ac:dyDescent="0.25">
      <c r="A3275" s="7">
        <f t="shared" ref="A3275:A3338" si="156">+A3274+1/24</f>
        <v>44698.124999992076</v>
      </c>
      <c r="B3275" s="8">
        <v>-4.9800999999999998E-2</v>
      </c>
      <c r="C3275">
        <f t="shared" si="154"/>
        <v>3</v>
      </c>
      <c r="D3275">
        <f t="shared" si="155"/>
        <v>5</v>
      </c>
    </row>
    <row r="3276" spans="1:4" x14ac:dyDescent="0.25">
      <c r="A3276" s="7">
        <f t="shared" si="156"/>
        <v>44698.166666658741</v>
      </c>
      <c r="B3276" s="8">
        <v>-4.9800999999999998E-2</v>
      </c>
      <c r="C3276">
        <f t="shared" si="154"/>
        <v>4</v>
      </c>
      <c r="D3276">
        <f t="shared" si="155"/>
        <v>5</v>
      </c>
    </row>
    <row r="3277" spans="1:4" x14ac:dyDescent="0.25">
      <c r="A3277" s="7">
        <f t="shared" si="156"/>
        <v>44698.208333325405</v>
      </c>
      <c r="B3277" s="8">
        <v>-4.9800999999999998E-2</v>
      </c>
      <c r="C3277">
        <f t="shared" si="154"/>
        <v>5</v>
      </c>
      <c r="D3277">
        <f t="shared" si="155"/>
        <v>5</v>
      </c>
    </row>
    <row r="3278" spans="1:4" x14ac:dyDescent="0.25">
      <c r="A3278" s="7">
        <f t="shared" si="156"/>
        <v>44698.249999992069</v>
      </c>
      <c r="B3278" s="8">
        <v>-4.9800999999999998E-2</v>
      </c>
      <c r="C3278">
        <f t="shared" si="154"/>
        <v>6</v>
      </c>
      <c r="D3278">
        <f t="shared" si="155"/>
        <v>5</v>
      </c>
    </row>
    <row r="3279" spans="1:4" x14ac:dyDescent="0.25">
      <c r="A3279" s="7">
        <f t="shared" si="156"/>
        <v>44698.291666658733</v>
      </c>
      <c r="B3279" s="8">
        <v>1.5135168462714121</v>
      </c>
      <c r="C3279">
        <f t="shared" si="154"/>
        <v>7</v>
      </c>
      <c r="D3279">
        <f t="shared" si="155"/>
        <v>5</v>
      </c>
    </row>
    <row r="3280" spans="1:4" x14ac:dyDescent="0.25">
      <c r="A3280" s="7">
        <f t="shared" si="156"/>
        <v>44698.333333325398</v>
      </c>
      <c r="B3280" s="8">
        <v>5.0692842112734979</v>
      </c>
      <c r="C3280">
        <f t="shared" si="154"/>
        <v>8</v>
      </c>
      <c r="D3280">
        <f t="shared" si="155"/>
        <v>5</v>
      </c>
    </row>
    <row r="3281" spans="1:4" x14ac:dyDescent="0.25">
      <c r="A3281" s="7">
        <f t="shared" si="156"/>
        <v>44698.374999992062</v>
      </c>
      <c r="B3281" s="8">
        <v>10.915656770663125</v>
      </c>
      <c r="C3281">
        <f t="shared" si="154"/>
        <v>9</v>
      </c>
      <c r="D3281">
        <f t="shared" si="155"/>
        <v>5</v>
      </c>
    </row>
    <row r="3282" spans="1:4" x14ac:dyDescent="0.25">
      <c r="A3282" s="7">
        <f t="shared" si="156"/>
        <v>44698.416666658726</v>
      </c>
      <c r="B3282" s="8">
        <v>17.783094298400584</v>
      </c>
      <c r="C3282">
        <f t="shared" si="154"/>
        <v>10</v>
      </c>
      <c r="D3282">
        <f t="shared" si="155"/>
        <v>5</v>
      </c>
    </row>
    <row r="3283" spans="1:4" x14ac:dyDescent="0.25">
      <c r="A3283" s="7">
        <f t="shared" si="156"/>
        <v>44698.45833332539</v>
      </c>
      <c r="B3283" s="8">
        <v>20.451309865055794</v>
      </c>
      <c r="C3283">
        <f t="shared" si="154"/>
        <v>11</v>
      </c>
      <c r="D3283">
        <f t="shared" si="155"/>
        <v>5</v>
      </c>
    </row>
    <row r="3284" spans="1:4" x14ac:dyDescent="0.25">
      <c r="A3284" s="7">
        <f t="shared" si="156"/>
        <v>44698.499999992055</v>
      </c>
      <c r="B3284" s="8">
        <v>20.451293375204852</v>
      </c>
      <c r="C3284">
        <f t="shared" si="154"/>
        <v>12</v>
      </c>
      <c r="D3284">
        <f t="shared" si="155"/>
        <v>5</v>
      </c>
    </row>
    <row r="3285" spans="1:4" x14ac:dyDescent="0.25">
      <c r="A3285" s="7">
        <f t="shared" si="156"/>
        <v>44698.541666658719</v>
      </c>
      <c r="B3285" s="8">
        <v>20.451311926287161</v>
      </c>
      <c r="C3285">
        <f t="shared" si="154"/>
        <v>13</v>
      </c>
      <c r="D3285">
        <f t="shared" si="155"/>
        <v>5</v>
      </c>
    </row>
    <row r="3286" spans="1:4" x14ac:dyDescent="0.25">
      <c r="A3286" s="7">
        <f t="shared" si="156"/>
        <v>44698.583333325383</v>
      </c>
      <c r="B3286" s="8">
        <v>20.451300589514638</v>
      </c>
      <c r="C3286">
        <f t="shared" si="154"/>
        <v>14</v>
      </c>
      <c r="D3286">
        <f t="shared" si="155"/>
        <v>5</v>
      </c>
    </row>
    <row r="3287" spans="1:4" x14ac:dyDescent="0.25">
      <c r="A3287" s="7">
        <f t="shared" si="156"/>
        <v>44698.624999992047</v>
      </c>
      <c r="B3287" s="8">
        <v>13.16890008527827</v>
      </c>
      <c r="C3287">
        <f t="shared" si="154"/>
        <v>15</v>
      </c>
      <c r="D3287">
        <f t="shared" si="155"/>
        <v>5</v>
      </c>
    </row>
    <row r="3288" spans="1:4" x14ac:dyDescent="0.25">
      <c r="A3288" s="7">
        <f t="shared" si="156"/>
        <v>44698.666666658712</v>
      </c>
      <c r="B3288" s="8">
        <v>4.4153698966175359</v>
      </c>
      <c r="C3288">
        <f t="shared" si="154"/>
        <v>16</v>
      </c>
      <c r="D3288">
        <f t="shared" si="155"/>
        <v>5</v>
      </c>
    </row>
    <row r="3289" spans="1:4" x14ac:dyDescent="0.25">
      <c r="A3289" s="7">
        <f t="shared" si="156"/>
        <v>44698.708333325376</v>
      </c>
      <c r="B3289" s="8">
        <v>4.2840880095722031</v>
      </c>
      <c r="C3289">
        <f t="shared" si="154"/>
        <v>17</v>
      </c>
      <c r="D3289">
        <f t="shared" si="155"/>
        <v>5</v>
      </c>
    </row>
    <row r="3290" spans="1:4" x14ac:dyDescent="0.25">
      <c r="A3290" s="7">
        <f t="shared" si="156"/>
        <v>44698.74999999204</v>
      </c>
      <c r="B3290" s="8">
        <v>2.0187998894594306</v>
      </c>
      <c r="C3290">
        <f t="shared" si="154"/>
        <v>18</v>
      </c>
      <c r="D3290">
        <f t="shared" si="155"/>
        <v>5</v>
      </c>
    </row>
    <row r="3291" spans="1:4" x14ac:dyDescent="0.25">
      <c r="A3291" s="7">
        <f t="shared" si="156"/>
        <v>44698.791666658704</v>
      </c>
      <c r="B3291" s="8">
        <v>0.6388116724242322</v>
      </c>
      <c r="C3291">
        <f t="shared" si="154"/>
        <v>19</v>
      </c>
      <c r="D3291">
        <f t="shared" si="155"/>
        <v>5</v>
      </c>
    </row>
    <row r="3292" spans="1:4" x14ac:dyDescent="0.25">
      <c r="A3292" s="7">
        <f t="shared" si="156"/>
        <v>44698.833333325369</v>
      </c>
      <c r="B3292" s="8">
        <v>-4.9800999999999998E-2</v>
      </c>
      <c r="C3292">
        <f t="shared" si="154"/>
        <v>20</v>
      </c>
      <c r="D3292">
        <f t="shared" si="155"/>
        <v>5</v>
      </c>
    </row>
    <row r="3293" spans="1:4" x14ac:dyDescent="0.25">
      <c r="A3293" s="7">
        <f t="shared" si="156"/>
        <v>44698.874999992033</v>
      </c>
      <c r="B3293" s="8">
        <v>-4.9800999999999998E-2</v>
      </c>
      <c r="C3293">
        <f t="shared" si="154"/>
        <v>21</v>
      </c>
      <c r="D3293">
        <f t="shared" si="155"/>
        <v>5</v>
      </c>
    </row>
    <row r="3294" spans="1:4" x14ac:dyDescent="0.25">
      <c r="A3294" s="7">
        <f t="shared" si="156"/>
        <v>44698.916666658697</v>
      </c>
      <c r="B3294" s="8">
        <v>-4.9800999999999998E-2</v>
      </c>
      <c r="C3294">
        <f t="shared" si="154"/>
        <v>22</v>
      </c>
      <c r="D3294">
        <f t="shared" si="155"/>
        <v>5</v>
      </c>
    </row>
    <row r="3295" spans="1:4" x14ac:dyDescent="0.25">
      <c r="A3295" s="7">
        <f t="shared" si="156"/>
        <v>44698.958333325361</v>
      </c>
      <c r="B3295" s="8">
        <v>-4.9800999999999998E-2</v>
      </c>
      <c r="C3295">
        <f t="shared" si="154"/>
        <v>23</v>
      </c>
      <c r="D3295">
        <f t="shared" si="155"/>
        <v>5</v>
      </c>
    </row>
    <row r="3296" spans="1:4" x14ac:dyDescent="0.25">
      <c r="A3296" s="7">
        <f t="shared" si="156"/>
        <v>44698.999999992026</v>
      </c>
      <c r="B3296" s="8">
        <v>-4.9800999999999998E-2</v>
      </c>
      <c r="C3296">
        <f t="shared" si="154"/>
        <v>0</v>
      </c>
      <c r="D3296">
        <f t="shared" si="155"/>
        <v>5</v>
      </c>
    </row>
    <row r="3297" spans="1:4" x14ac:dyDescent="0.25">
      <c r="A3297" s="7">
        <f t="shared" si="156"/>
        <v>44699.04166665869</v>
      </c>
      <c r="B3297" s="8">
        <v>-4.9800999999999998E-2</v>
      </c>
      <c r="C3297">
        <f t="shared" si="154"/>
        <v>1</v>
      </c>
      <c r="D3297">
        <f t="shared" si="155"/>
        <v>5</v>
      </c>
    </row>
    <row r="3298" spans="1:4" x14ac:dyDescent="0.25">
      <c r="A3298" s="7">
        <f t="shared" si="156"/>
        <v>44699.083333325354</v>
      </c>
      <c r="B3298" s="8">
        <v>-4.9800999999999998E-2</v>
      </c>
      <c r="C3298">
        <f t="shared" si="154"/>
        <v>2</v>
      </c>
      <c r="D3298">
        <f t="shared" si="155"/>
        <v>5</v>
      </c>
    </row>
    <row r="3299" spans="1:4" x14ac:dyDescent="0.25">
      <c r="A3299" s="7">
        <f t="shared" si="156"/>
        <v>44699.124999992018</v>
      </c>
      <c r="B3299" s="8">
        <v>-4.9800999999999998E-2</v>
      </c>
      <c r="C3299">
        <f t="shared" si="154"/>
        <v>3</v>
      </c>
      <c r="D3299">
        <f t="shared" si="155"/>
        <v>5</v>
      </c>
    </row>
    <row r="3300" spans="1:4" x14ac:dyDescent="0.25">
      <c r="A3300" s="7">
        <f t="shared" si="156"/>
        <v>44699.166666658683</v>
      </c>
      <c r="B3300" s="8">
        <v>-4.9800999999999998E-2</v>
      </c>
      <c r="C3300">
        <f t="shared" si="154"/>
        <v>4</v>
      </c>
      <c r="D3300">
        <f t="shared" si="155"/>
        <v>5</v>
      </c>
    </row>
    <row r="3301" spans="1:4" x14ac:dyDescent="0.25">
      <c r="A3301" s="7">
        <f t="shared" si="156"/>
        <v>44699.208333325347</v>
      </c>
      <c r="B3301" s="8">
        <v>-4.9800999999999998E-2</v>
      </c>
      <c r="C3301">
        <f t="shared" si="154"/>
        <v>5</v>
      </c>
      <c r="D3301">
        <f t="shared" si="155"/>
        <v>5</v>
      </c>
    </row>
    <row r="3302" spans="1:4" x14ac:dyDescent="0.25">
      <c r="A3302" s="7">
        <f t="shared" si="156"/>
        <v>44699.249999992011</v>
      </c>
      <c r="B3302" s="8">
        <v>-4.9800999999999998E-2</v>
      </c>
      <c r="C3302">
        <f t="shared" si="154"/>
        <v>6</v>
      </c>
      <c r="D3302">
        <f t="shared" si="155"/>
        <v>5</v>
      </c>
    </row>
    <row r="3303" spans="1:4" x14ac:dyDescent="0.25">
      <c r="A3303" s="7">
        <f t="shared" si="156"/>
        <v>44699.291666658675</v>
      </c>
      <c r="B3303" s="8">
        <v>0.76980189523102349</v>
      </c>
      <c r="C3303">
        <f t="shared" si="154"/>
        <v>7</v>
      </c>
      <c r="D3303">
        <f t="shared" si="155"/>
        <v>5</v>
      </c>
    </row>
    <row r="3304" spans="1:4" x14ac:dyDescent="0.25">
      <c r="A3304" s="7">
        <f t="shared" si="156"/>
        <v>44699.333333325339</v>
      </c>
      <c r="B3304" s="8">
        <v>2.4861305100881839</v>
      </c>
      <c r="C3304">
        <f t="shared" si="154"/>
        <v>8</v>
      </c>
      <c r="D3304">
        <f t="shared" si="155"/>
        <v>5</v>
      </c>
    </row>
    <row r="3305" spans="1:4" x14ac:dyDescent="0.25">
      <c r="A3305" s="7">
        <f t="shared" si="156"/>
        <v>44699.374999992004</v>
      </c>
      <c r="B3305" s="8">
        <v>5.8040060098562591</v>
      </c>
      <c r="C3305">
        <f t="shared" si="154"/>
        <v>9</v>
      </c>
      <c r="D3305">
        <f t="shared" si="155"/>
        <v>5</v>
      </c>
    </row>
    <row r="3306" spans="1:4" x14ac:dyDescent="0.25">
      <c r="A3306" s="7">
        <f t="shared" si="156"/>
        <v>44699.416666658668</v>
      </c>
      <c r="B3306" s="8">
        <v>8.8187011714315453</v>
      </c>
      <c r="C3306">
        <f t="shared" si="154"/>
        <v>10</v>
      </c>
      <c r="D3306">
        <f t="shared" si="155"/>
        <v>5</v>
      </c>
    </row>
    <row r="3307" spans="1:4" x14ac:dyDescent="0.25">
      <c r="A3307" s="7">
        <f t="shared" si="156"/>
        <v>44699.458333325332</v>
      </c>
      <c r="B3307" s="8">
        <v>15.750101800358296</v>
      </c>
      <c r="C3307">
        <f t="shared" si="154"/>
        <v>11</v>
      </c>
      <c r="D3307">
        <f t="shared" si="155"/>
        <v>5</v>
      </c>
    </row>
    <row r="3308" spans="1:4" x14ac:dyDescent="0.25">
      <c r="A3308" s="7">
        <f t="shared" si="156"/>
        <v>44699.499999991996</v>
      </c>
      <c r="B3308" s="8">
        <v>20.451316048749899</v>
      </c>
      <c r="C3308">
        <f t="shared" si="154"/>
        <v>12</v>
      </c>
      <c r="D3308">
        <f t="shared" si="155"/>
        <v>5</v>
      </c>
    </row>
    <row r="3309" spans="1:4" x14ac:dyDescent="0.25">
      <c r="A3309" s="7">
        <f t="shared" si="156"/>
        <v>44699.541666658661</v>
      </c>
      <c r="B3309" s="8">
        <v>20.451260395502963</v>
      </c>
      <c r="C3309">
        <f t="shared" si="154"/>
        <v>13</v>
      </c>
      <c r="D3309">
        <f t="shared" si="155"/>
        <v>5</v>
      </c>
    </row>
    <row r="3310" spans="1:4" x14ac:dyDescent="0.25">
      <c r="A3310" s="7">
        <f t="shared" si="156"/>
        <v>44699.583333325325</v>
      </c>
      <c r="B3310" s="8">
        <v>20.451307803824424</v>
      </c>
      <c r="C3310">
        <f t="shared" si="154"/>
        <v>14</v>
      </c>
      <c r="D3310">
        <f t="shared" si="155"/>
        <v>5</v>
      </c>
    </row>
    <row r="3311" spans="1:4" x14ac:dyDescent="0.25">
      <c r="A3311" s="7">
        <f t="shared" si="156"/>
        <v>44699.624999991989</v>
      </c>
      <c r="B3311" s="8">
        <v>17.976366688216242</v>
      </c>
      <c r="C3311">
        <f t="shared" si="154"/>
        <v>15</v>
      </c>
      <c r="D3311">
        <f t="shared" si="155"/>
        <v>5</v>
      </c>
    </row>
    <row r="3312" spans="1:4" x14ac:dyDescent="0.25">
      <c r="A3312" s="7">
        <f t="shared" si="156"/>
        <v>44699.666666658653</v>
      </c>
      <c r="B3312" s="8">
        <v>14.59973784954094</v>
      </c>
      <c r="C3312">
        <f t="shared" si="154"/>
        <v>16</v>
      </c>
      <c r="D3312">
        <f t="shared" si="155"/>
        <v>5</v>
      </c>
    </row>
    <row r="3313" spans="1:4" x14ac:dyDescent="0.25">
      <c r="A3313" s="7">
        <f t="shared" si="156"/>
        <v>44699.708333325318</v>
      </c>
      <c r="B3313" s="8">
        <v>11.515619384883108</v>
      </c>
      <c r="C3313">
        <f t="shared" si="154"/>
        <v>17</v>
      </c>
      <c r="D3313">
        <f t="shared" si="155"/>
        <v>5</v>
      </c>
    </row>
    <row r="3314" spans="1:4" x14ac:dyDescent="0.25">
      <c r="A3314" s="7">
        <f t="shared" si="156"/>
        <v>44699.749999991982</v>
      </c>
      <c r="B3314" s="8">
        <v>5.3966582526456133</v>
      </c>
      <c r="C3314">
        <f t="shared" si="154"/>
        <v>18</v>
      </c>
      <c r="D3314">
        <f t="shared" si="155"/>
        <v>5</v>
      </c>
    </row>
    <row r="3315" spans="1:4" x14ac:dyDescent="0.25">
      <c r="A3315" s="7">
        <f t="shared" si="156"/>
        <v>44699.791666658646</v>
      </c>
      <c r="B3315" s="8">
        <v>1.636553807845621</v>
      </c>
      <c r="C3315">
        <f t="shared" si="154"/>
        <v>19</v>
      </c>
      <c r="D3315">
        <f t="shared" si="155"/>
        <v>5</v>
      </c>
    </row>
    <row r="3316" spans="1:4" x14ac:dyDescent="0.25">
      <c r="A3316" s="7">
        <f t="shared" si="156"/>
        <v>44699.83333332531</v>
      </c>
      <c r="B3316" s="8">
        <v>-4.9800999999999998E-2</v>
      </c>
      <c r="C3316">
        <f t="shared" si="154"/>
        <v>20</v>
      </c>
      <c r="D3316">
        <f t="shared" si="155"/>
        <v>5</v>
      </c>
    </row>
    <row r="3317" spans="1:4" x14ac:dyDescent="0.25">
      <c r="A3317" s="7">
        <f t="shared" si="156"/>
        <v>44699.874999991975</v>
      </c>
      <c r="B3317" s="8">
        <v>-4.9800999999999998E-2</v>
      </c>
      <c r="C3317">
        <f t="shared" si="154"/>
        <v>21</v>
      </c>
      <c r="D3317">
        <f t="shared" si="155"/>
        <v>5</v>
      </c>
    </row>
    <row r="3318" spans="1:4" x14ac:dyDescent="0.25">
      <c r="A3318" s="7">
        <f t="shared" si="156"/>
        <v>44699.916666658639</v>
      </c>
      <c r="B3318" s="8">
        <v>-4.9800999999999998E-2</v>
      </c>
      <c r="C3318">
        <f t="shared" si="154"/>
        <v>22</v>
      </c>
      <c r="D3318">
        <f t="shared" si="155"/>
        <v>5</v>
      </c>
    </row>
    <row r="3319" spans="1:4" x14ac:dyDescent="0.25">
      <c r="A3319" s="7">
        <f t="shared" si="156"/>
        <v>44699.958333325303</v>
      </c>
      <c r="B3319" s="8">
        <v>-4.9800999999999998E-2</v>
      </c>
      <c r="C3319">
        <f t="shared" si="154"/>
        <v>23</v>
      </c>
      <c r="D3319">
        <f t="shared" si="155"/>
        <v>5</v>
      </c>
    </row>
    <row r="3320" spans="1:4" x14ac:dyDescent="0.25">
      <c r="A3320" s="7">
        <f t="shared" si="156"/>
        <v>44699.999999991967</v>
      </c>
      <c r="B3320" s="8">
        <v>-4.9800999999999998E-2</v>
      </c>
      <c r="C3320">
        <f t="shared" si="154"/>
        <v>0</v>
      </c>
      <c r="D3320">
        <f t="shared" si="155"/>
        <v>5</v>
      </c>
    </row>
    <row r="3321" spans="1:4" x14ac:dyDescent="0.25">
      <c r="A3321" s="7">
        <f t="shared" si="156"/>
        <v>44700.041666658632</v>
      </c>
      <c r="B3321" s="8">
        <v>-4.9800999999999998E-2</v>
      </c>
      <c r="C3321">
        <f t="shared" si="154"/>
        <v>1</v>
      </c>
      <c r="D3321">
        <f t="shared" si="155"/>
        <v>5</v>
      </c>
    </row>
    <row r="3322" spans="1:4" x14ac:dyDescent="0.25">
      <c r="A3322" s="7">
        <f t="shared" si="156"/>
        <v>44700.083333325296</v>
      </c>
      <c r="B3322" s="8">
        <v>-4.9800999999999998E-2</v>
      </c>
      <c r="C3322">
        <f t="shared" si="154"/>
        <v>2</v>
      </c>
      <c r="D3322">
        <f t="shared" si="155"/>
        <v>5</v>
      </c>
    </row>
    <row r="3323" spans="1:4" x14ac:dyDescent="0.25">
      <c r="A3323" s="7">
        <f t="shared" si="156"/>
        <v>44700.12499999196</v>
      </c>
      <c r="B3323" s="8">
        <v>-4.9800999999999998E-2</v>
      </c>
      <c r="C3323">
        <f t="shared" si="154"/>
        <v>3</v>
      </c>
      <c r="D3323">
        <f t="shared" si="155"/>
        <v>5</v>
      </c>
    </row>
    <row r="3324" spans="1:4" x14ac:dyDescent="0.25">
      <c r="A3324" s="7">
        <f t="shared" si="156"/>
        <v>44700.166666658624</v>
      </c>
      <c r="B3324" s="8">
        <v>-4.9800999999999998E-2</v>
      </c>
      <c r="C3324">
        <f t="shared" si="154"/>
        <v>4</v>
      </c>
      <c r="D3324">
        <f t="shared" si="155"/>
        <v>5</v>
      </c>
    </row>
    <row r="3325" spans="1:4" x14ac:dyDescent="0.25">
      <c r="A3325" s="7">
        <f t="shared" si="156"/>
        <v>44700.208333325289</v>
      </c>
      <c r="B3325" s="8">
        <v>-4.9800999999999998E-2</v>
      </c>
      <c r="C3325">
        <f t="shared" si="154"/>
        <v>5</v>
      </c>
      <c r="D3325">
        <f t="shared" si="155"/>
        <v>5</v>
      </c>
    </row>
    <row r="3326" spans="1:4" x14ac:dyDescent="0.25">
      <c r="A3326" s="7">
        <f t="shared" si="156"/>
        <v>44700.249999991953</v>
      </c>
      <c r="B3326" s="8">
        <v>0.18483370859596357</v>
      </c>
      <c r="C3326">
        <f t="shared" si="154"/>
        <v>6</v>
      </c>
      <c r="D3326">
        <f t="shared" si="155"/>
        <v>5</v>
      </c>
    </row>
    <row r="3327" spans="1:4" x14ac:dyDescent="0.25">
      <c r="A3327" s="7">
        <f t="shared" si="156"/>
        <v>44700.291666658617</v>
      </c>
      <c r="B3327" s="8">
        <v>1.9241677267489266</v>
      </c>
      <c r="C3327">
        <f t="shared" si="154"/>
        <v>7</v>
      </c>
      <c r="D3327">
        <f t="shared" si="155"/>
        <v>5</v>
      </c>
    </row>
    <row r="3328" spans="1:4" x14ac:dyDescent="0.25">
      <c r="A3328" s="7">
        <f t="shared" si="156"/>
        <v>44700.333333325281</v>
      </c>
      <c r="B3328" s="8">
        <v>6.6235711833839321</v>
      </c>
      <c r="C3328">
        <f t="shared" si="154"/>
        <v>8</v>
      </c>
      <c r="D3328">
        <f t="shared" si="155"/>
        <v>5</v>
      </c>
    </row>
    <row r="3329" spans="1:4" x14ac:dyDescent="0.25">
      <c r="A3329" s="7">
        <f t="shared" si="156"/>
        <v>44700.374999991946</v>
      </c>
      <c r="B3329" s="8">
        <v>12.026102914812038</v>
      </c>
      <c r="C3329">
        <f t="shared" si="154"/>
        <v>9</v>
      </c>
      <c r="D3329">
        <f t="shared" si="155"/>
        <v>5</v>
      </c>
    </row>
    <row r="3330" spans="1:4" x14ac:dyDescent="0.25">
      <c r="A3330" s="7">
        <f t="shared" si="156"/>
        <v>44700.41666665861</v>
      </c>
      <c r="B3330" s="8">
        <v>14.74432807691235</v>
      </c>
      <c r="C3330">
        <f t="shared" si="154"/>
        <v>10</v>
      </c>
      <c r="D3330">
        <f t="shared" si="155"/>
        <v>5</v>
      </c>
    </row>
    <row r="3331" spans="1:4" x14ac:dyDescent="0.25">
      <c r="A3331" s="7">
        <f t="shared" si="156"/>
        <v>44700.458333325274</v>
      </c>
      <c r="B3331" s="8">
        <v>15.507296990159178</v>
      </c>
      <c r="C3331">
        <f t="shared" si="154"/>
        <v>11</v>
      </c>
      <c r="D3331">
        <f t="shared" si="155"/>
        <v>5</v>
      </c>
    </row>
    <row r="3332" spans="1:4" x14ac:dyDescent="0.25">
      <c r="A3332" s="7">
        <f t="shared" si="156"/>
        <v>44700.499999991938</v>
      </c>
      <c r="B3332" s="8">
        <v>13.609149217581432</v>
      </c>
      <c r="C3332">
        <f t="shared" si="154"/>
        <v>12</v>
      </c>
      <c r="D3332">
        <f t="shared" si="155"/>
        <v>5</v>
      </c>
    </row>
    <row r="3333" spans="1:4" x14ac:dyDescent="0.25">
      <c r="A3333" s="7">
        <f t="shared" si="156"/>
        <v>44700.541666658602</v>
      </c>
      <c r="B3333" s="8">
        <v>15.996526132839236</v>
      </c>
      <c r="C3333">
        <f t="shared" si="154"/>
        <v>13</v>
      </c>
      <c r="D3333">
        <f t="shared" si="155"/>
        <v>5</v>
      </c>
    </row>
    <row r="3334" spans="1:4" x14ac:dyDescent="0.25">
      <c r="A3334" s="7">
        <f t="shared" si="156"/>
        <v>44700.583333325267</v>
      </c>
      <c r="B3334" s="8">
        <v>14.986685599904657</v>
      </c>
      <c r="C3334">
        <f t="shared" si="154"/>
        <v>14</v>
      </c>
      <c r="D3334">
        <f t="shared" si="155"/>
        <v>5</v>
      </c>
    </row>
    <row r="3335" spans="1:4" x14ac:dyDescent="0.25">
      <c r="A3335" s="7">
        <f t="shared" si="156"/>
        <v>44700.624999991931</v>
      </c>
      <c r="B3335" s="8">
        <v>6.3648660344137538</v>
      </c>
      <c r="C3335">
        <f t="shared" si="154"/>
        <v>15</v>
      </c>
      <c r="D3335">
        <f t="shared" si="155"/>
        <v>5</v>
      </c>
    </row>
    <row r="3336" spans="1:4" x14ac:dyDescent="0.25">
      <c r="A3336" s="7">
        <f t="shared" si="156"/>
        <v>44700.666666658595</v>
      </c>
      <c r="B3336" s="8">
        <v>3.6314094031212254</v>
      </c>
      <c r="C3336">
        <f t="shared" si="154"/>
        <v>16</v>
      </c>
      <c r="D3336">
        <f t="shared" si="155"/>
        <v>5</v>
      </c>
    </row>
    <row r="3337" spans="1:4" x14ac:dyDescent="0.25">
      <c r="A3337" s="7">
        <f t="shared" si="156"/>
        <v>44700.708333325259</v>
      </c>
      <c r="B3337" s="8">
        <v>2.269552807812711</v>
      </c>
      <c r="C3337">
        <f t="shared" si="154"/>
        <v>17</v>
      </c>
      <c r="D3337">
        <f t="shared" si="155"/>
        <v>5</v>
      </c>
    </row>
    <row r="3338" spans="1:4" x14ac:dyDescent="0.25">
      <c r="A3338" s="7">
        <f t="shared" si="156"/>
        <v>44700.749999991924</v>
      </c>
      <c r="B3338" s="8">
        <v>1.4026411497671105</v>
      </c>
      <c r="C3338">
        <f t="shared" ref="C3338:C3401" si="157">HOUR(A3338)</f>
        <v>18</v>
      </c>
      <c r="D3338">
        <f t="shared" ref="D3338:D3401" si="158">MONTH(A3338)</f>
        <v>5</v>
      </c>
    </row>
    <row r="3339" spans="1:4" x14ac:dyDescent="0.25">
      <c r="A3339" s="7">
        <f t="shared" ref="A3339:A3402" si="159">+A3338+1/24</f>
        <v>44700.791666658588</v>
      </c>
      <c r="B3339" s="8">
        <v>0.41531338583143479</v>
      </c>
      <c r="C3339">
        <f t="shared" si="157"/>
        <v>19</v>
      </c>
      <c r="D3339">
        <f t="shared" si="158"/>
        <v>5</v>
      </c>
    </row>
    <row r="3340" spans="1:4" x14ac:dyDescent="0.25">
      <c r="A3340" s="7">
        <f t="shared" si="159"/>
        <v>44700.833333325252</v>
      </c>
      <c r="B3340" s="8">
        <v>-4.9800999999999998E-2</v>
      </c>
      <c r="C3340">
        <f t="shared" si="157"/>
        <v>20</v>
      </c>
      <c r="D3340">
        <f t="shared" si="158"/>
        <v>5</v>
      </c>
    </row>
    <row r="3341" spans="1:4" x14ac:dyDescent="0.25">
      <c r="A3341" s="7">
        <f t="shared" si="159"/>
        <v>44700.874999991916</v>
      </c>
      <c r="B3341" s="8">
        <v>-4.9800999999999998E-2</v>
      </c>
      <c r="C3341">
        <f t="shared" si="157"/>
        <v>21</v>
      </c>
      <c r="D3341">
        <f t="shared" si="158"/>
        <v>5</v>
      </c>
    </row>
    <row r="3342" spans="1:4" x14ac:dyDescent="0.25">
      <c r="A3342" s="7">
        <f t="shared" si="159"/>
        <v>44700.916666658581</v>
      </c>
      <c r="B3342" s="8">
        <v>-4.9800999999999998E-2</v>
      </c>
      <c r="C3342">
        <f t="shared" si="157"/>
        <v>22</v>
      </c>
      <c r="D3342">
        <f t="shared" si="158"/>
        <v>5</v>
      </c>
    </row>
    <row r="3343" spans="1:4" x14ac:dyDescent="0.25">
      <c r="A3343" s="7">
        <f t="shared" si="159"/>
        <v>44700.958333325245</v>
      </c>
      <c r="B3343" s="8">
        <v>-4.9800999999999998E-2</v>
      </c>
      <c r="C3343">
        <f t="shared" si="157"/>
        <v>23</v>
      </c>
      <c r="D3343">
        <f t="shared" si="158"/>
        <v>5</v>
      </c>
    </row>
    <row r="3344" spans="1:4" x14ac:dyDescent="0.25">
      <c r="A3344" s="7">
        <f t="shared" si="159"/>
        <v>44700.999999991909</v>
      </c>
      <c r="B3344" s="8">
        <v>-4.9800999999999998E-2</v>
      </c>
      <c r="C3344">
        <f t="shared" si="157"/>
        <v>0</v>
      </c>
      <c r="D3344">
        <f t="shared" si="158"/>
        <v>5</v>
      </c>
    </row>
    <row r="3345" spans="1:4" x14ac:dyDescent="0.25">
      <c r="A3345" s="7">
        <f t="shared" si="159"/>
        <v>44701.041666658573</v>
      </c>
      <c r="B3345" s="8">
        <v>-4.9800999999999998E-2</v>
      </c>
      <c r="C3345">
        <f t="shared" si="157"/>
        <v>1</v>
      </c>
      <c r="D3345">
        <f t="shared" si="158"/>
        <v>5</v>
      </c>
    </row>
    <row r="3346" spans="1:4" x14ac:dyDescent="0.25">
      <c r="A3346" s="7">
        <f t="shared" si="159"/>
        <v>44701.083333325238</v>
      </c>
      <c r="B3346" s="8">
        <v>-4.9800999999999998E-2</v>
      </c>
      <c r="C3346">
        <f t="shared" si="157"/>
        <v>2</v>
      </c>
      <c r="D3346">
        <f t="shared" si="158"/>
        <v>5</v>
      </c>
    </row>
    <row r="3347" spans="1:4" x14ac:dyDescent="0.25">
      <c r="A3347" s="7">
        <f t="shared" si="159"/>
        <v>44701.124999991902</v>
      </c>
      <c r="B3347" s="8">
        <v>-4.9800999999999998E-2</v>
      </c>
      <c r="C3347">
        <f t="shared" si="157"/>
        <v>3</v>
      </c>
      <c r="D3347">
        <f t="shared" si="158"/>
        <v>5</v>
      </c>
    </row>
    <row r="3348" spans="1:4" x14ac:dyDescent="0.25">
      <c r="A3348" s="7">
        <f t="shared" si="159"/>
        <v>44701.166666658566</v>
      </c>
      <c r="B3348" s="8">
        <v>-4.9800999999999998E-2</v>
      </c>
      <c r="C3348">
        <f t="shared" si="157"/>
        <v>4</v>
      </c>
      <c r="D3348">
        <f t="shared" si="158"/>
        <v>5</v>
      </c>
    </row>
    <row r="3349" spans="1:4" x14ac:dyDescent="0.25">
      <c r="A3349" s="7">
        <f t="shared" si="159"/>
        <v>44701.20833332523</v>
      </c>
      <c r="B3349" s="8">
        <v>-4.9800999999999998E-2</v>
      </c>
      <c r="C3349">
        <f t="shared" si="157"/>
        <v>5</v>
      </c>
      <c r="D3349">
        <f t="shared" si="158"/>
        <v>5</v>
      </c>
    </row>
    <row r="3350" spans="1:4" x14ac:dyDescent="0.25">
      <c r="A3350" s="7">
        <f t="shared" si="159"/>
        <v>44701.249999991895</v>
      </c>
      <c r="B3350" s="8">
        <v>-4.9800999999999998E-2</v>
      </c>
      <c r="C3350">
        <f t="shared" si="157"/>
        <v>6</v>
      </c>
      <c r="D3350">
        <f t="shared" si="158"/>
        <v>5</v>
      </c>
    </row>
    <row r="3351" spans="1:4" x14ac:dyDescent="0.25">
      <c r="A3351" s="7">
        <f t="shared" si="159"/>
        <v>44701.291666658559</v>
      </c>
      <c r="B3351" s="8">
        <v>2.0108188016033832</v>
      </c>
      <c r="C3351">
        <f t="shared" si="157"/>
        <v>7</v>
      </c>
      <c r="D3351">
        <f t="shared" si="158"/>
        <v>5</v>
      </c>
    </row>
    <row r="3352" spans="1:4" x14ac:dyDescent="0.25">
      <c r="A3352" s="7">
        <f t="shared" si="159"/>
        <v>44701.333333325223</v>
      </c>
      <c r="B3352" s="8">
        <v>3.2198701319241971</v>
      </c>
      <c r="C3352">
        <f t="shared" si="157"/>
        <v>8</v>
      </c>
      <c r="D3352">
        <f t="shared" si="158"/>
        <v>5</v>
      </c>
    </row>
    <row r="3353" spans="1:4" x14ac:dyDescent="0.25">
      <c r="A3353" s="7">
        <f t="shared" si="159"/>
        <v>44701.374999991887</v>
      </c>
      <c r="B3353" s="8">
        <v>8.2743371815104023</v>
      </c>
      <c r="C3353">
        <f t="shared" si="157"/>
        <v>9</v>
      </c>
      <c r="D3353">
        <f t="shared" si="158"/>
        <v>5</v>
      </c>
    </row>
    <row r="3354" spans="1:4" x14ac:dyDescent="0.25">
      <c r="A3354" s="7">
        <f t="shared" si="159"/>
        <v>44701.416666658552</v>
      </c>
      <c r="B3354" s="8">
        <v>12.823431524344091</v>
      </c>
      <c r="C3354">
        <f t="shared" si="157"/>
        <v>10</v>
      </c>
      <c r="D3354">
        <f t="shared" si="158"/>
        <v>5</v>
      </c>
    </row>
    <row r="3355" spans="1:4" x14ac:dyDescent="0.25">
      <c r="A3355" s="7">
        <f t="shared" si="159"/>
        <v>44701.458333325216</v>
      </c>
      <c r="B3355" s="8">
        <v>16.247702634238596</v>
      </c>
      <c r="C3355">
        <f t="shared" si="157"/>
        <v>11</v>
      </c>
      <c r="D3355">
        <f t="shared" si="158"/>
        <v>5</v>
      </c>
    </row>
    <row r="3356" spans="1:4" x14ac:dyDescent="0.25">
      <c r="A3356" s="7">
        <f t="shared" si="159"/>
        <v>44701.49999999188</v>
      </c>
      <c r="B3356" s="8">
        <v>17.920014683852479</v>
      </c>
      <c r="C3356">
        <f t="shared" si="157"/>
        <v>12</v>
      </c>
      <c r="D3356">
        <f t="shared" si="158"/>
        <v>5</v>
      </c>
    </row>
    <row r="3357" spans="1:4" x14ac:dyDescent="0.25">
      <c r="A3357" s="7">
        <f t="shared" si="159"/>
        <v>44701.541666658544</v>
      </c>
      <c r="B3357" s="8">
        <v>13.787233424063599</v>
      </c>
      <c r="C3357">
        <f t="shared" si="157"/>
        <v>13</v>
      </c>
      <c r="D3357">
        <f t="shared" si="158"/>
        <v>5</v>
      </c>
    </row>
    <row r="3358" spans="1:4" x14ac:dyDescent="0.25">
      <c r="A3358" s="7">
        <f t="shared" si="159"/>
        <v>44701.583333325209</v>
      </c>
      <c r="B3358" s="8">
        <v>16.957587625455282</v>
      </c>
      <c r="C3358">
        <f t="shared" si="157"/>
        <v>14</v>
      </c>
      <c r="D3358">
        <f t="shared" si="158"/>
        <v>5</v>
      </c>
    </row>
    <row r="3359" spans="1:4" x14ac:dyDescent="0.25">
      <c r="A3359" s="7">
        <f t="shared" si="159"/>
        <v>44701.624999991873</v>
      </c>
      <c r="B3359" s="8">
        <v>6.3646042580300453</v>
      </c>
      <c r="C3359">
        <f t="shared" si="157"/>
        <v>15</v>
      </c>
      <c r="D3359">
        <f t="shared" si="158"/>
        <v>5</v>
      </c>
    </row>
    <row r="3360" spans="1:4" x14ac:dyDescent="0.25">
      <c r="A3360" s="7">
        <f t="shared" si="159"/>
        <v>44701.666666658537</v>
      </c>
      <c r="B3360" s="8">
        <v>7.424758418036471</v>
      </c>
      <c r="C3360">
        <f t="shared" si="157"/>
        <v>16</v>
      </c>
      <c r="D3360">
        <f t="shared" si="158"/>
        <v>5</v>
      </c>
    </row>
    <row r="3361" spans="1:4" x14ac:dyDescent="0.25">
      <c r="A3361" s="7">
        <f t="shared" si="159"/>
        <v>44701.708333325201</v>
      </c>
      <c r="B3361" s="8">
        <v>6.0409043615709992</v>
      </c>
      <c r="C3361">
        <f t="shared" si="157"/>
        <v>17</v>
      </c>
      <c r="D3361">
        <f t="shared" si="158"/>
        <v>5</v>
      </c>
    </row>
    <row r="3362" spans="1:4" x14ac:dyDescent="0.25">
      <c r="A3362" s="7">
        <f t="shared" si="159"/>
        <v>44701.749999991865</v>
      </c>
      <c r="B3362" s="8">
        <v>2.3109279050581764</v>
      </c>
      <c r="C3362">
        <f t="shared" si="157"/>
        <v>18</v>
      </c>
      <c r="D3362">
        <f t="shared" si="158"/>
        <v>5</v>
      </c>
    </row>
    <row r="3363" spans="1:4" x14ac:dyDescent="0.25">
      <c r="A3363" s="7">
        <f t="shared" si="159"/>
        <v>44701.79166665853</v>
      </c>
      <c r="B3363" s="8">
        <v>0.72124443728452525</v>
      </c>
      <c r="C3363">
        <f t="shared" si="157"/>
        <v>19</v>
      </c>
      <c r="D3363">
        <f t="shared" si="158"/>
        <v>5</v>
      </c>
    </row>
    <row r="3364" spans="1:4" x14ac:dyDescent="0.25">
      <c r="A3364" s="7">
        <f t="shared" si="159"/>
        <v>44701.833333325194</v>
      </c>
      <c r="B3364" s="8">
        <v>-4.9800999999999998E-2</v>
      </c>
      <c r="C3364">
        <f t="shared" si="157"/>
        <v>20</v>
      </c>
      <c r="D3364">
        <f t="shared" si="158"/>
        <v>5</v>
      </c>
    </row>
    <row r="3365" spans="1:4" x14ac:dyDescent="0.25">
      <c r="A3365" s="7">
        <f t="shared" si="159"/>
        <v>44701.874999991858</v>
      </c>
      <c r="B3365" s="8">
        <v>-4.9800999999999998E-2</v>
      </c>
      <c r="C3365">
        <f t="shared" si="157"/>
        <v>21</v>
      </c>
      <c r="D3365">
        <f t="shared" si="158"/>
        <v>5</v>
      </c>
    </row>
    <row r="3366" spans="1:4" x14ac:dyDescent="0.25">
      <c r="A3366" s="7">
        <f t="shared" si="159"/>
        <v>44701.916666658522</v>
      </c>
      <c r="B3366" s="8">
        <v>-4.9800999999999998E-2</v>
      </c>
      <c r="C3366">
        <f t="shared" si="157"/>
        <v>22</v>
      </c>
      <c r="D3366">
        <f t="shared" si="158"/>
        <v>5</v>
      </c>
    </row>
    <row r="3367" spans="1:4" x14ac:dyDescent="0.25">
      <c r="A3367" s="7">
        <f t="shared" si="159"/>
        <v>44701.958333325187</v>
      </c>
      <c r="B3367" s="8">
        <v>-4.9800999999999998E-2</v>
      </c>
      <c r="C3367">
        <f t="shared" si="157"/>
        <v>23</v>
      </c>
      <c r="D3367">
        <f t="shared" si="158"/>
        <v>5</v>
      </c>
    </row>
    <row r="3368" spans="1:4" x14ac:dyDescent="0.25">
      <c r="A3368" s="7">
        <f t="shared" si="159"/>
        <v>44701.999999991851</v>
      </c>
      <c r="B3368" s="8">
        <v>-4.9800999999999998E-2</v>
      </c>
      <c r="C3368">
        <f t="shared" si="157"/>
        <v>0</v>
      </c>
      <c r="D3368">
        <f t="shared" si="158"/>
        <v>5</v>
      </c>
    </row>
    <row r="3369" spans="1:4" x14ac:dyDescent="0.25">
      <c r="A3369" s="7">
        <f t="shared" si="159"/>
        <v>44702.041666658515</v>
      </c>
      <c r="B3369" s="8">
        <v>-4.9800999999999998E-2</v>
      </c>
      <c r="C3369">
        <f t="shared" si="157"/>
        <v>1</v>
      </c>
      <c r="D3369">
        <f t="shared" si="158"/>
        <v>5</v>
      </c>
    </row>
    <row r="3370" spans="1:4" x14ac:dyDescent="0.25">
      <c r="A3370" s="7">
        <f t="shared" si="159"/>
        <v>44702.083333325179</v>
      </c>
      <c r="B3370" s="8">
        <v>-4.9800999999999998E-2</v>
      </c>
      <c r="C3370">
        <f t="shared" si="157"/>
        <v>2</v>
      </c>
      <c r="D3370">
        <f t="shared" si="158"/>
        <v>5</v>
      </c>
    </row>
    <row r="3371" spans="1:4" x14ac:dyDescent="0.25">
      <c r="A3371" s="7">
        <f t="shared" si="159"/>
        <v>44702.124999991844</v>
      </c>
      <c r="B3371" s="8">
        <v>-4.9800999999999998E-2</v>
      </c>
      <c r="C3371">
        <f t="shared" si="157"/>
        <v>3</v>
      </c>
      <c r="D3371">
        <f t="shared" si="158"/>
        <v>5</v>
      </c>
    </row>
    <row r="3372" spans="1:4" x14ac:dyDescent="0.25">
      <c r="A3372" s="7">
        <f t="shared" si="159"/>
        <v>44702.166666658508</v>
      </c>
      <c r="B3372" s="8">
        <v>-4.9800999999999998E-2</v>
      </c>
      <c r="C3372">
        <f t="shared" si="157"/>
        <v>4</v>
      </c>
      <c r="D3372">
        <f t="shared" si="158"/>
        <v>5</v>
      </c>
    </row>
    <row r="3373" spans="1:4" x14ac:dyDescent="0.25">
      <c r="A3373" s="7">
        <f t="shared" si="159"/>
        <v>44702.208333325172</v>
      </c>
      <c r="B3373" s="8">
        <v>-4.9800999999999998E-2</v>
      </c>
      <c r="C3373">
        <f t="shared" si="157"/>
        <v>5</v>
      </c>
      <c r="D3373">
        <f t="shared" si="158"/>
        <v>5</v>
      </c>
    </row>
    <row r="3374" spans="1:4" x14ac:dyDescent="0.25">
      <c r="A3374" s="7">
        <f t="shared" si="159"/>
        <v>44702.249999991836</v>
      </c>
      <c r="B3374" s="8">
        <v>-4.9800999999999998E-2</v>
      </c>
      <c r="C3374">
        <f t="shared" si="157"/>
        <v>6</v>
      </c>
      <c r="D3374">
        <f t="shared" si="158"/>
        <v>5</v>
      </c>
    </row>
    <row r="3375" spans="1:4" x14ac:dyDescent="0.25">
      <c r="A3375" s="7">
        <f t="shared" si="159"/>
        <v>44702.291666658501</v>
      </c>
      <c r="B3375" s="8">
        <v>1.9275440237293517</v>
      </c>
      <c r="C3375">
        <f t="shared" si="157"/>
        <v>7</v>
      </c>
      <c r="D3375">
        <f t="shared" si="158"/>
        <v>5</v>
      </c>
    </row>
    <row r="3376" spans="1:4" x14ac:dyDescent="0.25">
      <c r="A3376" s="7">
        <f t="shared" si="159"/>
        <v>44702.333333325165</v>
      </c>
      <c r="B3376" s="8">
        <v>5.2857361784355366</v>
      </c>
      <c r="C3376">
        <f t="shared" si="157"/>
        <v>8</v>
      </c>
      <c r="D3376">
        <f t="shared" si="158"/>
        <v>5</v>
      </c>
    </row>
    <row r="3377" spans="1:4" x14ac:dyDescent="0.25">
      <c r="A3377" s="7">
        <f t="shared" si="159"/>
        <v>44702.374999991829</v>
      </c>
      <c r="B3377" s="8">
        <v>12.424344151839826</v>
      </c>
      <c r="C3377">
        <f t="shared" si="157"/>
        <v>9</v>
      </c>
      <c r="D3377">
        <f t="shared" si="158"/>
        <v>5</v>
      </c>
    </row>
    <row r="3378" spans="1:4" x14ac:dyDescent="0.25">
      <c r="A3378" s="7">
        <f t="shared" si="159"/>
        <v>44702.416666658493</v>
      </c>
      <c r="B3378" s="8">
        <v>17.944793776740259</v>
      </c>
      <c r="C3378">
        <f t="shared" si="157"/>
        <v>10</v>
      </c>
      <c r="D3378">
        <f t="shared" si="158"/>
        <v>5</v>
      </c>
    </row>
    <row r="3379" spans="1:4" x14ac:dyDescent="0.25">
      <c r="A3379" s="7">
        <f t="shared" si="159"/>
        <v>44702.458333325158</v>
      </c>
      <c r="B3379" s="8">
        <v>15.29647424586255</v>
      </c>
      <c r="C3379">
        <f t="shared" si="157"/>
        <v>11</v>
      </c>
      <c r="D3379">
        <f t="shared" si="158"/>
        <v>5</v>
      </c>
    </row>
    <row r="3380" spans="1:4" x14ac:dyDescent="0.25">
      <c r="A3380" s="7">
        <f t="shared" si="159"/>
        <v>44702.499999991822</v>
      </c>
      <c r="B3380" s="8">
        <v>9.8268855049621138</v>
      </c>
      <c r="C3380">
        <f t="shared" si="157"/>
        <v>12</v>
      </c>
      <c r="D3380">
        <f t="shared" si="158"/>
        <v>5</v>
      </c>
    </row>
    <row r="3381" spans="1:4" x14ac:dyDescent="0.25">
      <c r="A3381" s="7">
        <f t="shared" si="159"/>
        <v>44702.541666658486</v>
      </c>
      <c r="B3381" s="8">
        <v>7.7508957205879181</v>
      </c>
      <c r="C3381">
        <f t="shared" si="157"/>
        <v>13</v>
      </c>
      <c r="D3381">
        <f t="shared" si="158"/>
        <v>5</v>
      </c>
    </row>
    <row r="3382" spans="1:4" x14ac:dyDescent="0.25">
      <c r="A3382" s="7">
        <f t="shared" si="159"/>
        <v>44702.58333332515</v>
      </c>
      <c r="B3382" s="8">
        <v>14.187829617929079</v>
      </c>
      <c r="C3382">
        <f t="shared" si="157"/>
        <v>14</v>
      </c>
      <c r="D3382">
        <f t="shared" si="158"/>
        <v>5</v>
      </c>
    </row>
    <row r="3383" spans="1:4" x14ac:dyDescent="0.25">
      <c r="A3383" s="7">
        <f t="shared" si="159"/>
        <v>44702.624999991815</v>
      </c>
      <c r="B3383" s="8">
        <v>18.683777171175905</v>
      </c>
      <c r="C3383">
        <f t="shared" si="157"/>
        <v>15</v>
      </c>
      <c r="D3383">
        <f t="shared" si="158"/>
        <v>5</v>
      </c>
    </row>
    <row r="3384" spans="1:4" x14ac:dyDescent="0.25">
      <c r="A3384" s="7">
        <f t="shared" si="159"/>
        <v>44702.666666658479</v>
      </c>
      <c r="B3384" s="8">
        <v>13.075704600831109</v>
      </c>
      <c r="C3384">
        <f t="shared" si="157"/>
        <v>16</v>
      </c>
      <c r="D3384">
        <f t="shared" si="158"/>
        <v>5</v>
      </c>
    </row>
    <row r="3385" spans="1:4" x14ac:dyDescent="0.25">
      <c r="A3385" s="7">
        <f t="shared" si="159"/>
        <v>44702.708333325143</v>
      </c>
      <c r="B3385" s="8">
        <v>6.0552422869652842</v>
      </c>
      <c r="C3385">
        <f t="shared" si="157"/>
        <v>17</v>
      </c>
      <c r="D3385">
        <f t="shared" si="158"/>
        <v>5</v>
      </c>
    </row>
    <row r="3386" spans="1:4" x14ac:dyDescent="0.25">
      <c r="A3386" s="7">
        <f t="shared" si="159"/>
        <v>44702.749999991807</v>
      </c>
      <c r="B3386" s="8">
        <v>2.472095585704964</v>
      </c>
      <c r="C3386">
        <f t="shared" si="157"/>
        <v>18</v>
      </c>
      <c r="D3386">
        <f t="shared" si="158"/>
        <v>5</v>
      </c>
    </row>
    <row r="3387" spans="1:4" x14ac:dyDescent="0.25">
      <c r="A3387" s="7">
        <f t="shared" si="159"/>
        <v>44702.791666658472</v>
      </c>
      <c r="B3387" s="8">
        <v>0.5055149317168941</v>
      </c>
      <c r="C3387">
        <f t="shared" si="157"/>
        <v>19</v>
      </c>
      <c r="D3387">
        <f t="shared" si="158"/>
        <v>5</v>
      </c>
    </row>
    <row r="3388" spans="1:4" x14ac:dyDescent="0.25">
      <c r="A3388" s="7">
        <f t="shared" si="159"/>
        <v>44702.833333325136</v>
      </c>
      <c r="B3388" s="8">
        <v>-4.9800999999999998E-2</v>
      </c>
      <c r="C3388">
        <f t="shared" si="157"/>
        <v>20</v>
      </c>
      <c r="D3388">
        <f t="shared" si="158"/>
        <v>5</v>
      </c>
    </row>
    <row r="3389" spans="1:4" x14ac:dyDescent="0.25">
      <c r="A3389" s="7">
        <f t="shared" si="159"/>
        <v>44702.8749999918</v>
      </c>
      <c r="B3389" s="8">
        <v>-4.9800999999999998E-2</v>
      </c>
      <c r="C3389">
        <f t="shared" si="157"/>
        <v>21</v>
      </c>
      <c r="D3389">
        <f t="shared" si="158"/>
        <v>5</v>
      </c>
    </row>
    <row r="3390" spans="1:4" x14ac:dyDescent="0.25">
      <c r="A3390" s="7">
        <f t="shared" si="159"/>
        <v>44702.916666658464</v>
      </c>
      <c r="B3390" s="8">
        <v>-4.9800999999999998E-2</v>
      </c>
      <c r="C3390">
        <f t="shared" si="157"/>
        <v>22</v>
      </c>
      <c r="D3390">
        <f t="shared" si="158"/>
        <v>5</v>
      </c>
    </row>
    <row r="3391" spans="1:4" x14ac:dyDescent="0.25">
      <c r="A3391" s="7">
        <f t="shared" si="159"/>
        <v>44702.958333325128</v>
      </c>
      <c r="B3391" s="8">
        <v>-4.9800999999999998E-2</v>
      </c>
      <c r="C3391">
        <f t="shared" si="157"/>
        <v>23</v>
      </c>
      <c r="D3391">
        <f t="shared" si="158"/>
        <v>5</v>
      </c>
    </row>
    <row r="3392" spans="1:4" x14ac:dyDescent="0.25">
      <c r="A3392" s="7">
        <f t="shared" si="159"/>
        <v>44702.999999991793</v>
      </c>
      <c r="B3392" s="8">
        <v>-4.9800999999999998E-2</v>
      </c>
      <c r="C3392">
        <f t="shared" si="157"/>
        <v>0</v>
      </c>
      <c r="D3392">
        <f t="shared" si="158"/>
        <v>5</v>
      </c>
    </row>
    <row r="3393" spans="1:4" x14ac:dyDescent="0.25">
      <c r="A3393" s="7">
        <f t="shared" si="159"/>
        <v>44703.041666658457</v>
      </c>
      <c r="B3393" s="8">
        <v>-4.9800999999999998E-2</v>
      </c>
      <c r="C3393">
        <f t="shared" si="157"/>
        <v>1</v>
      </c>
      <c r="D3393">
        <f t="shared" si="158"/>
        <v>5</v>
      </c>
    </row>
    <row r="3394" spans="1:4" x14ac:dyDescent="0.25">
      <c r="A3394" s="7">
        <f t="shared" si="159"/>
        <v>44703.083333325121</v>
      </c>
      <c r="B3394" s="8">
        <v>-4.9800999999999998E-2</v>
      </c>
      <c r="C3394">
        <f t="shared" si="157"/>
        <v>2</v>
      </c>
      <c r="D3394">
        <f t="shared" si="158"/>
        <v>5</v>
      </c>
    </row>
    <row r="3395" spans="1:4" x14ac:dyDescent="0.25">
      <c r="A3395" s="7">
        <f t="shared" si="159"/>
        <v>44703.124999991785</v>
      </c>
      <c r="B3395" s="8">
        <v>-4.9800999999999998E-2</v>
      </c>
      <c r="C3395">
        <f t="shared" si="157"/>
        <v>3</v>
      </c>
      <c r="D3395">
        <f t="shared" si="158"/>
        <v>5</v>
      </c>
    </row>
    <row r="3396" spans="1:4" x14ac:dyDescent="0.25">
      <c r="A3396" s="7">
        <f t="shared" si="159"/>
        <v>44703.16666665845</v>
      </c>
      <c r="B3396" s="8">
        <v>-4.9800999999999998E-2</v>
      </c>
      <c r="C3396">
        <f t="shared" si="157"/>
        <v>4</v>
      </c>
      <c r="D3396">
        <f t="shared" si="158"/>
        <v>5</v>
      </c>
    </row>
    <row r="3397" spans="1:4" x14ac:dyDescent="0.25">
      <c r="A3397" s="7">
        <f t="shared" si="159"/>
        <v>44703.208333325114</v>
      </c>
      <c r="B3397" s="8">
        <v>-4.9800999999999998E-2</v>
      </c>
      <c r="C3397">
        <f t="shared" si="157"/>
        <v>5</v>
      </c>
      <c r="D3397">
        <f t="shared" si="158"/>
        <v>5</v>
      </c>
    </row>
    <row r="3398" spans="1:4" x14ac:dyDescent="0.25">
      <c r="A3398" s="7">
        <f t="shared" si="159"/>
        <v>44703.249999991778</v>
      </c>
      <c r="B3398" s="8">
        <v>-4.9800999999999998E-2</v>
      </c>
      <c r="C3398">
        <f t="shared" si="157"/>
        <v>6</v>
      </c>
      <c r="D3398">
        <f t="shared" si="158"/>
        <v>5</v>
      </c>
    </row>
    <row r="3399" spans="1:4" x14ac:dyDescent="0.25">
      <c r="A3399" s="7">
        <f t="shared" si="159"/>
        <v>44703.291666658442</v>
      </c>
      <c r="B3399" s="8">
        <v>0.50899222903434038</v>
      </c>
      <c r="C3399">
        <f t="shared" si="157"/>
        <v>7</v>
      </c>
      <c r="D3399">
        <f t="shared" si="158"/>
        <v>5</v>
      </c>
    </row>
    <row r="3400" spans="1:4" x14ac:dyDescent="0.25">
      <c r="A3400" s="7">
        <f t="shared" si="159"/>
        <v>44703.333333325107</v>
      </c>
      <c r="B3400" s="8">
        <v>1.2480457053364926</v>
      </c>
      <c r="C3400">
        <f t="shared" si="157"/>
        <v>8</v>
      </c>
      <c r="D3400">
        <f t="shared" si="158"/>
        <v>5</v>
      </c>
    </row>
    <row r="3401" spans="1:4" x14ac:dyDescent="0.25">
      <c r="A3401" s="7">
        <f t="shared" si="159"/>
        <v>44703.374999991771</v>
      </c>
      <c r="B3401" s="8">
        <v>2.4174533727607765</v>
      </c>
      <c r="C3401">
        <f t="shared" si="157"/>
        <v>9</v>
      </c>
      <c r="D3401">
        <f t="shared" si="158"/>
        <v>5</v>
      </c>
    </row>
    <row r="3402" spans="1:4" x14ac:dyDescent="0.25">
      <c r="A3402" s="7">
        <f t="shared" si="159"/>
        <v>44703.416666658435</v>
      </c>
      <c r="B3402" s="8">
        <v>7.573295903477181</v>
      </c>
      <c r="C3402">
        <f t="shared" ref="C3402:C3465" si="160">HOUR(A3402)</f>
        <v>10</v>
      </c>
      <c r="D3402">
        <f t="shared" ref="D3402:D3465" si="161">MONTH(A3402)</f>
        <v>5</v>
      </c>
    </row>
    <row r="3403" spans="1:4" x14ac:dyDescent="0.25">
      <c r="A3403" s="7">
        <f t="shared" ref="A3403:A3466" si="162">+A3402+1/24</f>
        <v>44703.458333325099</v>
      </c>
      <c r="B3403" s="8">
        <v>4.6348941291332508</v>
      </c>
      <c r="C3403">
        <f t="shared" si="160"/>
        <v>11</v>
      </c>
      <c r="D3403">
        <f t="shared" si="161"/>
        <v>5</v>
      </c>
    </row>
    <row r="3404" spans="1:4" x14ac:dyDescent="0.25">
      <c r="A3404" s="7">
        <f t="shared" si="162"/>
        <v>44703.499999991764</v>
      </c>
      <c r="B3404" s="8">
        <v>4.7498943496044825</v>
      </c>
      <c r="C3404">
        <f t="shared" si="160"/>
        <v>12</v>
      </c>
      <c r="D3404">
        <f t="shared" si="161"/>
        <v>5</v>
      </c>
    </row>
    <row r="3405" spans="1:4" x14ac:dyDescent="0.25">
      <c r="A3405" s="7">
        <f t="shared" si="162"/>
        <v>44703.541666658428</v>
      </c>
      <c r="B3405" s="8">
        <v>3.8319332048887365</v>
      </c>
      <c r="C3405">
        <f t="shared" si="160"/>
        <v>13</v>
      </c>
      <c r="D3405">
        <f t="shared" si="161"/>
        <v>5</v>
      </c>
    </row>
    <row r="3406" spans="1:4" x14ac:dyDescent="0.25">
      <c r="A3406" s="7">
        <f t="shared" si="162"/>
        <v>44703.583333325092</v>
      </c>
      <c r="B3406" s="8">
        <v>3.5002553124206952</v>
      </c>
      <c r="C3406">
        <f t="shared" si="160"/>
        <v>14</v>
      </c>
      <c r="D3406">
        <f t="shared" si="161"/>
        <v>5</v>
      </c>
    </row>
    <row r="3407" spans="1:4" x14ac:dyDescent="0.25">
      <c r="A3407" s="7">
        <f t="shared" si="162"/>
        <v>44703.624999991756</v>
      </c>
      <c r="B3407" s="8">
        <v>5.9611429525633506</v>
      </c>
      <c r="C3407">
        <f t="shared" si="160"/>
        <v>15</v>
      </c>
      <c r="D3407">
        <f t="shared" si="161"/>
        <v>5</v>
      </c>
    </row>
    <row r="3408" spans="1:4" x14ac:dyDescent="0.25">
      <c r="A3408" s="7">
        <f t="shared" si="162"/>
        <v>44703.666666658421</v>
      </c>
      <c r="B3408" s="8">
        <v>11.502672790662075</v>
      </c>
      <c r="C3408">
        <f t="shared" si="160"/>
        <v>16</v>
      </c>
      <c r="D3408">
        <f t="shared" si="161"/>
        <v>5</v>
      </c>
    </row>
    <row r="3409" spans="1:4" x14ac:dyDescent="0.25">
      <c r="A3409" s="7">
        <f t="shared" si="162"/>
        <v>44703.708333325085</v>
      </c>
      <c r="B3409" s="8">
        <v>9.2595727956077809</v>
      </c>
      <c r="C3409">
        <f t="shared" si="160"/>
        <v>17</v>
      </c>
      <c r="D3409">
        <f t="shared" si="161"/>
        <v>5</v>
      </c>
    </row>
    <row r="3410" spans="1:4" x14ac:dyDescent="0.25">
      <c r="A3410" s="7">
        <f t="shared" si="162"/>
        <v>44703.749999991749</v>
      </c>
      <c r="B3410" s="8">
        <v>3.4991845027251327</v>
      </c>
      <c r="C3410">
        <f t="shared" si="160"/>
        <v>18</v>
      </c>
      <c r="D3410">
        <f t="shared" si="161"/>
        <v>5</v>
      </c>
    </row>
    <row r="3411" spans="1:4" x14ac:dyDescent="0.25">
      <c r="A3411" s="7">
        <f t="shared" si="162"/>
        <v>44703.791666658413</v>
      </c>
      <c r="B3411" s="8">
        <v>1.5959217845082403</v>
      </c>
      <c r="C3411">
        <f t="shared" si="160"/>
        <v>19</v>
      </c>
      <c r="D3411">
        <f t="shared" si="161"/>
        <v>5</v>
      </c>
    </row>
    <row r="3412" spans="1:4" x14ac:dyDescent="0.25">
      <c r="A3412" s="7">
        <f t="shared" si="162"/>
        <v>44703.833333325078</v>
      </c>
      <c r="B3412" s="8">
        <v>-4.9800999999999998E-2</v>
      </c>
      <c r="C3412">
        <f t="shared" si="160"/>
        <v>20</v>
      </c>
      <c r="D3412">
        <f t="shared" si="161"/>
        <v>5</v>
      </c>
    </row>
    <row r="3413" spans="1:4" x14ac:dyDescent="0.25">
      <c r="A3413" s="7">
        <f t="shared" si="162"/>
        <v>44703.874999991742</v>
      </c>
      <c r="B3413" s="8">
        <v>-4.9800999999999998E-2</v>
      </c>
      <c r="C3413">
        <f t="shared" si="160"/>
        <v>21</v>
      </c>
      <c r="D3413">
        <f t="shared" si="161"/>
        <v>5</v>
      </c>
    </row>
    <row r="3414" spans="1:4" x14ac:dyDescent="0.25">
      <c r="A3414" s="7">
        <f t="shared" si="162"/>
        <v>44703.916666658406</v>
      </c>
      <c r="B3414" s="8">
        <v>-4.9800999999999998E-2</v>
      </c>
      <c r="C3414">
        <f t="shared" si="160"/>
        <v>22</v>
      </c>
      <c r="D3414">
        <f t="shared" si="161"/>
        <v>5</v>
      </c>
    </row>
    <row r="3415" spans="1:4" x14ac:dyDescent="0.25">
      <c r="A3415" s="7">
        <f t="shared" si="162"/>
        <v>44703.95833332507</v>
      </c>
      <c r="B3415" s="8">
        <v>-4.9800999999999998E-2</v>
      </c>
      <c r="C3415">
        <f t="shared" si="160"/>
        <v>23</v>
      </c>
      <c r="D3415">
        <f t="shared" si="161"/>
        <v>5</v>
      </c>
    </row>
    <row r="3416" spans="1:4" x14ac:dyDescent="0.25">
      <c r="A3416" s="7">
        <f t="shared" si="162"/>
        <v>44703.999999991735</v>
      </c>
      <c r="B3416" s="8">
        <v>-4.9800999999999998E-2</v>
      </c>
      <c r="C3416">
        <f t="shared" si="160"/>
        <v>0</v>
      </c>
      <c r="D3416">
        <f t="shared" si="161"/>
        <v>5</v>
      </c>
    </row>
    <row r="3417" spans="1:4" x14ac:dyDescent="0.25">
      <c r="A3417" s="7">
        <f t="shared" si="162"/>
        <v>44704.041666658399</v>
      </c>
      <c r="B3417" s="8">
        <v>-4.9800999999999998E-2</v>
      </c>
      <c r="C3417">
        <f t="shared" si="160"/>
        <v>1</v>
      </c>
      <c r="D3417">
        <f t="shared" si="161"/>
        <v>5</v>
      </c>
    </row>
    <row r="3418" spans="1:4" x14ac:dyDescent="0.25">
      <c r="A3418" s="7">
        <f t="shared" si="162"/>
        <v>44704.083333325063</v>
      </c>
      <c r="B3418" s="8">
        <v>-4.9800999999999998E-2</v>
      </c>
      <c r="C3418">
        <f t="shared" si="160"/>
        <v>2</v>
      </c>
      <c r="D3418">
        <f t="shared" si="161"/>
        <v>5</v>
      </c>
    </row>
    <row r="3419" spans="1:4" x14ac:dyDescent="0.25">
      <c r="A3419" s="7">
        <f t="shared" si="162"/>
        <v>44704.124999991727</v>
      </c>
      <c r="B3419" s="8">
        <v>-4.9800999999999998E-2</v>
      </c>
      <c r="C3419">
        <f t="shared" si="160"/>
        <v>3</v>
      </c>
      <c r="D3419">
        <f t="shared" si="161"/>
        <v>5</v>
      </c>
    </row>
    <row r="3420" spans="1:4" x14ac:dyDescent="0.25">
      <c r="A3420" s="7">
        <f t="shared" si="162"/>
        <v>44704.166666658391</v>
      </c>
      <c r="B3420" s="8">
        <v>-4.9800999999999998E-2</v>
      </c>
      <c r="C3420">
        <f t="shared" si="160"/>
        <v>4</v>
      </c>
      <c r="D3420">
        <f t="shared" si="161"/>
        <v>5</v>
      </c>
    </row>
    <row r="3421" spans="1:4" x14ac:dyDescent="0.25">
      <c r="A3421" s="7">
        <f t="shared" si="162"/>
        <v>44704.208333325056</v>
      </c>
      <c r="B3421" s="8">
        <v>-4.9800999999999998E-2</v>
      </c>
      <c r="C3421">
        <f t="shared" si="160"/>
        <v>5</v>
      </c>
      <c r="D3421">
        <f t="shared" si="161"/>
        <v>5</v>
      </c>
    </row>
    <row r="3422" spans="1:4" x14ac:dyDescent="0.25">
      <c r="A3422" s="7">
        <f t="shared" si="162"/>
        <v>44704.24999999172</v>
      </c>
      <c r="B3422" s="8">
        <v>-4.9800999999999998E-2</v>
      </c>
      <c r="C3422">
        <f t="shared" si="160"/>
        <v>6</v>
      </c>
      <c r="D3422">
        <f t="shared" si="161"/>
        <v>5</v>
      </c>
    </row>
    <row r="3423" spans="1:4" x14ac:dyDescent="0.25">
      <c r="A3423" s="7">
        <f t="shared" si="162"/>
        <v>44704.291666658384</v>
      </c>
      <c r="B3423" s="8">
        <v>2.0560463402752314</v>
      </c>
      <c r="C3423">
        <f t="shared" si="160"/>
        <v>7</v>
      </c>
      <c r="D3423">
        <f t="shared" si="161"/>
        <v>5</v>
      </c>
    </row>
    <row r="3424" spans="1:4" x14ac:dyDescent="0.25">
      <c r="A3424" s="7">
        <f t="shared" si="162"/>
        <v>44704.333333325048</v>
      </c>
      <c r="B3424" s="8">
        <v>6.8910829433729548</v>
      </c>
      <c r="C3424">
        <f t="shared" si="160"/>
        <v>8</v>
      </c>
      <c r="D3424">
        <f t="shared" si="161"/>
        <v>5</v>
      </c>
    </row>
    <row r="3425" spans="1:4" x14ac:dyDescent="0.25">
      <c r="A3425" s="7">
        <f t="shared" si="162"/>
        <v>44704.374999991713</v>
      </c>
      <c r="B3425" s="8">
        <v>13.429640700224132</v>
      </c>
      <c r="C3425">
        <f t="shared" si="160"/>
        <v>9</v>
      </c>
      <c r="D3425">
        <f t="shared" si="161"/>
        <v>5</v>
      </c>
    </row>
    <row r="3426" spans="1:4" x14ac:dyDescent="0.25">
      <c r="A3426" s="7">
        <f t="shared" si="162"/>
        <v>44704.416666658377</v>
      </c>
      <c r="B3426" s="8">
        <v>18.511616943644743</v>
      </c>
      <c r="C3426">
        <f t="shared" si="160"/>
        <v>10</v>
      </c>
      <c r="D3426">
        <f t="shared" si="161"/>
        <v>5</v>
      </c>
    </row>
    <row r="3427" spans="1:4" x14ac:dyDescent="0.25">
      <c r="A3427" s="7">
        <f t="shared" si="162"/>
        <v>44704.458333325041</v>
      </c>
      <c r="B3427" s="8">
        <v>20.451297497667586</v>
      </c>
      <c r="C3427">
        <f t="shared" si="160"/>
        <v>11</v>
      </c>
      <c r="D3427">
        <f t="shared" si="161"/>
        <v>5</v>
      </c>
    </row>
    <row r="3428" spans="1:4" x14ac:dyDescent="0.25">
      <c r="A3428" s="7">
        <f t="shared" si="162"/>
        <v>44704.499999991705</v>
      </c>
      <c r="B3428" s="8">
        <v>14.181171840611146</v>
      </c>
      <c r="C3428">
        <f t="shared" si="160"/>
        <v>12</v>
      </c>
      <c r="D3428">
        <f t="shared" si="161"/>
        <v>5</v>
      </c>
    </row>
    <row r="3429" spans="1:4" x14ac:dyDescent="0.25">
      <c r="A3429" s="7">
        <f t="shared" si="162"/>
        <v>44704.54166665837</v>
      </c>
      <c r="B3429" s="8">
        <v>19.307403752113697</v>
      </c>
      <c r="C3429">
        <f t="shared" si="160"/>
        <v>13</v>
      </c>
      <c r="D3429">
        <f t="shared" si="161"/>
        <v>5</v>
      </c>
    </row>
    <row r="3430" spans="1:4" x14ac:dyDescent="0.25">
      <c r="A3430" s="7">
        <f t="shared" si="162"/>
        <v>44704.583333325034</v>
      </c>
      <c r="B3430" s="8">
        <v>10.161928357638057</v>
      </c>
      <c r="C3430">
        <f t="shared" si="160"/>
        <v>14</v>
      </c>
      <c r="D3430">
        <f t="shared" si="161"/>
        <v>5</v>
      </c>
    </row>
    <row r="3431" spans="1:4" x14ac:dyDescent="0.25">
      <c r="A3431" s="7">
        <f t="shared" si="162"/>
        <v>44704.624999991698</v>
      </c>
      <c r="B3431" s="8">
        <v>10.54410332676968</v>
      </c>
      <c r="C3431">
        <f t="shared" si="160"/>
        <v>15</v>
      </c>
      <c r="D3431">
        <f t="shared" si="161"/>
        <v>5</v>
      </c>
    </row>
    <row r="3432" spans="1:4" x14ac:dyDescent="0.25">
      <c r="A3432" s="7">
        <f t="shared" si="162"/>
        <v>44704.666666658362</v>
      </c>
      <c r="B3432" s="8">
        <v>6.0807304434435787</v>
      </c>
      <c r="C3432">
        <f t="shared" si="160"/>
        <v>16</v>
      </c>
      <c r="D3432">
        <f t="shared" si="161"/>
        <v>5</v>
      </c>
    </row>
    <row r="3433" spans="1:4" x14ac:dyDescent="0.25">
      <c r="A3433" s="7">
        <f t="shared" si="162"/>
        <v>44704.708333325027</v>
      </c>
      <c r="B3433" s="8">
        <v>9.5497343964816626</v>
      </c>
      <c r="C3433">
        <f t="shared" si="160"/>
        <v>17</v>
      </c>
      <c r="D3433">
        <f t="shared" si="161"/>
        <v>5</v>
      </c>
    </row>
    <row r="3434" spans="1:4" x14ac:dyDescent="0.25">
      <c r="A3434" s="7">
        <f t="shared" si="162"/>
        <v>44704.749999991691</v>
      </c>
      <c r="B3434" s="8">
        <v>6.6536342428830171</v>
      </c>
      <c r="C3434">
        <f t="shared" si="160"/>
        <v>18</v>
      </c>
      <c r="D3434">
        <f t="shared" si="161"/>
        <v>5</v>
      </c>
    </row>
    <row r="3435" spans="1:4" x14ac:dyDescent="0.25">
      <c r="A3435" s="7">
        <f t="shared" si="162"/>
        <v>44704.791666658355</v>
      </c>
      <c r="B3435" s="8">
        <v>1.7549251722188577</v>
      </c>
      <c r="C3435">
        <f t="shared" si="160"/>
        <v>19</v>
      </c>
      <c r="D3435">
        <f t="shared" si="161"/>
        <v>5</v>
      </c>
    </row>
    <row r="3436" spans="1:4" x14ac:dyDescent="0.25">
      <c r="A3436" s="7">
        <f t="shared" si="162"/>
        <v>44704.833333325019</v>
      </c>
      <c r="B3436" s="8">
        <v>0.18918909047608456</v>
      </c>
      <c r="C3436">
        <f t="shared" si="160"/>
        <v>20</v>
      </c>
      <c r="D3436">
        <f t="shared" si="161"/>
        <v>5</v>
      </c>
    </row>
    <row r="3437" spans="1:4" x14ac:dyDescent="0.25">
      <c r="A3437" s="7">
        <f t="shared" si="162"/>
        <v>44704.874999991684</v>
      </c>
      <c r="B3437" s="8">
        <v>-4.9800999999999998E-2</v>
      </c>
      <c r="C3437">
        <f t="shared" si="160"/>
        <v>21</v>
      </c>
      <c r="D3437">
        <f t="shared" si="161"/>
        <v>5</v>
      </c>
    </row>
    <row r="3438" spans="1:4" x14ac:dyDescent="0.25">
      <c r="A3438" s="7">
        <f t="shared" si="162"/>
        <v>44704.916666658348</v>
      </c>
      <c r="B3438" s="8">
        <v>-4.9800999999999998E-2</v>
      </c>
      <c r="C3438">
        <f t="shared" si="160"/>
        <v>22</v>
      </c>
      <c r="D3438">
        <f t="shared" si="161"/>
        <v>5</v>
      </c>
    </row>
    <row r="3439" spans="1:4" x14ac:dyDescent="0.25">
      <c r="A3439" s="7">
        <f t="shared" si="162"/>
        <v>44704.958333325012</v>
      </c>
      <c r="B3439" s="8">
        <v>-4.9800999999999998E-2</v>
      </c>
      <c r="C3439">
        <f t="shared" si="160"/>
        <v>23</v>
      </c>
      <c r="D3439">
        <f t="shared" si="161"/>
        <v>5</v>
      </c>
    </row>
    <row r="3440" spans="1:4" x14ac:dyDescent="0.25">
      <c r="A3440" s="7">
        <f t="shared" si="162"/>
        <v>44704.999999991676</v>
      </c>
      <c r="B3440" s="8">
        <v>-4.9800999999999998E-2</v>
      </c>
      <c r="C3440">
        <f t="shared" si="160"/>
        <v>0</v>
      </c>
      <c r="D3440">
        <f t="shared" si="161"/>
        <v>5</v>
      </c>
    </row>
    <row r="3441" spans="1:4" x14ac:dyDescent="0.25">
      <c r="A3441" s="7">
        <f t="shared" si="162"/>
        <v>44705.041666658341</v>
      </c>
      <c r="B3441" s="8">
        <v>-4.9800999999999998E-2</v>
      </c>
      <c r="C3441">
        <f t="shared" si="160"/>
        <v>1</v>
      </c>
      <c r="D3441">
        <f t="shared" si="161"/>
        <v>5</v>
      </c>
    </row>
    <row r="3442" spans="1:4" x14ac:dyDescent="0.25">
      <c r="A3442" s="7">
        <f t="shared" si="162"/>
        <v>44705.083333325005</v>
      </c>
      <c r="B3442" s="8">
        <v>-4.9800999999999998E-2</v>
      </c>
      <c r="C3442">
        <f t="shared" si="160"/>
        <v>2</v>
      </c>
      <c r="D3442">
        <f t="shared" si="161"/>
        <v>5</v>
      </c>
    </row>
    <row r="3443" spans="1:4" x14ac:dyDescent="0.25">
      <c r="A3443" s="7">
        <f t="shared" si="162"/>
        <v>44705.124999991669</v>
      </c>
      <c r="B3443" s="8">
        <v>-4.9800999999999998E-2</v>
      </c>
      <c r="C3443">
        <f t="shared" si="160"/>
        <v>3</v>
      </c>
      <c r="D3443">
        <f t="shared" si="161"/>
        <v>5</v>
      </c>
    </row>
    <row r="3444" spans="1:4" x14ac:dyDescent="0.25">
      <c r="A3444" s="7">
        <f t="shared" si="162"/>
        <v>44705.166666658333</v>
      </c>
      <c r="B3444" s="8">
        <v>-4.9800999999999998E-2</v>
      </c>
      <c r="C3444">
        <f t="shared" si="160"/>
        <v>4</v>
      </c>
      <c r="D3444">
        <f t="shared" si="161"/>
        <v>5</v>
      </c>
    </row>
    <row r="3445" spans="1:4" x14ac:dyDescent="0.25">
      <c r="A3445" s="7">
        <f t="shared" si="162"/>
        <v>44705.208333324998</v>
      </c>
      <c r="B3445" s="8">
        <v>-4.9800999999999998E-2</v>
      </c>
      <c r="C3445">
        <f t="shared" si="160"/>
        <v>5</v>
      </c>
      <c r="D3445">
        <f t="shared" si="161"/>
        <v>5</v>
      </c>
    </row>
    <row r="3446" spans="1:4" x14ac:dyDescent="0.25">
      <c r="A3446" s="7">
        <f t="shared" si="162"/>
        <v>44705.249999991662</v>
      </c>
      <c r="B3446" s="8">
        <v>-4.9800999999999998E-2</v>
      </c>
      <c r="C3446">
        <f t="shared" si="160"/>
        <v>6</v>
      </c>
      <c r="D3446">
        <f t="shared" si="161"/>
        <v>5</v>
      </c>
    </row>
    <row r="3447" spans="1:4" x14ac:dyDescent="0.25">
      <c r="A3447" s="7">
        <f t="shared" si="162"/>
        <v>44705.291666658326</v>
      </c>
      <c r="B3447" s="8">
        <v>1.3409474643137447</v>
      </c>
      <c r="C3447">
        <f t="shared" si="160"/>
        <v>7</v>
      </c>
      <c r="D3447">
        <f t="shared" si="161"/>
        <v>5</v>
      </c>
    </row>
    <row r="3448" spans="1:4" x14ac:dyDescent="0.25">
      <c r="A3448" s="7">
        <f t="shared" si="162"/>
        <v>44705.33333332499</v>
      </c>
      <c r="B3448" s="8">
        <v>1.7349631770375837</v>
      </c>
      <c r="C3448">
        <f t="shared" si="160"/>
        <v>8</v>
      </c>
      <c r="D3448">
        <f t="shared" si="161"/>
        <v>5</v>
      </c>
    </row>
    <row r="3449" spans="1:4" x14ac:dyDescent="0.25">
      <c r="A3449" s="7">
        <f t="shared" si="162"/>
        <v>44705.374999991654</v>
      </c>
      <c r="B3449" s="8">
        <v>3.9317277215598483</v>
      </c>
      <c r="C3449">
        <f t="shared" si="160"/>
        <v>9</v>
      </c>
      <c r="D3449">
        <f t="shared" si="161"/>
        <v>5</v>
      </c>
    </row>
    <row r="3450" spans="1:4" x14ac:dyDescent="0.25">
      <c r="A3450" s="7">
        <f t="shared" si="162"/>
        <v>44705.416666658319</v>
      </c>
      <c r="B3450" s="8">
        <v>4.0302370604731488</v>
      </c>
      <c r="C3450">
        <f t="shared" si="160"/>
        <v>10</v>
      </c>
      <c r="D3450">
        <f t="shared" si="161"/>
        <v>5</v>
      </c>
    </row>
    <row r="3451" spans="1:4" x14ac:dyDescent="0.25">
      <c r="A3451" s="7">
        <f t="shared" si="162"/>
        <v>44705.458333324983</v>
      </c>
      <c r="B3451" s="8">
        <v>11.224368423231352</v>
      </c>
      <c r="C3451">
        <f t="shared" si="160"/>
        <v>11</v>
      </c>
      <c r="D3451">
        <f t="shared" si="161"/>
        <v>5</v>
      </c>
    </row>
    <row r="3452" spans="1:4" x14ac:dyDescent="0.25">
      <c r="A3452" s="7">
        <f t="shared" si="162"/>
        <v>44705.499999991647</v>
      </c>
      <c r="B3452" s="8">
        <v>6.0334828980313047</v>
      </c>
      <c r="C3452">
        <f t="shared" si="160"/>
        <v>12</v>
      </c>
      <c r="D3452">
        <f t="shared" si="161"/>
        <v>5</v>
      </c>
    </row>
    <row r="3453" spans="1:4" x14ac:dyDescent="0.25">
      <c r="A3453" s="7">
        <f t="shared" si="162"/>
        <v>44705.541666658311</v>
      </c>
      <c r="B3453" s="8">
        <v>6.8754330442130787</v>
      </c>
      <c r="C3453">
        <f t="shared" si="160"/>
        <v>13</v>
      </c>
      <c r="D3453">
        <f t="shared" si="161"/>
        <v>5</v>
      </c>
    </row>
    <row r="3454" spans="1:4" x14ac:dyDescent="0.25">
      <c r="A3454" s="7">
        <f t="shared" si="162"/>
        <v>44705.583333324976</v>
      </c>
      <c r="B3454" s="8">
        <v>9.0564786383246467</v>
      </c>
      <c r="C3454">
        <f t="shared" si="160"/>
        <v>14</v>
      </c>
      <c r="D3454">
        <f t="shared" si="161"/>
        <v>5</v>
      </c>
    </row>
    <row r="3455" spans="1:4" x14ac:dyDescent="0.25">
      <c r="A3455" s="7">
        <f t="shared" si="162"/>
        <v>44705.62499999164</v>
      </c>
      <c r="B3455" s="8">
        <v>16.969238735761664</v>
      </c>
      <c r="C3455">
        <f t="shared" si="160"/>
        <v>15</v>
      </c>
      <c r="D3455">
        <f t="shared" si="161"/>
        <v>5</v>
      </c>
    </row>
    <row r="3456" spans="1:4" x14ac:dyDescent="0.25">
      <c r="A3456" s="7">
        <f t="shared" si="162"/>
        <v>44705.666666658304</v>
      </c>
      <c r="B3456" s="8">
        <v>2.7341100416361153</v>
      </c>
      <c r="C3456">
        <f t="shared" si="160"/>
        <v>16</v>
      </c>
      <c r="D3456">
        <f t="shared" si="161"/>
        <v>5</v>
      </c>
    </row>
    <row r="3457" spans="1:4" x14ac:dyDescent="0.25">
      <c r="A3457" s="7">
        <f t="shared" si="162"/>
        <v>44705.708333324968</v>
      </c>
      <c r="B3457" s="8">
        <v>4.8471978681676307</v>
      </c>
      <c r="C3457">
        <f t="shared" si="160"/>
        <v>17</v>
      </c>
      <c r="D3457">
        <f t="shared" si="161"/>
        <v>5</v>
      </c>
    </row>
    <row r="3458" spans="1:4" x14ac:dyDescent="0.25">
      <c r="A3458" s="7">
        <f t="shared" si="162"/>
        <v>44705.749999991633</v>
      </c>
      <c r="B3458" s="8">
        <v>3.4780094728839197</v>
      </c>
      <c r="C3458">
        <f t="shared" si="160"/>
        <v>18</v>
      </c>
      <c r="D3458">
        <f t="shared" si="161"/>
        <v>5</v>
      </c>
    </row>
    <row r="3459" spans="1:4" x14ac:dyDescent="0.25">
      <c r="A3459" s="7">
        <f t="shared" si="162"/>
        <v>44705.791666658297</v>
      </c>
      <c r="B3459" s="8">
        <v>1.5735811283285472</v>
      </c>
      <c r="C3459">
        <f t="shared" si="160"/>
        <v>19</v>
      </c>
      <c r="D3459">
        <f t="shared" si="161"/>
        <v>5</v>
      </c>
    </row>
    <row r="3460" spans="1:4" x14ac:dyDescent="0.25">
      <c r="A3460" s="7">
        <f t="shared" si="162"/>
        <v>44705.833333324961</v>
      </c>
      <c r="B3460" s="8">
        <v>-4.9800999999999998E-2</v>
      </c>
      <c r="C3460">
        <f t="shared" si="160"/>
        <v>20</v>
      </c>
      <c r="D3460">
        <f t="shared" si="161"/>
        <v>5</v>
      </c>
    </row>
    <row r="3461" spans="1:4" x14ac:dyDescent="0.25">
      <c r="A3461" s="7">
        <f t="shared" si="162"/>
        <v>44705.874999991625</v>
      </c>
      <c r="B3461" s="8">
        <v>-4.9800999999999998E-2</v>
      </c>
      <c r="C3461">
        <f t="shared" si="160"/>
        <v>21</v>
      </c>
      <c r="D3461">
        <f t="shared" si="161"/>
        <v>5</v>
      </c>
    </row>
    <row r="3462" spans="1:4" x14ac:dyDescent="0.25">
      <c r="A3462" s="7">
        <f t="shared" si="162"/>
        <v>44705.91666665829</v>
      </c>
      <c r="B3462" s="8">
        <v>-4.9800999999999998E-2</v>
      </c>
      <c r="C3462">
        <f t="shared" si="160"/>
        <v>22</v>
      </c>
      <c r="D3462">
        <f t="shared" si="161"/>
        <v>5</v>
      </c>
    </row>
    <row r="3463" spans="1:4" x14ac:dyDescent="0.25">
      <c r="A3463" s="7">
        <f t="shared" si="162"/>
        <v>44705.958333324954</v>
      </c>
      <c r="B3463" s="8">
        <v>-4.9800999999999998E-2</v>
      </c>
      <c r="C3463">
        <f t="shared" si="160"/>
        <v>23</v>
      </c>
      <c r="D3463">
        <f t="shared" si="161"/>
        <v>5</v>
      </c>
    </row>
    <row r="3464" spans="1:4" x14ac:dyDescent="0.25">
      <c r="A3464" s="7">
        <f t="shared" si="162"/>
        <v>44705.999999991618</v>
      </c>
      <c r="B3464" s="8">
        <v>-4.9800999999999998E-2</v>
      </c>
      <c r="C3464">
        <f t="shared" si="160"/>
        <v>0</v>
      </c>
      <c r="D3464">
        <f t="shared" si="161"/>
        <v>5</v>
      </c>
    </row>
    <row r="3465" spans="1:4" x14ac:dyDescent="0.25">
      <c r="A3465" s="7">
        <f t="shared" si="162"/>
        <v>44706.041666658282</v>
      </c>
      <c r="B3465" s="8">
        <v>-4.9800999999999998E-2</v>
      </c>
      <c r="C3465">
        <f t="shared" si="160"/>
        <v>1</v>
      </c>
      <c r="D3465">
        <f t="shared" si="161"/>
        <v>5</v>
      </c>
    </row>
    <row r="3466" spans="1:4" x14ac:dyDescent="0.25">
      <c r="A3466" s="7">
        <f t="shared" si="162"/>
        <v>44706.083333324947</v>
      </c>
      <c r="B3466" s="8">
        <v>-4.9800999999999998E-2</v>
      </c>
      <c r="C3466">
        <f t="shared" ref="C3466:C3529" si="163">HOUR(A3466)</f>
        <v>2</v>
      </c>
      <c r="D3466">
        <f t="shared" ref="D3466:D3529" si="164">MONTH(A3466)</f>
        <v>5</v>
      </c>
    </row>
    <row r="3467" spans="1:4" x14ac:dyDescent="0.25">
      <c r="A3467" s="7">
        <f t="shared" ref="A3467:A3530" si="165">+A3466+1/24</f>
        <v>44706.124999991611</v>
      </c>
      <c r="B3467" s="8">
        <v>-4.9800999999999998E-2</v>
      </c>
      <c r="C3467">
        <f t="shared" si="163"/>
        <v>3</v>
      </c>
      <c r="D3467">
        <f t="shared" si="164"/>
        <v>5</v>
      </c>
    </row>
    <row r="3468" spans="1:4" x14ac:dyDescent="0.25">
      <c r="A3468" s="7">
        <f t="shared" si="165"/>
        <v>44706.166666658275</v>
      </c>
      <c r="B3468" s="8">
        <v>-4.9800999999999998E-2</v>
      </c>
      <c r="C3468">
        <f t="shared" si="163"/>
        <v>4</v>
      </c>
      <c r="D3468">
        <f t="shared" si="164"/>
        <v>5</v>
      </c>
    </row>
    <row r="3469" spans="1:4" x14ac:dyDescent="0.25">
      <c r="A3469" s="7">
        <f t="shared" si="165"/>
        <v>44706.208333324939</v>
      </c>
      <c r="B3469" s="8">
        <v>-4.9800999999999998E-2</v>
      </c>
      <c r="C3469">
        <f t="shared" si="163"/>
        <v>5</v>
      </c>
      <c r="D3469">
        <f t="shared" si="164"/>
        <v>5</v>
      </c>
    </row>
    <row r="3470" spans="1:4" x14ac:dyDescent="0.25">
      <c r="A3470" s="7">
        <f t="shared" si="165"/>
        <v>44706.249999991604</v>
      </c>
      <c r="B3470" s="8">
        <v>-4.9800999999999998E-2</v>
      </c>
      <c r="C3470">
        <f t="shared" si="163"/>
        <v>6</v>
      </c>
      <c r="D3470">
        <f t="shared" si="164"/>
        <v>5</v>
      </c>
    </row>
    <row r="3471" spans="1:4" x14ac:dyDescent="0.25">
      <c r="A3471" s="7">
        <f t="shared" si="165"/>
        <v>44706.291666658268</v>
      </c>
      <c r="B3471" s="8">
        <v>0.62695856144380824</v>
      </c>
      <c r="C3471">
        <f t="shared" si="163"/>
        <v>7</v>
      </c>
      <c r="D3471">
        <f t="shared" si="164"/>
        <v>5</v>
      </c>
    </row>
    <row r="3472" spans="1:4" x14ac:dyDescent="0.25">
      <c r="A3472" s="7">
        <f t="shared" si="165"/>
        <v>44706.333333324932</v>
      </c>
      <c r="B3472" s="8">
        <v>2.3640365618647352</v>
      </c>
      <c r="C3472">
        <f t="shared" si="163"/>
        <v>8</v>
      </c>
      <c r="D3472">
        <f t="shared" si="164"/>
        <v>5</v>
      </c>
    </row>
    <row r="3473" spans="1:4" x14ac:dyDescent="0.25">
      <c r="A3473" s="7">
        <f t="shared" si="165"/>
        <v>44706.374999991596</v>
      </c>
      <c r="B3473" s="8">
        <v>4.0399423683683446</v>
      </c>
      <c r="C3473">
        <f t="shared" si="163"/>
        <v>9</v>
      </c>
      <c r="D3473">
        <f t="shared" si="164"/>
        <v>5</v>
      </c>
    </row>
    <row r="3474" spans="1:4" x14ac:dyDescent="0.25">
      <c r="A3474" s="7">
        <f t="shared" si="165"/>
        <v>44706.416666658261</v>
      </c>
      <c r="B3474" s="8">
        <v>6.4265566280200677</v>
      </c>
      <c r="C3474">
        <f t="shared" si="163"/>
        <v>10</v>
      </c>
      <c r="D3474">
        <f t="shared" si="164"/>
        <v>5</v>
      </c>
    </row>
    <row r="3475" spans="1:4" x14ac:dyDescent="0.25">
      <c r="A3475" s="7">
        <f t="shared" si="165"/>
        <v>44706.458333324925</v>
      </c>
      <c r="B3475" s="8">
        <v>9.3447521512656415</v>
      </c>
      <c r="C3475">
        <f t="shared" si="163"/>
        <v>11</v>
      </c>
      <c r="D3475">
        <f t="shared" si="164"/>
        <v>5</v>
      </c>
    </row>
    <row r="3476" spans="1:4" x14ac:dyDescent="0.25">
      <c r="A3476" s="7">
        <f t="shared" si="165"/>
        <v>44706.499999991589</v>
      </c>
      <c r="B3476" s="8">
        <v>8.9692359900676379</v>
      </c>
      <c r="C3476">
        <f t="shared" si="163"/>
        <v>12</v>
      </c>
      <c r="D3476">
        <f t="shared" si="164"/>
        <v>5</v>
      </c>
    </row>
    <row r="3477" spans="1:4" x14ac:dyDescent="0.25">
      <c r="A3477" s="7">
        <f t="shared" si="165"/>
        <v>44706.541666658253</v>
      </c>
      <c r="B3477" s="8">
        <v>17.992928682256359</v>
      </c>
      <c r="C3477">
        <f t="shared" si="163"/>
        <v>13</v>
      </c>
      <c r="D3477">
        <f t="shared" si="164"/>
        <v>5</v>
      </c>
    </row>
    <row r="3478" spans="1:4" x14ac:dyDescent="0.25">
      <c r="A3478" s="7">
        <f t="shared" si="165"/>
        <v>44706.583333324917</v>
      </c>
      <c r="B3478" s="8">
        <v>17.80524016821602</v>
      </c>
      <c r="C3478">
        <f t="shared" si="163"/>
        <v>14</v>
      </c>
      <c r="D3478">
        <f t="shared" si="164"/>
        <v>5</v>
      </c>
    </row>
    <row r="3479" spans="1:4" x14ac:dyDescent="0.25">
      <c r="A3479" s="7">
        <f t="shared" si="165"/>
        <v>44706.624999991582</v>
      </c>
      <c r="B3479" s="8">
        <v>20.451300589514638</v>
      </c>
      <c r="C3479">
        <f t="shared" si="163"/>
        <v>15</v>
      </c>
      <c r="D3479">
        <f t="shared" si="164"/>
        <v>5</v>
      </c>
    </row>
    <row r="3480" spans="1:4" x14ac:dyDescent="0.25">
      <c r="A3480" s="7">
        <f t="shared" si="165"/>
        <v>44706.666666658246</v>
      </c>
      <c r="B3480" s="8">
        <v>13.152115478250431</v>
      </c>
      <c r="C3480">
        <f t="shared" si="163"/>
        <v>16</v>
      </c>
      <c r="D3480">
        <f t="shared" si="164"/>
        <v>5</v>
      </c>
    </row>
    <row r="3481" spans="1:4" x14ac:dyDescent="0.25">
      <c r="A3481" s="7">
        <f t="shared" si="165"/>
        <v>44706.70833332491</v>
      </c>
      <c r="B3481" s="8">
        <v>11.338525600073162</v>
      </c>
      <c r="C3481">
        <f t="shared" si="163"/>
        <v>17</v>
      </c>
      <c r="D3481">
        <f t="shared" si="164"/>
        <v>5</v>
      </c>
    </row>
    <row r="3482" spans="1:4" x14ac:dyDescent="0.25">
      <c r="A3482" s="7">
        <f t="shared" si="165"/>
        <v>44706.749999991574</v>
      </c>
      <c r="B3482" s="8">
        <v>6.8080307784866436</v>
      </c>
      <c r="C3482">
        <f t="shared" si="163"/>
        <v>18</v>
      </c>
      <c r="D3482">
        <f t="shared" si="164"/>
        <v>5</v>
      </c>
    </row>
    <row r="3483" spans="1:4" x14ac:dyDescent="0.25">
      <c r="A3483" s="7">
        <f t="shared" si="165"/>
        <v>44706.791666658239</v>
      </c>
      <c r="B3483" s="8">
        <v>1.6856832574966782</v>
      </c>
      <c r="C3483">
        <f t="shared" si="163"/>
        <v>19</v>
      </c>
      <c r="D3483">
        <f t="shared" si="164"/>
        <v>5</v>
      </c>
    </row>
    <row r="3484" spans="1:4" x14ac:dyDescent="0.25">
      <c r="A3484" s="7">
        <f t="shared" si="165"/>
        <v>44706.833333324903</v>
      </c>
      <c r="B3484" s="8">
        <v>-4.9800999999999998E-2</v>
      </c>
      <c r="C3484">
        <f t="shared" si="163"/>
        <v>20</v>
      </c>
      <c r="D3484">
        <f t="shared" si="164"/>
        <v>5</v>
      </c>
    </row>
    <row r="3485" spans="1:4" x14ac:dyDescent="0.25">
      <c r="A3485" s="7">
        <f t="shared" si="165"/>
        <v>44706.874999991567</v>
      </c>
      <c r="B3485" s="8">
        <v>-4.9800999999999998E-2</v>
      </c>
      <c r="C3485">
        <f t="shared" si="163"/>
        <v>21</v>
      </c>
      <c r="D3485">
        <f t="shared" si="164"/>
        <v>5</v>
      </c>
    </row>
    <row r="3486" spans="1:4" x14ac:dyDescent="0.25">
      <c r="A3486" s="7">
        <f t="shared" si="165"/>
        <v>44706.916666658231</v>
      </c>
      <c r="B3486" s="8">
        <v>-4.9800999999999998E-2</v>
      </c>
      <c r="C3486">
        <f t="shared" si="163"/>
        <v>22</v>
      </c>
      <c r="D3486">
        <f t="shared" si="164"/>
        <v>5</v>
      </c>
    </row>
    <row r="3487" spans="1:4" x14ac:dyDescent="0.25">
      <c r="A3487" s="7">
        <f t="shared" si="165"/>
        <v>44706.958333324896</v>
      </c>
      <c r="B3487" s="8">
        <v>-4.9800999999999998E-2</v>
      </c>
      <c r="C3487">
        <f t="shared" si="163"/>
        <v>23</v>
      </c>
      <c r="D3487">
        <f t="shared" si="164"/>
        <v>5</v>
      </c>
    </row>
    <row r="3488" spans="1:4" x14ac:dyDescent="0.25">
      <c r="A3488" s="7">
        <f t="shared" si="165"/>
        <v>44706.99999999156</v>
      </c>
      <c r="B3488" s="8">
        <v>-4.9800999999999998E-2</v>
      </c>
      <c r="C3488">
        <f t="shared" si="163"/>
        <v>0</v>
      </c>
      <c r="D3488">
        <f t="shared" si="164"/>
        <v>5</v>
      </c>
    </row>
    <row r="3489" spans="1:4" x14ac:dyDescent="0.25">
      <c r="A3489" s="7">
        <f t="shared" si="165"/>
        <v>44707.041666658224</v>
      </c>
      <c r="B3489" s="8">
        <v>-4.9800999999999998E-2</v>
      </c>
      <c r="C3489">
        <f t="shared" si="163"/>
        <v>1</v>
      </c>
      <c r="D3489">
        <f t="shared" si="164"/>
        <v>5</v>
      </c>
    </row>
    <row r="3490" spans="1:4" x14ac:dyDescent="0.25">
      <c r="A3490" s="7">
        <f t="shared" si="165"/>
        <v>44707.083333324888</v>
      </c>
      <c r="B3490" s="8">
        <v>-4.9800999999999998E-2</v>
      </c>
      <c r="C3490">
        <f t="shared" si="163"/>
        <v>2</v>
      </c>
      <c r="D3490">
        <f t="shared" si="164"/>
        <v>5</v>
      </c>
    </row>
    <row r="3491" spans="1:4" x14ac:dyDescent="0.25">
      <c r="A3491" s="7">
        <f t="shared" si="165"/>
        <v>44707.124999991553</v>
      </c>
      <c r="B3491" s="8">
        <v>-4.9800999999999998E-2</v>
      </c>
      <c r="C3491">
        <f t="shared" si="163"/>
        <v>3</v>
      </c>
      <c r="D3491">
        <f t="shared" si="164"/>
        <v>5</v>
      </c>
    </row>
    <row r="3492" spans="1:4" x14ac:dyDescent="0.25">
      <c r="A3492" s="7">
        <f t="shared" si="165"/>
        <v>44707.166666658217</v>
      </c>
      <c r="B3492" s="8">
        <v>-4.9800999999999998E-2</v>
      </c>
      <c r="C3492">
        <f t="shared" si="163"/>
        <v>4</v>
      </c>
      <c r="D3492">
        <f t="shared" si="164"/>
        <v>5</v>
      </c>
    </row>
    <row r="3493" spans="1:4" x14ac:dyDescent="0.25">
      <c r="A3493" s="7">
        <f t="shared" si="165"/>
        <v>44707.208333324881</v>
      </c>
      <c r="B3493" s="8">
        <v>-4.9800999999999998E-2</v>
      </c>
      <c r="C3493">
        <f t="shared" si="163"/>
        <v>5</v>
      </c>
      <c r="D3493">
        <f t="shared" si="164"/>
        <v>5</v>
      </c>
    </row>
    <row r="3494" spans="1:4" x14ac:dyDescent="0.25">
      <c r="A3494" s="7">
        <f t="shared" si="165"/>
        <v>44707.249999991545</v>
      </c>
      <c r="B3494" s="8">
        <v>0.21174102287097521</v>
      </c>
      <c r="C3494">
        <f t="shared" si="163"/>
        <v>6</v>
      </c>
      <c r="D3494">
        <f t="shared" si="164"/>
        <v>5</v>
      </c>
    </row>
    <row r="3495" spans="1:4" x14ac:dyDescent="0.25">
      <c r="A3495" s="7">
        <f t="shared" si="165"/>
        <v>44707.29166665821</v>
      </c>
      <c r="B3495" s="8">
        <v>2.2988769158664457</v>
      </c>
      <c r="C3495">
        <f t="shared" si="163"/>
        <v>7</v>
      </c>
      <c r="D3495">
        <f t="shared" si="164"/>
        <v>5</v>
      </c>
    </row>
    <row r="3496" spans="1:4" x14ac:dyDescent="0.25">
      <c r="A3496" s="7">
        <f t="shared" si="165"/>
        <v>44707.333333324874</v>
      </c>
      <c r="B3496" s="8">
        <v>7.4681968078810854</v>
      </c>
      <c r="C3496">
        <f t="shared" si="163"/>
        <v>8</v>
      </c>
      <c r="D3496">
        <f t="shared" si="164"/>
        <v>5</v>
      </c>
    </row>
    <row r="3497" spans="1:4" x14ac:dyDescent="0.25">
      <c r="A3497" s="7">
        <f t="shared" si="165"/>
        <v>44707.374999991538</v>
      </c>
      <c r="B3497" s="8">
        <v>13.258827487391814</v>
      </c>
      <c r="C3497">
        <f t="shared" si="163"/>
        <v>9</v>
      </c>
      <c r="D3497">
        <f t="shared" si="164"/>
        <v>5</v>
      </c>
    </row>
    <row r="3498" spans="1:4" x14ac:dyDescent="0.25">
      <c r="A3498" s="7">
        <f t="shared" si="165"/>
        <v>44707.416666658202</v>
      </c>
      <c r="B3498" s="8">
        <v>18.447150902001713</v>
      </c>
      <c r="C3498">
        <f t="shared" si="163"/>
        <v>10</v>
      </c>
      <c r="D3498">
        <f t="shared" si="164"/>
        <v>5</v>
      </c>
    </row>
    <row r="3499" spans="1:4" x14ac:dyDescent="0.25">
      <c r="A3499" s="7">
        <f t="shared" si="165"/>
        <v>44707.458333324867</v>
      </c>
      <c r="B3499" s="8">
        <v>20.451297497667586</v>
      </c>
      <c r="C3499">
        <f t="shared" si="163"/>
        <v>11</v>
      </c>
      <c r="D3499">
        <f t="shared" si="164"/>
        <v>5</v>
      </c>
    </row>
    <row r="3500" spans="1:4" x14ac:dyDescent="0.25">
      <c r="A3500" s="7">
        <f t="shared" si="165"/>
        <v>44707.499999991531</v>
      </c>
      <c r="B3500" s="8">
        <v>20.451299558898956</v>
      </c>
      <c r="C3500">
        <f t="shared" si="163"/>
        <v>12</v>
      </c>
      <c r="D3500">
        <f t="shared" si="164"/>
        <v>5</v>
      </c>
    </row>
    <row r="3501" spans="1:4" x14ac:dyDescent="0.25">
      <c r="A3501" s="7">
        <f t="shared" si="165"/>
        <v>44707.541666658195</v>
      </c>
      <c r="B3501" s="8">
        <v>20.45133563044789</v>
      </c>
      <c r="C3501">
        <f t="shared" si="163"/>
        <v>13</v>
      </c>
      <c r="D3501">
        <f t="shared" si="164"/>
        <v>5</v>
      </c>
    </row>
    <row r="3502" spans="1:4" x14ac:dyDescent="0.25">
      <c r="A3502" s="7">
        <f t="shared" si="165"/>
        <v>44707.583333324859</v>
      </c>
      <c r="B3502" s="8">
        <v>16.755585920797067</v>
      </c>
      <c r="C3502">
        <f t="shared" si="163"/>
        <v>14</v>
      </c>
      <c r="D3502">
        <f t="shared" si="164"/>
        <v>5</v>
      </c>
    </row>
    <row r="3503" spans="1:4" x14ac:dyDescent="0.25">
      <c r="A3503" s="7">
        <f t="shared" si="165"/>
        <v>44707.624999991524</v>
      </c>
      <c r="B3503" s="8">
        <v>19.041448221807347</v>
      </c>
      <c r="C3503">
        <f t="shared" si="163"/>
        <v>15</v>
      </c>
      <c r="D3503">
        <f t="shared" si="164"/>
        <v>5</v>
      </c>
    </row>
    <row r="3504" spans="1:4" x14ac:dyDescent="0.25">
      <c r="A3504" s="7">
        <f t="shared" si="165"/>
        <v>44707.666666658188</v>
      </c>
      <c r="B3504" s="8">
        <v>14.311180917286872</v>
      </c>
      <c r="C3504">
        <f t="shared" si="163"/>
        <v>16</v>
      </c>
      <c r="D3504">
        <f t="shared" si="164"/>
        <v>5</v>
      </c>
    </row>
    <row r="3505" spans="1:4" x14ac:dyDescent="0.25">
      <c r="A3505" s="7">
        <f t="shared" si="165"/>
        <v>44707.708333324852</v>
      </c>
      <c r="B3505" s="8">
        <v>12.474581513351065</v>
      </c>
      <c r="C3505">
        <f t="shared" si="163"/>
        <v>17</v>
      </c>
      <c r="D3505">
        <f t="shared" si="164"/>
        <v>5</v>
      </c>
    </row>
    <row r="3506" spans="1:4" x14ac:dyDescent="0.25">
      <c r="A3506" s="7">
        <f t="shared" si="165"/>
        <v>44707.749999991516</v>
      </c>
      <c r="B3506" s="8">
        <v>6.5529575191864948</v>
      </c>
      <c r="C3506">
        <f t="shared" si="163"/>
        <v>18</v>
      </c>
      <c r="D3506">
        <f t="shared" si="164"/>
        <v>5</v>
      </c>
    </row>
    <row r="3507" spans="1:4" x14ac:dyDescent="0.25">
      <c r="A3507" s="7">
        <f t="shared" si="165"/>
        <v>44707.79166665818</v>
      </c>
      <c r="B3507" s="8">
        <v>1.4137985951609084</v>
      </c>
      <c r="C3507">
        <f t="shared" si="163"/>
        <v>19</v>
      </c>
      <c r="D3507">
        <f t="shared" si="164"/>
        <v>5</v>
      </c>
    </row>
    <row r="3508" spans="1:4" x14ac:dyDescent="0.25">
      <c r="A3508" s="7">
        <f t="shared" si="165"/>
        <v>44707.833333324845</v>
      </c>
      <c r="B3508" s="8">
        <v>0.18853155766976248</v>
      </c>
      <c r="C3508">
        <f t="shared" si="163"/>
        <v>20</v>
      </c>
      <c r="D3508">
        <f t="shared" si="164"/>
        <v>5</v>
      </c>
    </row>
    <row r="3509" spans="1:4" x14ac:dyDescent="0.25">
      <c r="A3509" s="7">
        <f t="shared" si="165"/>
        <v>44707.874999991509</v>
      </c>
      <c r="B3509" s="8">
        <v>-4.9800999999999998E-2</v>
      </c>
      <c r="C3509">
        <f t="shared" si="163"/>
        <v>21</v>
      </c>
      <c r="D3509">
        <f t="shared" si="164"/>
        <v>5</v>
      </c>
    </row>
    <row r="3510" spans="1:4" x14ac:dyDescent="0.25">
      <c r="A3510" s="7">
        <f t="shared" si="165"/>
        <v>44707.916666658173</v>
      </c>
      <c r="B3510" s="8">
        <v>-4.9800999999999998E-2</v>
      </c>
      <c r="C3510">
        <f t="shared" si="163"/>
        <v>22</v>
      </c>
      <c r="D3510">
        <f t="shared" si="164"/>
        <v>5</v>
      </c>
    </row>
    <row r="3511" spans="1:4" x14ac:dyDescent="0.25">
      <c r="A3511" s="7">
        <f t="shared" si="165"/>
        <v>44707.958333324837</v>
      </c>
      <c r="B3511" s="8">
        <v>-4.9800999999999998E-2</v>
      </c>
      <c r="C3511">
        <f t="shared" si="163"/>
        <v>23</v>
      </c>
      <c r="D3511">
        <f t="shared" si="164"/>
        <v>5</v>
      </c>
    </row>
    <row r="3512" spans="1:4" x14ac:dyDescent="0.25">
      <c r="A3512" s="7">
        <f t="shared" si="165"/>
        <v>44707.999999991502</v>
      </c>
      <c r="B3512" s="8">
        <v>-4.9800999999999998E-2</v>
      </c>
      <c r="C3512">
        <f t="shared" si="163"/>
        <v>0</v>
      </c>
      <c r="D3512">
        <f t="shared" si="164"/>
        <v>5</v>
      </c>
    </row>
    <row r="3513" spans="1:4" x14ac:dyDescent="0.25">
      <c r="A3513" s="7">
        <f t="shared" si="165"/>
        <v>44708.041666658166</v>
      </c>
      <c r="B3513" s="8">
        <v>-4.9800999999999998E-2</v>
      </c>
      <c r="C3513">
        <f t="shared" si="163"/>
        <v>1</v>
      </c>
      <c r="D3513">
        <f t="shared" si="164"/>
        <v>5</v>
      </c>
    </row>
    <row r="3514" spans="1:4" x14ac:dyDescent="0.25">
      <c r="A3514" s="7">
        <f t="shared" si="165"/>
        <v>44708.08333332483</v>
      </c>
      <c r="B3514" s="8">
        <v>-4.9800999999999998E-2</v>
      </c>
      <c r="C3514">
        <f t="shared" si="163"/>
        <v>2</v>
      </c>
      <c r="D3514">
        <f t="shared" si="164"/>
        <v>5</v>
      </c>
    </row>
    <row r="3515" spans="1:4" x14ac:dyDescent="0.25">
      <c r="A3515" s="7">
        <f t="shared" si="165"/>
        <v>44708.124999991494</v>
      </c>
      <c r="B3515" s="8">
        <v>-4.9800999999999998E-2</v>
      </c>
      <c r="C3515">
        <f t="shared" si="163"/>
        <v>3</v>
      </c>
      <c r="D3515">
        <f t="shared" si="164"/>
        <v>5</v>
      </c>
    </row>
    <row r="3516" spans="1:4" x14ac:dyDescent="0.25">
      <c r="A3516" s="7">
        <f t="shared" si="165"/>
        <v>44708.166666658159</v>
      </c>
      <c r="B3516" s="8">
        <v>-4.9800999999999998E-2</v>
      </c>
      <c r="C3516">
        <f t="shared" si="163"/>
        <v>4</v>
      </c>
      <c r="D3516">
        <f t="shared" si="164"/>
        <v>5</v>
      </c>
    </row>
    <row r="3517" spans="1:4" x14ac:dyDescent="0.25">
      <c r="A3517" s="7">
        <f t="shared" si="165"/>
        <v>44708.208333324823</v>
      </c>
      <c r="B3517" s="8">
        <v>-4.9800999999999998E-2</v>
      </c>
      <c r="C3517">
        <f t="shared" si="163"/>
        <v>5</v>
      </c>
      <c r="D3517">
        <f t="shared" si="164"/>
        <v>5</v>
      </c>
    </row>
    <row r="3518" spans="1:4" x14ac:dyDescent="0.25">
      <c r="A3518" s="7">
        <f t="shared" si="165"/>
        <v>44708.249999991487</v>
      </c>
      <c r="B3518" s="8">
        <v>-4.9800999999999998E-2</v>
      </c>
      <c r="C3518">
        <f t="shared" si="163"/>
        <v>6</v>
      </c>
      <c r="D3518">
        <f t="shared" si="164"/>
        <v>5</v>
      </c>
    </row>
    <row r="3519" spans="1:4" x14ac:dyDescent="0.25">
      <c r="A3519" s="7">
        <f t="shared" si="165"/>
        <v>44708.291666658151</v>
      </c>
      <c r="B3519" s="8">
        <v>1.3077874046845697</v>
      </c>
      <c r="C3519">
        <f t="shared" si="163"/>
        <v>7</v>
      </c>
      <c r="D3519">
        <f t="shared" si="164"/>
        <v>5</v>
      </c>
    </row>
    <row r="3520" spans="1:4" x14ac:dyDescent="0.25">
      <c r="A3520" s="7">
        <f t="shared" si="165"/>
        <v>44708.333333324816</v>
      </c>
      <c r="B3520" s="8">
        <v>2.1744084291073134</v>
      </c>
      <c r="C3520">
        <f t="shared" si="163"/>
        <v>8</v>
      </c>
      <c r="D3520">
        <f t="shared" si="164"/>
        <v>5</v>
      </c>
    </row>
    <row r="3521" spans="1:4" x14ac:dyDescent="0.25">
      <c r="A3521" s="7">
        <f t="shared" si="165"/>
        <v>44708.37499999148</v>
      </c>
      <c r="B3521" s="8">
        <v>5.5948301894224866</v>
      </c>
      <c r="C3521">
        <f t="shared" si="163"/>
        <v>9</v>
      </c>
      <c r="D3521">
        <f t="shared" si="164"/>
        <v>5</v>
      </c>
    </row>
    <row r="3522" spans="1:4" x14ac:dyDescent="0.25">
      <c r="A3522" s="7">
        <f t="shared" si="165"/>
        <v>44708.416666658144</v>
      </c>
      <c r="B3522" s="8">
        <v>17.283642478752014</v>
      </c>
      <c r="C3522">
        <f t="shared" si="163"/>
        <v>10</v>
      </c>
      <c r="D3522">
        <f t="shared" si="164"/>
        <v>5</v>
      </c>
    </row>
    <row r="3523" spans="1:4" x14ac:dyDescent="0.25">
      <c r="A3523" s="7">
        <f t="shared" si="165"/>
        <v>44708.458333324808</v>
      </c>
      <c r="B3523" s="8">
        <v>20.451295436436219</v>
      </c>
      <c r="C3523">
        <f t="shared" si="163"/>
        <v>11</v>
      </c>
      <c r="D3523">
        <f t="shared" si="164"/>
        <v>5</v>
      </c>
    </row>
    <row r="3524" spans="1:4" x14ac:dyDescent="0.25">
      <c r="A3524" s="7">
        <f t="shared" si="165"/>
        <v>44708.499999991473</v>
      </c>
      <c r="B3524" s="8">
        <v>9.3821346433517157</v>
      </c>
      <c r="C3524">
        <f t="shared" si="163"/>
        <v>12</v>
      </c>
      <c r="D3524">
        <f t="shared" si="164"/>
        <v>5</v>
      </c>
    </row>
    <row r="3525" spans="1:4" x14ac:dyDescent="0.25">
      <c r="A3525" s="7">
        <f t="shared" si="165"/>
        <v>44708.541666658137</v>
      </c>
      <c r="B3525" s="8">
        <v>7.1617308668880559</v>
      </c>
      <c r="C3525">
        <f t="shared" si="163"/>
        <v>13</v>
      </c>
      <c r="D3525">
        <f t="shared" si="164"/>
        <v>5</v>
      </c>
    </row>
    <row r="3526" spans="1:4" x14ac:dyDescent="0.25">
      <c r="A3526" s="7">
        <f t="shared" si="165"/>
        <v>44708.583333324801</v>
      </c>
      <c r="B3526" s="8">
        <v>3.7520182341441877</v>
      </c>
      <c r="C3526">
        <f t="shared" si="163"/>
        <v>14</v>
      </c>
      <c r="D3526">
        <f t="shared" si="164"/>
        <v>5</v>
      </c>
    </row>
    <row r="3527" spans="1:4" x14ac:dyDescent="0.25">
      <c r="A3527" s="7">
        <f t="shared" si="165"/>
        <v>44708.624999991465</v>
      </c>
      <c r="B3527" s="8">
        <v>5.3344090653386305</v>
      </c>
      <c r="C3527">
        <f t="shared" si="163"/>
        <v>15</v>
      </c>
      <c r="D3527">
        <f t="shared" si="164"/>
        <v>5</v>
      </c>
    </row>
    <row r="3528" spans="1:4" x14ac:dyDescent="0.25">
      <c r="A3528" s="7">
        <f t="shared" si="165"/>
        <v>44708.66666665813</v>
      </c>
      <c r="B3528" s="8">
        <v>4.6590847404655271</v>
      </c>
      <c r="C3528">
        <f t="shared" si="163"/>
        <v>16</v>
      </c>
      <c r="D3528">
        <f t="shared" si="164"/>
        <v>5</v>
      </c>
    </row>
    <row r="3529" spans="1:4" x14ac:dyDescent="0.25">
      <c r="A3529" s="7">
        <f t="shared" si="165"/>
        <v>44708.708333324794</v>
      </c>
      <c r="B3529" s="8">
        <v>3.7819163951338499</v>
      </c>
      <c r="C3529">
        <f t="shared" si="163"/>
        <v>17</v>
      </c>
      <c r="D3529">
        <f t="shared" si="164"/>
        <v>5</v>
      </c>
    </row>
    <row r="3530" spans="1:4" x14ac:dyDescent="0.25">
      <c r="A3530" s="7">
        <f t="shared" si="165"/>
        <v>44708.749999991458</v>
      </c>
      <c r="B3530" s="8">
        <v>2.7759375791668086</v>
      </c>
      <c r="C3530">
        <f t="shared" ref="C3530:C3593" si="166">HOUR(A3530)</f>
        <v>18</v>
      </c>
      <c r="D3530">
        <f t="shared" ref="D3530:D3593" si="167">MONTH(A3530)</f>
        <v>5</v>
      </c>
    </row>
    <row r="3531" spans="1:4" x14ac:dyDescent="0.25">
      <c r="A3531" s="7">
        <f t="shared" ref="A3531:A3594" si="168">+A3530+1/24</f>
        <v>44708.791666658122</v>
      </c>
      <c r="B3531" s="8">
        <v>1.0450061706846043</v>
      </c>
      <c r="C3531">
        <f t="shared" si="166"/>
        <v>19</v>
      </c>
      <c r="D3531">
        <f t="shared" si="167"/>
        <v>5</v>
      </c>
    </row>
    <row r="3532" spans="1:4" x14ac:dyDescent="0.25">
      <c r="A3532" s="7">
        <f t="shared" si="168"/>
        <v>44708.833333324787</v>
      </c>
      <c r="B3532" s="8">
        <v>-4.9800999999999998E-2</v>
      </c>
      <c r="C3532">
        <f t="shared" si="166"/>
        <v>20</v>
      </c>
      <c r="D3532">
        <f t="shared" si="167"/>
        <v>5</v>
      </c>
    </row>
    <row r="3533" spans="1:4" x14ac:dyDescent="0.25">
      <c r="A3533" s="7">
        <f t="shared" si="168"/>
        <v>44708.874999991451</v>
      </c>
      <c r="B3533" s="8">
        <v>-4.9800999999999998E-2</v>
      </c>
      <c r="C3533">
        <f t="shared" si="166"/>
        <v>21</v>
      </c>
      <c r="D3533">
        <f t="shared" si="167"/>
        <v>5</v>
      </c>
    </row>
    <row r="3534" spans="1:4" x14ac:dyDescent="0.25">
      <c r="A3534" s="7">
        <f t="shared" si="168"/>
        <v>44708.916666658115</v>
      </c>
      <c r="B3534" s="8">
        <v>-4.9800999999999998E-2</v>
      </c>
      <c r="C3534">
        <f t="shared" si="166"/>
        <v>22</v>
      </c>
      <c r="D3534">
        <f t="shared" si="167"/>
        <v>5</v>
      </c>
    </row>
    <row r="3535" spans="1:4" x14ac:dyDescent="0.25">
      <c r="A3535" s="7">
        <f t="shared" si="168"/>
        <v>44708.958333324779</v>
      </c>
      <c r="B3535" s="8">
        <v>-4.9800999999999998E-2</v>
      </c>
      <c r="C3535">
        <f t="shared" si="166"/>
        <v>23</v>
      </c>
      <c r="D3535">
        <f t="shared" si="167"/>
        <v>5</v>
      </c>
    </row>
    <row r="3536" spans="1:4" x14ac:dyDescent="0.25">
      <c r="A3536" s="7">
        <f t="shared" si="168"/>
        <v>44708.999999991443</v>
      </c>
      <c r="B3536" s="8">
        <v>-4.9800999999999998E-2</v>
      </c>
      <c r="C3536">
        <f t="shared" si="166"/>
        <v>0</v>
      </c>
      <c r="D3536">
        <f t="shared" si="167"/>
        <v>5</v>
      </c>
    </row>
    <row r="3537" spans="1:4" x14ac:dyDescent="0.25">
      <c r="A3537" s="7">
        <f t="shared" si="168"/>
        <v>44709.041666658108</v>
      </c>
      <c r="B3537" s="8">
        <v>-4.9800999999999998E-2</v>
      </c>
      <c r="C3537">
        <f t="shared" si="166"/>
        <v>1</v>
      </c>
      <c r="D3537">
        <f t="shared" si="167"/>
        <v>5</v>
      </c>
    </row>
    <row r="3538" spans="1:4" x14ac:dyDescent="0.25">
      <c r="A3538" s="7">
        <f t="shared" si="168"/>
        <v>44709.083333324772</v>
      </c>
      <c r="B3538" s="8">
        <v>-4.9800999999999998E-2</v>
      </c>
      <c r="C3538">
        <f t="shared" si="166"/>
        <v>2</v>
      </c>
      <c r="D3538">
        <f t="shared" si="167"/>
        <v>5</v>
      </c>
    </row>
    <row r="3539" spans="1:4" x14ac:dyDescent="0.25">
      <c r="A3539" s="7">
        <f t="shared" si="168"/>
        <v>44709.124999991436</v>
      </c>
      <c r="B3539" s="8">
        <v>-4.9800999999999998E-2</v>
      </c>
      <c r="C3539">
        <f t="shared" si="166"/>
        <v>3</v>
      </c>
      <c r="D3539">
        <f t="shared" si="167"/>
        <v>5</v>
      </c>
    </row>
    <row r="3540" spans="1:4" x14ac:dyDescent="0.25">
      <c r="A3540" s="7">
        <f t="shared" si="168"/>
        <v>44709.1666666581</v>
      </c>
      <c r="B3540" s="8">
        <v>-4.9800999999999998E-2</v>
      </c>
      <c r="C3540">
        <f t="shared" si="166"/>
        <v>4</v>
      </c>
      <c r="D3540">
        <f t="shared" si="167"/>
        <v>5</v>
      </c>
    </row>
    <row r="3541" spans="1:4" x14ac:dyDescent="0.25">
      <c r="A3541" s="7">
        <f t="shared" si="168"/>
        <v>44709.208333324765</v>
      </c>
      <c r="B3541" s="8">
        <v>-4.9800999999999998E-2</v>
      </c>
      <c r="C3541">
        <f t="shared" si="166"/>
        <v>5</v>
      </c>
      <c r="D3541">
        <f t="shared" si="167"/>
        <v>5</v>
      </c>
    </row>
    <row r="3542" spans="1:4" x14ac:dyDescent="0.25">
      <c r="A3542" s="7">
        <f t="shared" si="168"/>
        <v>44709.249999991429</v>
      </c>
      <c r="B3542" s="8">
        <v>-4.9800999999999998E-2</v>
      </c>
      <c r="C3542">
        <f t="shared" si="166"/>
        <v>6</v>
      </c>
      <c r="D3542">
        <f t="shared" si="167"/>
        <v>5</v>
      </c>
    </row>
    <row r="3543" spans="1:4" x14ac:dyDescent="0.25">
      <c r="A3543" s="7">
        <f t="shared" si="168"/>
        <v>44709.291666658093</v>
      </c>
      <c r="B3543" s="8">
        <v>1.1400000795001544</v>
      </c>
      <c r="C3543">
        <f t="shared" si="166"/>
        <v>7</v>
      </c>
      <c r="D3543">
        <f t="shared" si="167"/>
        <v>5</v>
      </c>
    </row>
    <row r="3544" spans="1:4" x14ac:dyDescent="0.25">
      <c r="A3544" s="7">
        <f t="shared" si="168"/>
        <v>44709.333333324757</v>
      </c>
      <c r="B3544" s="8">
        <v>3.9384731012109113</v>
      </c>
      <c r="C3544">
        <f t="shared" si="166"/>
        <v>8</v>
      </c>
      <c r="D3544">
        <f t="shared" si="167"/>
        <v>5</v>
      </c>
    </row>
    <row r="3545" spans="1:4" x14ac:dyDescent="0.25">
      <c r="A3545" s="7">
        <f t="shared" si="168"/>
        <v>44709.374999991422</v>
      </c>
      <c r="B3545" s="8">
        <v>6.7745903913914507</v>
      </c>
      <c r="C3545">
        <f t="shared" si="166"/>
        <v>9</v>
      </c>
      <c r="D3545">
        <f t="shared" si="167"/>
        <v>5</v>
      </c>
    </row>
    <row r="3546" spans="1:4" x14ac:dyDescent="0.25">
      <c r="A3546" s="7">
        <f t="shared" si="168"/>
        <v>44709.416666658086</v>
      </c>
      <c r="B3546" s="8">
        <v>9.2173227056466924</v>
      </c>
      <c r="C3546">
        <f t="shared" si="166"/>
        <v>10</v>
      </c>
      <c r="D3546">
        <f t="shared" si="167"/>
        <v>5</v>
      </c>
    </row>
    <row r="3547" spans="1:4" x14ac:dyDescent="0.25">
      <c r="A3547" s="7">
        <f t="shared" si="168"/>
        <v>44709.45833332475</v>
      </c>
      <c r="B3547" s="8">
        <v>15.395279371477127</v>
      </c>
      <c r="C3547">
        <f t="shared" si="166"/>
        <v>11</v>
      </c>
      <c r="D3547">
        <f t="shared" si="167"/>
        <v>5</v>
      </c>
    </row>
    <row r="3548" spans="1:4" x14ac:dyDescent="0.25">
      <c r="A3548" s="7">
        <f t="shared" si="168"/>
        <v>44709.499999991414</v>
      </c>
      <c r="B3548" s="8">
        <v>15.393457242948008</v>
      </c>
      <c r="C3548">
        <f t="shared" si="166"/>
        <v>12</v>
      </c>
      <c r="D3548">
        <f t="shared" si="167"/>
        <v>5</v>
      </c>
    </row>
    <row r="3549" spans="1:4" x14ac:dyDescent="0.25">
      <c r="A3549" s="7">
        <f t="shared" si="168"/>
        <v>44709.541666658079</v>
      </c>
      <c r="B3549" s="8">
        <v>16.14832551691946</v>
      </c>
      <c r="C3549">
        <f t="shared" si="166"/>
        <v>13</v>
      </c>
      <c r="D3549">
        <f t="shared" si="167"/>
        <v>5</v>
      </c>
    </row>
    <row r="3550" spans="1:4" x14ac:dyDescent="0.25">
      <c r="A3550" s="7">
        <f t="shared" si="168"/>
        <v>44709.583333324743</v>
      </c>
      <c r="B3550" s="8">
        <v>18.694529584605931</v>
      </c>
      <c r="C3550">
        <f t="shared" si="166"/>
        <v>14</v>
      </c>
      <c r="D3550">
        <f t="shared" si="167"/>
        <v>5</v>
      </c>
    </row>
    <row r="3551" spans="1:4" x14ac:dyDescent="0.25">
      <c r="A3551" s="7">
        <f t="shared" si="168"/>
        <v>44709.624999991407</v>
      </c>
      <c r="B3551" s="8">
        <v>13.492525777408074</v>
      </c>
      <c r="C3551">
        <f t="shared" si="166"/>
        <v>15</v>
      </c>
      <c r="D3551">
        <f t="shared" si="167"/>
        <v>5</v>
      </c>
    </row>
    <row r="3552" spans="1:4" x14ac:dyDescent="0.25">
      <c r="A3552" s="7">
        <f t="shared" si="168"/>
        <v>44709.666666658071</v>
      </c>
      <c r="B3552" s="8">
        <v>9.5701230665560679</v>
      </c>
      <c r="C3552">
        <f t="shared" si="166"/>
        <v>16</v>
      </c>
      <c r="D3552">
        <f t="shared" si="167"/>
        <v>5</v>
      </c>
    </row>
    <row r="3553" spans="1:4" x14ac:dyDescent="0.25">
      <c r="A3553" s="7">
        <f t="shared" si="168"/>
        <v>44709.708333324736</v>
      </c>
      <c r="B3553" s="8">
        <v>6.7898125850425117</v>
      </c>
      <c r="C3553">
        <f t="shared" si="166"/>
        <v>17</v>
      </c>
      <c r="D3553">
        <f t="shared" si="167"/>
        <v>5</v>
      </c>
    </row>
    <row r="3554" spans="1:4" x14ac:dyDescent="0.25">
      <c r="A3554" s="7">
        <f t="shared" si="168"/>
        <v>44709.7499999914</v>
      </c>
      <c r="B3554" s="8">
        <v>5.2267014814466082</v>
      </c>
      <c r="C3554">
        <f t="shared" si="166"/>
        <v>18</v>
      </c>
      <c r="D3554">
        <f t="shared" si="167"/>
        <v>5</v>
      </c>
    </row>
    <row r="3555" spans="1:4" x14ac:dyDescent="0.25">
      <c r="A3555" s="7">
        <f t="shared" si="168"/>
        <v>44709.791666658064</v>
      </c>
      <c r="B3555" s="8">
        <v>1.7732824987803142</v>
      </c>
      <c r="C3555">
        <f t="shared" si="166"/>
        <v>19</v>
      </c>
      <c r="D3555">
        <f t="shared" si="167"/>
        <v>5</v>
      </c>
    </row>
    <row r="3556" spans="1:4" x14ac:dyDescent="0.25">
      <c r="A3556" s="7">
        <f t="shared" si="168"/>
        <v>44709.833333324728</v>
      </c>
      <c r="B3556" s="8">
        <v>-4.9800999999999998E-2</v>
      </c>
      <c r="C3556">
        <f t="shared" si="166"/>
        <v>20</v>
      </c>
      <c r="D3556">
        <f t="shared" si="167"/>
        <v>5</v>
      </c>
    </row>
    <row r="3557" spans="1:4" x14ac:dyDescent="0.25">
      <c r="A3557" s="7">
        <f t="shared" si="168"/>
        <v>44709.874999991393</v>
      </c>
      <c r="B3557" s="8">
        <v>-4.9800999999999998E-2</v>
      </c>
      <c r="C3557">
        <f t="shared" si="166"/>
        <v>21</v>
      </c>
      <c r="D3557">
        <f t="shared" si="167"/>
        <v>5</v>
      </c>
    </row>
    <row r="3558" spans="1:4" x14ac:dyDescent="0.25">
      <c r="A3558" s="7">
        <f t="shared" si="168"/>
        <v>44709.916666658057</v>
      </c>
      <c r="B3558" s="8">
        <v>-4.9800999999999998E-2</v>
      </c>
      <c r="C3558">
        <f t="shared" si="166"/>
        <v>22</v>
      </c>
      <c r="D3558">
        <f t="shared" si="167"/>
        <v>5</v>
      </c>
    </row>
    <row r="3559" spans="1:4" x14ac:dyDescent="0.25">
      <c r="A3559" s="7">
        <f t="shared" si="168"/>
        <v>44709.958333324721</v>
      </c>
      <c r="B3559" s="8">
        <v>-4.9800999999999998E-2</v>
      </c>
      <c r="C3559">
        <f t="shared" si="166"/>
        <v>23</v>
      </c>
      <c r="D3559">
        <f t="shared" si="167"/>
        <v>5</v>
      </c>
    </row>
    <row r="3560" spans="1:4" x14ac:dyDescent="0.25">
      <c r="A3560" s="7">
        <f t="shared" si="168"/>
        <v>44709.999999991385</v>
      </c>
      <c r="B3560" s="8">
        <v>-4.9800999999999998E-2</v>
      </c>
      <c r="C3560">
        <f t="shared" si="166"/>
        <v>0</v>
      </c>
      <c r="D3560">
        <f t="shared" si="167"/>
        <v>5</v>
      </c>
    </row>
    <row r="3561" spans="1:4" x14ac:dyDescent="0.25">
      <c r="A3561" s="7">
        <f t="shared" si="168"/>
        <v>44710.04166665805</v>
      </c>
      <c r="B3561" s="8">
        <v>-4.9800999999999998E-2</v>
      </c>
      <c r="C3561">
        <f t="shared" si="166"/>
        <v>1</v>
      </c>
      <c r="D3561">
        <f t="shared" si="167"/>
        <v>5</v>
      </c>
    </row>
    <row r="3562" spans="1:4" x14ac:dyDescent="0.25">
      <c r="A3562" s="7">
        <f t="shared" si="168"/>
        <v>44710.083333324714</v>
      </c>
      <c r="B3562" s="8">
        <v>-4.9800999999999998E-2</v>
      </c>
      <c r="C3562">
        <f t="shared" si="166"/>
        <v>2</v>
      </c>
      <c r="D3562">
        <f t="shared" si="167"/>
        <v>5</v>
      </c>
    </row>
    <row r="3563" spans="1:4" x14ac:dyDescent="0.25">
      <c r="A3563" s="7">
        <f t="shared" si="168"/>
        <v>44710.124999991378</v>
      </c>
      <c r="B3563" s="8">
        <v>-4.9800999999999998E-2</v>
      </c>
      <c r="C3563">
        <f t="shared" si="166"/>
        <v>3</v>
      </c>
      <c r="D3563">
        <f t="shared" si="167"/>
        <v>5</v>
      </c>
    </row>
    <row r="3564" spans="1:4" x14ac:dyDescent="0.25">
      <c r="A3564" s="7">
        <f t="shared" si="168"/>
        <v>44710.166666658042</v>
      </c>
      <c r="B3564" s="8">
        <v>-4.9800999999999998E-2</v>
      </c>
      <c r="C3564">
        <f t="shared" si="166"/>
        <v>4</v>
      </c>
      <c r="D3564">
        <f t="shared" si="167"/>
        <v>5</v>
      </c>
    </row>
    <row r="3565" spans="1:4" x14ac:dyDescent="0.25">
      <c r="A3565" s="7">
        <f t="shared" si="168"/>
        <v>44710.208333324706</v>
      </c>
      <c r="B3565" s="8">
        <v>-4.9800999999999998E-2</v>
      </c>
      <c r="C3565">
        <f t="shared" si="166"/>
        <v>5</v>
      </c>
      <c r="D3565">
        <f t="shared" si="167"/>
        <v>5</v>
      </c>
    </row>
    <row r="3566" spans="1:4" x14ac:dyDescent="0.25">
      <c r="A3566" s="7">
        <f t="shared" si="168"/>
        <v>44710.249999991371</v>
      </c>
      <c r="B3566" s="8">
        <v>0.2102682730586958</v>
      </c>
      <c r="C3566">
        <f t="shared" si="166"/>
        <v>6</v>
      </c>
      <c r="D3566">
        <f t="shared" si="167"/>
        <v>5</v>
      </c>
    </row>
    <row r="3567" spans="1:4" x14ac:dyDescent="0.25">
      <c r="A3567" s="7">
        <f t="shared" si="168"/>
        <v>44710.291666658035</v>
      </c>
      <c r="B3567" s="8">
        <v>2.2219084753621399</v>
      </c>
      <c r="C3567">
        <f t="shared" si="166"/>
        <v>7</v>
      </c>
      <c r="D3567">
        <f t="shared" si="167"/>
        <v>5</v>
      </c>
    </row>
    <row r="3568" spans="1:4" x14ac:dyDescent="0.25">
      <c r="A3568" s="7">
        <f t="shared" si="168"/>
        <v>44710.333333324699</v>
      </c>
      <c r="B3568" s="8">
        <v>6.6961893950865363</v>
      </c>
      <c r="C3568">
        <f t="shared" si="166"/>
        <v>8</v>
      </c>
      <c r="D3568">
        <f t="shared" si="167"/>
        <v>5</v>
      </c>
    </row>
    <row r="3569" spans="1:4" x14ac:dyDescent="0.25">
      <c r="A3569" s="7">
        <f t="shared" si="168"/>
        <v>44710.374999991363</v>
      </c>
      <c r="B3569" s="8">
        <v>13.204139927357536</v>
      </c>
      <c r="C3569">
        <f t="shared" si="166"/>
        <v>9</v>
      </c>
      <c r="D3569">
        <f t="shared" si="167"/>
        <v>5</v>
      </c>
    </row>
    <row r="3570" spans="1:4" x14ac:dyDescent="0.25">
      <c r="A3570" s="7">
        <f t="shared" si="168"/>
        <v>44710.416666658028</v>
      </c>
      <c r="B3570" s="8">
        <v>18.271252631385078</v>
      </c>
      <c r="C3570">
        <f t="shared" si="166"/>
        <v>10</v>
      </c>
      <c r="D3570">
        <f t="shared" si="167"/>
        <v>5</v>
      </c>
    </row>
    <row r="3571" spans="1:4" x14ac:dyDescent="0.25">
      <c r="A3571" s="7">
        <f t="shared" si="168"/>
        <v>44710.458333324692</v>
      </c>
      <c r="B3571" s="8">
        <v>18.267927865188845</v>
      </c>
      <c r="C3571">
        <f t="shared" si="166"/>
        <v>11</v>
      </c>
      <c r="D3571">
        <f t="shared" si="167"/>
        <v>5</v>
      </c>
    </row>
    <row r="3572" spans="1:4" x14ac:dyDescent="0.25">
      <c r="A3572" s="7">
        <f t="shared" si="168"/>
        <v>44710.499999991356</v>
      </c>
      <c r="B3572" s="8">
        <v>20.451299558898956</v>
      </c>
      <c r="C3572">
        <f t="shared" si="166"/>
        <v>12</v>
      </c>
      <c r="D3572">
        <f t="shared" si="167"/>
        <v>5</v>
      </c>
    </row>
    <row r="3573" spans="1:4" x14ac:dyDescent="0.25">
      <c r="A3573" s="7">
        <f t="shared" si="168"/>
        <v>44710.54166665802</v>
      </c>
      <c r="B3573" s="8">
        <v>16.657480583231852</v>
      </c>
      <c r="C3573">
        <f t="shared" si="166"/>
        <v>13</v>
      </c>
      <c r="D3573">
        <f t="shared" si="167"/>
        <v>5</v>
      </c>
    </row>
    <row r="3574" spans="1:4" x14ac:dyDescent="0.25">
      <c r="A3574" s="7">
        <f t="shared" si="168"/>
        <v>44710.583333324685</v>
      </c>
      <c r="B3574" s="8">
        <v>20.45130574259306</v>
      </c>
      <c r="C3574">
        <f t="shared" si="166"/>
        <v>14</v>
      </c>
      <c r="D3574">
        <f t="shared" si="167"/>
        <v>5</v>
      </c>
    </row>
    <row r="3575" spans="1:4" x14ac:dyDescent="0.25">
      <c r="A3575" s="7">
        <f t="shared" si="168"/>
        <v>44710.624999991349</v>
      </c>
      <c r="B3575" s="8">
        <v>19.510964778301631</v>
      </c>
      <c r="C3575">
        <f t="shared" si="166"/>
        <v>15</v>
      </c>
      <c r="D3575">
        <f t="shared" si="167"/>
        <v>5</v>
      </c>
    </row>
    <row r="3576" spans="1:4" x14ac:dyDescent="0.25">
      <c r="A3576" s="7">
        <f t="shared" si="168"/>
        <v>44710.666666658013</v>
      </c>
      <c r="B3576" s="8">
        <v>15.490884435393223</v>
      </c>
      <c r="C3576">
        <f t="shared" si="166"/>
        <v>16</v>
      </c>
      <c r="D3576">
        <f t="shared" si="167"/>
        <v>5</v>
      </c>
    </row>
    <row r="3577" spans="1:4" x14ac:dyDescent="0.25">
      <c r="A3577" s="7">
        <f t="shared" si="168"/>
        <v>44710.708333324677</v>
      </c>
      <c r="B3577" s="8">
        <v>11.550650011978544</v>
      </c>
      <c r="C3577">
        <f t="shared" si="166"/>
        <v>17</v>
      </c>
      <c r="D3577">
        <f t="shared" si="167"/>
        <v>5</v>
      </c>
    </row>
    <row r="3578" spans="1:4" x14ac:dyDescent="0.25">
      <c r="A3578" s="7">
        <f t="shared" si="168"/>
        <v>44710.749999991342</v>
      </c>
      <c r="B3578" s="8">
        <v>6.3671529706163064</v>
      </c>
      <c r="C3578">
        <f t="shared" si="166"/>
        <v>18</v>
      </c>
      <c r="D3578">
        <f t="shared" si="167"/>
        <v>5</v>
      </c>
    </row>
    <row r="3579" spans="1:4" x14ac:dyDescent="0.25">
      <c r="A3579" s="7">
        <f t="shared" si="168"/>
        <v>44710.791666658006</v>
      </c>
      <c r="B3579" s="8">
        <v>1.9083807557030927</v>
      </c>
      <c r="C3579">
        <f t="shared" si="166"/>
        <v>19</v>
      </c>
      <c r="D3579">
        <f t="shared" si="167"/>
        <v>5</v>
      </c>
    </row>
    <row r="3580" spans="1:4" x14ac:dyDescent="0.25">
      <c r="A3580" s="7">
        <f t="shared" si="168"/>
        <v>44710.83333332467</v>
      </c>
      <c r="B3580" s="8">
        <v>-4.9800999999999998E-2</v>
      </c>
      <c r="C3580">
        <f t="shared" si="166"/>
        <v>20</v>
      </c>
      <c r="D3580">
        <f t="shared" si="167"/>
        <v>5</v>
      </c>
    </row>
    <row r="3581" spans="1:4" x14ac:dyDescent="0.25">
      <c r="A3581" s="7">
        <f t="shared" si="168"/>
        <v>44710.874999991334</v>
      </c>
      <c r="B3581" s="8">
        <v>-4.9800999999999998E-2</v>
      </c>
      <c r="C3581">
        <f t="shared" si="166"/>
        <v>21</v>
      </c>
      <c r="D3581">
        <f t="shared" si="167"/>
        <v>5</v>
      </c>
    </row>
    <row r="3582" spans="1:4" x14ac:dyDescent="0.25">
      <c r="A3582" s="7">
        <f t="shared" si="168"/>
        <v>44710.916666657999</v>
      </c>
      <c r="B3582" s="8">
        <v>-4.9800999999999998E-2</v>
      </c>
      <c r="C3582">
        <f t="shared" si="166"/>
        <v>22</v>
      </c>
      <c r="D3582">
        <f t="shared" si="167"/>
        <v>5</v>
      </c>
    </row>
    <row r="3583" spans="1:4" x14ac:dyDescent="0.25">
      <c r="A3583" s="7">
        <f t="shared" si="168"/>
        <v>44710.958333324663</v>
      </c>
      <c r="B3583" s="8">
        <v>-4.9800999999999998E-2</v>
      </c>
      <c r="C3583">
        <f t="shared" si="166"/>
        <v>23</v>
      </c>
      <c r="D3583">
        <f t="shared" si="167"/>
        <v>5</v>
      </c>
    </row>
    <row r="3584" spans="1:4" x14ac:dyDescent="0.25">
      <c r="A3584" s="7">
        <f t="shared" si="168"/>
        <v>44710.999999991327</v>
      </c>
      <c r="B3584" s="8">
        <v>-4.9800999999999998E-2</v>
      </c>
      <c r="C3584">
        <f t="shared" si="166"/>
        <v>0</v>
      </c>
      <c r="D3584">
        <f t="shared" si="167"/>
        <v>5</v>
      </c>
    </row>
    <row r="3585" spans="1:4" x14ac:dyDescent="0.25">
      <c r="A3585" s="7">
        <f t="shared" si="168"/>
        <v>44711.041666657991</v>
      </c>
      <c r="B3585" s="8">
        <v>-4.9800999999999998E-2</v>
      </c>
      <c r="C3585">
        <f t="shared" si="166"/>
        <v>1</v>
      </c>
      <c r="D3585">
        <f t="shared" si="167"/>
        <v>5</v>
      </c>
    </row>
    <row r="3586" spans="1:4" x14ac:dyDescent="0.25">
      <c r="A3586" s="7">
        <f t="shared" si="168"/>
        <v>44711.083333324656</v>
      </c>
      <c r="B3586" s="8">
        <v>-4.9800999999999998E-2</v>
      </c>
      <c r="C3586">
        <f t="shared" si="166"/>
        <v>2</v>
      </c>
      <c r="D3586">
        <f t="shared" si="167"/>
        <v>5</v>
      </c>
    </row>
    <row r="3587" spans="1:4" x14ac:dyDescent="0.25">
      <c r="A3587" s="7">
        <f t="shared" si="168"/>
        <v>44711.12499999132</v>
      </c>
      <c r="B3587" s="8">
        <v>-4.9800999999999998E-2</v>
      </c>
      <c r="C3587">
        <f t="shared" si="166"/>
        <v>3</v>
      </c>
      <c r="D3587">
        <f t="shared" si="167"/>
        <v>5</v>
      </c>
    </row>
    <row r="3588" spans="1:4" x14ac:dyDescent="0.25">
      <c r="A3588" s="7">
        <f t="shared" si="168"/>
        <v>44711.166666657984</v>
      </c>
      <c r="B3588" s="8">
        <v>-4.9800999999999998E-2</v>
      </c>
      <c r="C3588">
        <f t="shared" si="166"/>
        <v>4</v>
      </c>
      <c r="D3588">
        <f t="shared" si="167"/>
        <v>5</v>
      </c>
    </row>
    <row r="3589" spans="1:4" x14ac:dyDescent="0.25">
      <c r="A3589" s="7">
        <f t="shared" si="168"/>
        <v>44711.208333324648</v>
      </c>
      <c r="B3589" s="8">
        <v>-4.9800999999999998E-2</v>
      </c>
      <c r="C3589">
        <f t="shared" si="166"/>
        <v>5</v>
      </c>
      <c r="D3589">
        <f t="shared" si="167"/>
        <v>5</v>
      </c>
    </row>
    <row r="3590" spans="1:4" x14ac:dyDescent="0.25">
      <c r="A3590" s="7">
        <f t="shared" si="168"/>
        <v>44711.249999991313</v>
      </c>
      <c r="B3590" s="8">
        <v>-4.9800999999999998E-2</v>
      </c>
      <c r="C3590">
        <f t="shared" si="166"/>
        <v>6</v>
      </c>
      <c r="D3590">
        <f t="shared" si="167"/>
        <v>5</v>
      </c>
    </row>
    <row r="3591" spans="1:4" x14ac:dyDescent="0.25">
      <c r="A3591" s="7">
        <f t="shared" si="168"/>
        <v>44711.291666657977</v>
      </c>
      <c r="B3591" s="8">
        <v>2.1777136136055497</v>
      </c>
      <c r="C3591">
        <f t="shared" si="166"/>
        <v>7</v>
      </c>
      <c r="D3591">
        <f t="shared" si="167"/>
        <v>5</v>
      </c>
    </row>
    <row r="3592" spans="1:4" x14ac:dyDescent="0.25">
      <c r="A3592" s="7">
        <f t="shared" si="168"/>
        <v>44711.333333324641</v>
      </c>
      <c r="B3592" s="8">
        <v>6.7579686216416652</v>
      </c>
      <c r="C3592">
        <f t="shared" si="166"/>
        <v>8</v>
      </c>
      <c r="D3592">
        <f t="shared" si="167"/>
        <v>5</v>
      </c>
    </row>
    <row r="3593" spans="1:4" x14ac:dyDescent="0.25">
      <c r="A3593" s="7">
        <f t="shared" si="168"/>
        <v>44711.374999991305</v>
      </c>
      <c r="B3593" s="8">
        <v>12.917662777553561</v>
      </c>
      <c r="C3593">
        <f t="shared" si="166"/>
        <v>9</v>
      </c>
      <c r="D3593">
        <f t="shared" si="167"/>
        <v>5</v>
      </c>
    </row>
    <row r="3594" spans="1:4" x14ac:dyDescent="0.25">
      <c r="A3594" s="7">
        <f t="shared" si="168"/>
        <v>44711.416666657969</v>
      </c>
      <c r="B3594" s="8">
        <v>18.093828018940602</v>
      </c>
      <c r="C3594">
        <f t="shared" ref="C3594:C3657" si="169">HOUR(A3594)</f>
        <v>10</v>
      </c>
      <c r="D3594">
        <f t="shared" ref="D3594:D3657" si="170">MONTH(A3594)</f>
        <v>5</v>
      </c>
    </row>
    <row r="3595" spans="1:4" x14ac:dyDescent="0.25">
      <c r="A3595" s="7">
        <f t="shared" ref="A3595:A3658" si="171">+A3594+1/24</f>
        <v>44711.458333324634</v>
      </c>
      <c r="B3595" s="8">
        <v>20.451307803824424</v>
      </c>
      <c r="C3595">
        <f t="shared" si="169"/>
        <v>11</v>
      </c>
      <c r="D3595">
        <f t="shared" si="170"/>
        <v>5</v>
      </c>
    </row>
    <row r="3596" spans="1:4" x14ac:dyDescent="0.25">
      <c r="A3596" s="7">
        <f t="shared" si="171"/>
        <v>44711.499999991298</v>
      </c>
      <c r="B3596" s="8">
        <v>20.451297497667586</v>
      </c>
      <c r="C3596">
        <f t="shared" si="169"/>
        <v>12</v>
      </c>
      <c r="D3596">
        <f t="shared" si="170"/>
        <v>5</v>
      </c>
    </row>
    <row r="3597" spans="1:4" x14ac:dyDescent="0.25">
      <c r="A3597" s="7">
        <f t="shared" si="171"/>
        <v>44711.541666657962</v>
      </c>
      <c r="B3597" s="8">
        <v>20.223719003582264</v>
      </c>
      <c r="C3597">
        <f t="shared" si="169"/>
        <v>13</v>
      </c>
      <c r="D3597">
        <f t="shared" si="170"/>
        <v>5</v>
      </c>
    </row>
    <row r="3598" spans="1:4" x14ac:dyDescent="0.25">
      <c r="A3598" s="7">
        <f t="shared" si="171"/>
        <v>44711.583333324626</v>
      </c>
      <c r="B3598" s="8">
        <v>20.45130368136169</v>
      </c>
      <c r="C3598">
        <f t="shared" si="169"/>
        <v>14</v>
      </c>
      <c r="D3598">
        <f t="shared" si="170"/>
        <v>5</v>
      </c>
    </row>
    <row r="3599" spans="1:4" x14ac:dyDescent="0.25">
      <c r="A3599" s="7">
        <f t="shared" si="171"/>
        <v>44711.624999991291</v>
      </c>
      <c r="B3599" s="8">
        <v>18.678403541000101</v>
      </c>
      <c r="C3599">
        <f t="shared" si="169"/>
        <v>15</v>
      </c>
      <c r="D3599">
        <f t="shared" si="170"/>
        <v>5</v>
      </c>
    </row>
    <row r="3600" spans="1:4" x14ac:dyDescent="0.25">
      <c r="A3600" s="7">
        <f t="shared" si="171"/>
        <v>44711.666666657955</v>
      </c>
      <c r="B3600" s="8">
        <v>11.099485628967296</v>
      </c>
      <c r="C3600">
        <f t="shared" si="169"/>
        <v>16</v>
      </c>
      <c r="D3600">
        <f t="shared" si="170"/>
        <v>5</v>
      </c>
    </row>
    <row r="3601" spans="1:4" x14ac:dyDescent="0.25">
      <c r="A3601" s="7">
        <f t="shared" si="171"/>
        <v>44711.708333324619</v>
      </c>
      <c r="B3601" s="8">
        <v>10.127651110607545</v>
      </c>
      <c r="C3601">
        <f t="shared" si="169"/>
        <v>17</v>
      </c>
      <c r="D3601">
        <f t="shared" si="170"/>
        <v>5</v>
      </c>
    </row>
    <row r="3602" spans="1:4" x14ac:dyDescent="0.25">
      <c r="A3602" s="7">
        <f t="shared" si="171"/>
        <v>44711.749999991283</v>
      </c>
      <c r="B3602" s="8">
        <v>4.0311295736553969</v>
      </c>
      <c r="C3602">
        <f t="shared" si="169"/>
        <v>18</v>
      </c>
      <c r="D3602">
        <f t="shared" si="170"/>
        <v>5</v>
      </c>
    </row>
    <row r="3603" spans="1:4" x14ac:dyDescent="0.25">
      <c r="A3603" s="7">
        <f t="shared" si="171"/>
        <v>44711.791666657948</v>
      </c>
      <c r="B3603" s="8">
        <v>1.8897070301266818</v>
      </c>
      <c r="C3603">
        <f t="shared" si="169"/>
        <v>19</v>
      </c>
      <c r="D3603">
        <f t="shared" si="170"/>
        <v>5</v>
      </c>
    </row>
    <row r="3604" spans="1:4" x14ac:dyDescent="0.25">
      <c r="A3604" s="7">
        <f t="shared" si="171"/>
        <v>44711.833333324612</v>
      </c>
      <c r="B3604" s="8">
        <v>-4.9800999999999998E-2</v>
      </c>
      <c r="C3604">
        <f t="shared" si="169"/>
        <v>20</v>
      </c>
      <c r="D3604">
        <f t="shared" si="170"/>
        <v>5</v>
      </c>
    </row>
    <row r="3605" spans="1:4" x14ac:dyDescent="0.25">
      <c r="A3605" s="7">
        <f t="shared" si="171"/>
        <v>44711.874999991276</v>
      </c>
      <c r="B3605" s="8">
        <v>-4.9800999999999998E-2</v>
      </c>
      <c r="C3605">
        <f t="shared" si="169"/>
        <v>21</v>
      </c>
      <c r="D3605">
        <f t="shared" si="170"/>
        <v>5</v>
      </c>
    </row>
    <row r="3606" spans="1:4" x14ac:dyDescent="0.25">
      <c r="A3606" s="7">
        <f t="shared" si="171"/>
        <v>44711.91666665794</v>
      </c>
      <c r="B3606" s="8">
        <v>-4.9800999999999998E-2</v>
      </c>
      <c r="C3606">
        <f t="shared" si="169"/>
        <v>22</v>
      </c>
      <c r="D3606">
        <f t="shared" si="170"/>
        <v>5</v>
      </c>
    </row>
    <row r="3607" spans="1:4" x14ac:dyDescent="0.25">
      <c r="A3607" s="7">
        <f t="shared" si="171"/>
        <v>44711.958333324605</v>
      </c>
      <c r="B3607" s="8">
        <v>-4.9800999999999998E-2</v>
      </c>
      <c r="C3607">
        <f t="shared" si="169"/>
        <v>23</v>
      </c>
      <c r="D3607">
        <f t="shared" si="170"/>
        <v>5</v>
      </c>
    </row>
    <row r="3608" spans="1:4" x14ac:dyDescent="0.25">
      <c r="A3608" s="7">
        <f t="shared" si="171"/>
        <v>44711.999999991269</v>
      </c>
      <c r="B3608" s="8">
        <v>-4.9800999999999998E-2</v>
      </c>
      <c r="C3608">
        <f t="shared" si="169"/>
        <v>0</v>
      </c>
      <c r="D3608">
        <f t="shared" si="170"/>
        <v>5</v>
      </c>
    </row>
    <row r="3609" spans="1:4" x14ac:dyDescent="0.25">
      <c r="A3609" s="7">
        <f t="shared" si="171"/>
        <v>44712.041666657933</v>
      </c>
      <c r="B3609" s="8">
        <v>-4.9800999999999998E-2</v>
      </c>
      <c r="C3609">
        <f t="shared" si="169"/>
        <v>1</v>
      </c>
      <c r="D3609">
        <f t="shared" si="170"/>
        <v>5</v>
      </c>
    </row>
    <row r="3610" spans="1:4" x14ac:dyDescent="0.25">
      <c r="A3610" s="7">
        <f t="shared" si="171"/>
        <v>44712.083333324597</v>
      </c>
      <c r="B3610" s="8">
        <v>-4.9800999999999998E-2</v>
      </c>
      <c r="C3610">
        <f t="shared" si="169"/>
        <v>2</v>
      </c>
      <c r="D3610">
        <f t="shared" si="170"/>
        <v>5</v>
      </c>
    </row>
    <row r="3611" spans="1:4" x14ac:dyDescent="0.25">
      <c r="A3611" s="7">
        <f t="shared" si="171"/>
        <v>44712.124999991262</v>
      </c>
      <c r="B3611" s="8">
        <v>-4.9800999999999998E-2</v>
      </c>
      <c r="C3611">
        <f t="shared" si="169"/>
        <v>3</v>
      </c>
      <c r="D3611">
        <f t="shared" si="170"/>
        <v>5</v>
      </c>
    </row>
    <row r="3612" spans="1:4" x14ac:dyDescent="0.25">
      <c r="A3612" s="7">
        <f t="shared" si="171"/>
        <v>44712.166666657926</v>
      </c>
      <c r="B3612" s="8">
        <v>-4.9800999999999998E-2</v>
      </c>
      <c r="C3612">
        <f t="shared" si="169"/>
        <v>4</v>
      </c>
      <c r="D3612">
        <f t="shared" si="170"/>
        <v>5</v>
      </c>
    </row>
    <row r="3613" spans="1:4" x14ac:dyDescent="0.25">
      <c r="A3613" s="7">
        <f t="shared" si="171"/>
        <v>44712.20833332459</v>
      </c>
      <c r="B3613" s="8">
        <v>-4.9800999999999998E-2</v>
      </c>
      <c r="C3613">
        <f t="shared" si="169"/>
        <v>5</v>
      </c>
      <c r="D3613">
        <f t="shared" si="170"/>
        <v>5</v>
      </c>
    </row>
    <row r="3614" spans="1:4" x14ac:dyDescent="0.25">
      <c r="A3614" s="7">
        <f t="shared" si="171"/>
        <v>44712.249999991254</v>
      </c>
      <c r="B3614" s="8">
        <v>0.27100039407899179</v>
      </c>
      <c r="C3614">
        <f t="shared" si="169"/>
        <v>6</v>
      </c>
      <c r="D3614">
        <f t="shared" si="170"/>
        <v>5</v>
      </c>
    </row>
    <row r="3615" spans="1:4" x14ac:dyDescent="0.25">
      <c r="A3615" s="7">
        <f t="shared" si="171"/>
        <v>44712.291666657919</v>
      </c>
      <c r="B3615" s="8">
        <v>2.2058257176150295</v>
      </c>
      <c r="C3615">
        <f t="shared" si="169"/>
        <v>7</v>
      </c>
      <c r="D3615">
        <f t="shared" si="170"/>
        <v>5</v>
      </c>
    </row>
    <row r="3616" spans="1:4" x14ac:dyDescent="0.25">
      <c r="A3616" s="7">
        <f t="shared" si="171"/>
        <v>44712.333333324583</v>
      </c>
      <c r="B3616" s="8">
        <v>7.1533900941583299</v>
      </c>
      <c r="C3616">
        <f t="shared" si="169"/>
        <v>8</v>
      </c>
      <c r="D3616">
        <f t="shared" si="170"/>
        <v>5</v>
      </c>
    </row>
    <row r="3617" spans="1:4" x14ac:dyDescent="0.25">
      <c r="A3617" s="7">
        <f t="shared" si="171"/>
        <v>44712.374999991247</v>
      </c>
      <c r="B3617" s="8">
        <v>9.0890584613237912</v>
      </c>
      <c r="C3617">
        <f t="shared" si="169"/>
        <v>9</v>
      </c>
      <c r="D3617">
        <f t="shared" si="170"/>
        <v>5</v>
      </c>
    </row>
    <row r="3618" spans="1:4" x14ac:dyDescent="0.25">
      <c r="A3618" s="7">
        <f t="shared" si="171"/>
        <v>44712.416666657911</v>
      </c>
      <c r="B3618" s="8">
        <v>7.0456412856389532</v>
      </c>
      <c r="C3618">
        <f t="shared" si="169"/>
        <v>10</v>
      </c>
      <c r="D3618">
        <f t="shared" si="170"/>
        <v>5</v>
      </c>
    </row>
    <row r="3619" spans="1:4" x14ac:dyDescent="0.25">
      <c r="A3619" s="7">
        <f t="shared" si="171"/>
        <v>44712.458333324576</v>
      </c>
      <c r="B3619" s="8">
        <v>6.830105535819893</v>
      </c>
      <c r="C3619">
        <f t="shared" si="169"/>
        <v>11</v>
      </c>
      <c r="D3619">
        <f t="shared" si="170"/>
        <v>5</v>
      </c>
    </row>
    <row r="3620" spans="1:4" x14ac:dyDescent="0.25">
      <c r="A3620" s="7">
        <f t="shared" si="171"/>
        <v>44712.49999999124</v>
      </c>
      <c r="B3620" s="8">
        <v>6.2247445566476935</v>
      </c>
      <c r="C3620">
        <f t="shared" si="169"/>
        <v>12</v>
      </c>
      <c r="D3620">
        <f t="shared" si="170"/>
        <v>5</v>
      </c>
    </row>
    <row r="3621" spans="1:4" x14ac:dyDescent="0.25">
      <c r="A3621" s="7">
        <f t="shared" si="171"/>
        <v>44712.541666657904</v>
      </c>
      <c r="B3621" s="8">
        <v>4.2641167388497738</v>
      </c>
      <c r="C3621">
        <f t="shared" si="169"/>
        <v>13</v>
      </c>
      <c r="D3621">
        <f t="shared" si="170"/>
        <v>5</v>
      </c>
    </row>
    <row r="3622" spans="1:4" x14ac:dyDescent="0.25">
      <c r="A3622" s="7">
        <f t="shared" si="171"/>
        <v>44712.583333324568</v>
      </c>
      <c r="B3622" s="8">
        <v>5.8472145724033657</v>
      </c>
      <c r="C3622">
        <f t="shared" si="169"/>
        <v>14</v>
      </c>
      <c r="D3622">
        <f t="shared" si="170"/>
        <v>5</v>
      </c>
    </row>
    <row r="3623" spans="1:4" x14ac:dyDescent="0.25">
      <c r="A3623" s="7">
        <f t="shared" si="171"/>
        <v>44712.624999991232</v>
      </c>
      <c r="B3623" s="8">
        <v>6.269032173815833</v>
      </c>
      <c r="C3623">
        <f t="shared" si="169"/>
        <v>15</v>
      </c>
      <c r="D3623">
        <f t="shared" si="170"/>
        <v>5</v>
      </c>
    </row>
    <row r="3624" spans="1:4" x14ac:dyDescent="0.25">
      <c r="A3624" s="7">
        <f t="shared" si="171"/>
        <v>44712.666666657897</v>
      </c>
      <c r="B3624" s="8">
        <v>7.8830392023449827</v>
      </c>
      <c r="C3624">
        <f t="shared" si="169"/>
        <v>16</v>
      </c>
      <c r="D3624">
        <f t="shared" si="170"/>
        <v>5</v>
      </c>
    </row>
    <row r="3625" spans="1:4" x14ac:dyDescent="0.25">
      <c r="A3625" s="7">
        <f t="shared" si="171"/>
        <v>44712.708333324561</v>
      </c>
      <c r="B3625" s="8">
        <v>5.0640095202033466</v>
      </c>
      <c r="C3625">
        <f t="shared" si="169"/>
        <v>17</v>
      </c>
      <c r="D3625">
        <f t="shared" si="170"/>
        <v>5</v>
      </c>
    </row>
    <row r="3626" spans="1:4" x14ac:dyDescent="0.25">
      <c r="A3626" s="7">
        <f t="shared" si="171"/>
        <v>44712.749999991225</v>
      </c>
      <c r="B3626" s="8">
        <v>2.4095124789164006</v>
      </c>
      <c r="C3626">
        <f t="shared" si="169"/>
        <v>18</v>
      </c>
      <c r="D3626">
        <f t="shared" si="170"/>
        <v>5</v>
      </c>
    </row>
    <row r="3627" spans="1:4" x14ac:dyDescent="0.25">
      <c r="A3627" s="7">
        <f t="shared" si="171"/>
        <v>44712.791666657889</v>
      </c>
      <c r="B3627" s="8">
        <v>1.6749081705216038</v>
      </c>
      <c r="C3627">
        <f t="shared" si="169"/>
        <v>19</v>
      </c>
      <c r="D3627">
        <f t="shared" si="170"/>
        <v>5</v>
      </c>
    </row>
    <row r="3628" spans="1:4" x14ac:dyDescent="0.25">
      <c r="A3628" s="7">
        <f t="shared" si="171"/>
        <v>44712.833333324554</v>
      </c>
      <c r="B3628" s="8">
        <v>0.20616333078976015</v>
      </c>
      <c r="C3628">
        <f t="shared" si="169"/>
        <v>20</v>
      </c>
      <c r="D3628">
        <f t="shared" si="170"/>
        <v>5</v>
      </c>
    </row>
    <row r="3629" spans="1:4" x14ac:dyDescent="0.25">
      <c r="A3629" s="7">
        <f t="shared" si="171"/>
        <v>44712.874999991218</v>
      </c>
      <c r="B3629" s="8">
        <v>-4.9800999999999998E-2</v>
      </c>
      <c r="C3629">
        <f t="shared" si="169"/>
        <v>21</v>
      </c>
      <c r="D3629">
        <f t="shared" si="170"/>
        <v>5</v>
      </c>
    </row>
    <row r="3630" spans="1:4" x14ac:dyDescent="0.25">
      <c r="A3630" s="7">
        <f t="shared" si="171"/>
        <v>44712.916666657882</v>
      </c>
      <c r="B3630" s="8">
        <v>-4.9800999999999998E-2</v>
      </c>
      <c r="C3630">
        <f t="shared" si="169"/>
        <v>22</v>
      </c>
      <c r="D3630">
        <f t="shared" si="170"/>
        <v>5</v>
      </c>
    </row>
    <row r="3631" spans="1:4" x14ac:dyDescent="0.25">
      <c r="A3631" s="7">
        <f t="shared" si="171"/>
        <v>44712.958333324546</v>
      </c>
      <c r="B3631" s="8">
        <v>-4.9800999999999998E-2</v>
      </c>
      <c r="C3631">
        <f t="shared" si="169"/>
        <v>23</v>
      </c>
      <c r="D3631">
        <f t="shared" si="170"/>
        <v>5</v>
      </c>
    </row>
    <row r="3632" spans="1:4" x14ac:dyDescent="0.25">
      <c r="A3632" s="7">
        <f t="shared" si="171"/>
        <v>44712.999999991211</v>
      </c>
      <c r="B3632" s="8">
        <v>-4.9800999999999998E-2</v>
      </c>
      <c r="C3632">
        <f t="shared" si="169"/>
        <v>0</v>
      </c>
      <c r="D3632">
        <f t="shared" si="170"/>
        <v>6</v>
      </c>
    </row>
    <row r="3633" spans="1:4" x14ac:dyDescent="0.25">
      <c r="A3633" s="7">
        <f t="shared" si="171"/>
        <v>44713.041666657875</v>
      </c>
      <c r="B3633" s="8">
        <v>-4.9800999999999998E-2</v>
      </c>
      <c r="C3633">
        <f t="shared" si="169"/>
        <v>1</v>
      </c>
      <c r="D3633">
        <f t="shared" si="170"/>
        <v>6</v>
      </c>
    </row>
    <row r="3634" spans="1:4" x14ac:dyDescent="0.25">
      <c r="A3634" s="7">
        <f t="shared" si="171"/>
        <v>44713.083333324539</v>
      </c>
      <c r="B3634" s="8">
        <v>-4.9800999999999998E-2</v>
      </c>
      <c r="C3634">
        <f t="shared" si="169"/>
        <v>2</v>
      </c>
      <c r="D3634">
        <f t="shared" si="170"/>
        <v>6</v>
      </c>
    </row>
    <row r="3635" spans="1:4" x14ac:dyDescent="0.25">
      <c r="A3635" s="7">
        <f t="shared" si="171"/>
        <v>44713.124999991203</v>
      </c>
      <c r="B3635" s="8">
        <v>-4.9800999999999998E-2</v>
      </c>
      <c r="C3635">
        <f t="shared" si="169"/>
        <v>3</v>
      </c>
      <c r="D3635">
        <f t="shared" si="170"/>
        <v>6</v>
      </c>
    </row>
    <row r="3636" spans="1:4" x14ac:dyDescent="0.25">
      <c r="A3636" s="7">
        <f t="shared" si="171"/>
        <v>44713.166666657868</v>
      </c>
      <c r="B3636" s="8">
        <v>-4.9800999999999998E-2</v>
      </c>
      <c r="C3636">
        <f t="shared" si="169"/>
        <v>4</v>
      </c>
      <c r="D3636">
        <f t="shared" si="170"/>
        <v>6</v>
      </c>
    </row>
    <row r="3637" spans="1:4" x14ac:dyDescent="0.25">
      <c r="A3637" s="7">
        <f t="shared" si="171"/>
        <v>44713.208333324532</v>
      </c>
      <c r="B3637" s="8">
        <v>-4.9800999999999998E-2</v>
      </c>
      <c r="C3637">
        <f t="shared" si="169"/>
        <v>5</v>
      </c>
      <c r="D3637">
        <f t="shared" si="170"/>
        <v>6</v>
      </c>
    </row>
    <row r="3638" spans="1:4" x14ac:dyDescent="0.25">
      <c r="A3638" s="7">
        <f t="shared" si="171"/>
        <v>44713.249999991196</v>
      </c>
      <c r="B3638" s="8">
        <v>-4.9800999999999998E-2</v>
      </c>
      <c r="C3638">
        <f t="shared" si="169"/>
        <v>6</v>
      </c>
      <c r="D3638">
        <f t="shared" si="170"/>
        <v>6</v>
      </c>
    </row>
    <row r="3639" spans="1:4" x14ac:dyDescent="0.25">
      <c r="A3639" s="7">
        <f t="shared" si="171"/>
        <v>44713.29166665786</v>
      </c>
      <c r="B3639" s="8">
        <v>1.9404998934915383</v>
      </c>
      <c r="C3639">
        <f t="shared" si="169"/>
        <v>7</v>
      </c>
      <c r="D3639">
        <f t="shared" si="170"/>
        <v>6</v>
      </c>
    </row>
    <row r="3640" spans="1:4" x14ac:dyDescent="0.25">
      <c r="A3640" s="7">
        <f t="shared" si="171"/>
        <v>44713.333333324525</v>
      </c>
      <c r="B3640" s="8">
        <v>4.4641262633910248</v>
      </c>
      <c r="C3640">
        <f t="shared" si="169"/>
        <v>8</v>
      </c>
      <c r="D3640">
        <f t="shared" si="170"/>
        <v>6</v>
      </c>
    </row>
    <row r="3641" spans="1:4" x14ac:dyDescent="0.25">
      <c r="A3641" s="7">
        <f t="shared" si="171"/>
        <v>44713.374999991189</v>
      </c>
      <c r="B3641" s="8">
        <v>9.9642964634795419</v>
      </c>
      <c r="C3641">
        <f t="shared" si="169"/>
        <v>9</v>
      </c>
      <c r="D3641">
        <f t="shared" si="170"/>
        <v>6</v>
      </c>
    </row>
    <row r="3642" spans="1:4" x14ac:dyDescent="0.25">
      <c r="A3642" s="7">
        <f t="shared" si="171"/>
        <v>44713.416666657853</v>
      </c>
      <c r="B3642" s="8">
        <v>13.147325176551707</v>
      </c>
      <c r="C3642">
        <f t="shared" si="169"/>
        <v>10</v>
      </c>
      <c r="D3642">
        <f t="shared" si="170"/>
        <v>6</v>
      </c>
    </row>
    <row r="3643" spans="1:4" x14ac:dyDescent="0.25">
      <c r="A3643" s="7">
        <f t="shared" si="171"/>
        <v>44713.458333324517</v>
      </c>
      <c r="B3643" s="8">
        <v>13.988365289084607</v>
      </c>
      <c r="C3643">
        <f t="shared" si="169"/>
        <v>11</v>
      </c>
      <c r="D3643">
        <f t="shared" si="170"/>
        <v>6</v>
      </c>
    </row>
    <row r="3644" spans="1:4" x14ac:dyDescent="0.25">
      <c r="A3644" s="7">
        <f t="shared" si="171"/>
        <v>44713.499999991182</v>
      </c>
      <c r="B3644" s="8">
        <v>20.451312956902846</v>
      </c>
      <c r="C3644">
        <f t="shared" si="169"/>
        <v>12</v>
      </c>
      <c r="D3644">
        <f t="shared" si="170"/>
        <v>6</v>
      </c>
    </row>
    <row r="3645" spans="1:4" x14ac:dyDescent="0.25">
      <c r="A3645" s="7">
        <f t="shared" si="171"/>
        <v>44713.541666657846</v>
      </c>
      <c r="B3645" s="8">
        <v>20.451307803824424</v>
      </c>
      <c r="C3645">
        <f t="shared" si="169"/>
        <v>13</v>
      </c>
      <c r="D3645">
        <f t="shared" si="170"/>
        <v>6</v>
      </c>
    </row>
    <row r="3646" spans="1:4" x14ac:dyDescent="0.25">
      <c r="A3646" s="7">
        <f t="shared" si="171"/>
        <v>44713.58333332451</v>
      </c>
      <c r="B3646" s="8">
        <v>20.451310895671476</v>
      </c>
      <c r="C3646">
        <f t="shared" si="169"/>
        <v>14</v>
      </c>
      <c r="D3646">
        <f t="shared" si="170"/>
        <v>6</v>
      </c>
    </row>
    <row r="3647" spans="1:4" x14ac:dyDescent="0.25">
      <c r="A3647" s="7">
        <f t="shared" si="171"/>
        <v>44713.624999991174</v>
      </c>
      <c r="B3647" s="8">
        <v>19.497625519505036</v>
      </c>
      <c r="C3647">
        <f t="shared" si="169"/>
        <v>15</v>
      </c>
      <c r="D3647">
        <f t="shared" si="170"/>
        <v>6</v>
      </c>
    </row>
    <row r="3648" spans="1:4" x14ac:dyDescent="0.25">
      <c r="A3648" s="7">
        <f t="shared" si="171"/>
        <v>44713.666666657839</v>
      </c>
      <c r="B3648" s="8">
        <v>12.469325373363226</v>
      </c>
      <c r="C3648">
        <f t="shared" si="169"/>
        <v>16</v>
      </c>
      <c r="D3648">
        <f t="shared" si="170"/>
        <v>6</v>
      </c>
    </row>
    <row r="3649" spans="1:4" x14ac:dyDescent="0.25">
      <c r="A3649" s="7">
        <f t="shared" si="171"/>
        <v>44713.708333324503</v>
      </c>
      <c r="B3649" s="8">
        <v>3.8122937924165203</v>
      </c>
      <c r="C3649">
        <f t="shared" si="169"/>
        <v>17</v>
      </c>
      <c r="D3649">
        <f t="shared" si="170"/>
        <v>6</v>
      </c>
    </row>
    <row r="3650" spans="1:4" x14ac:dyDescent="0.25">
      <c r="A3650" s="7">
        <f t="shared" si="171"/>
        <v>44713.749999991167</v>
      </c>
      <c r="B3650" s="8">
        <v>1.1797426815023375</v>
      </c>
      <c r="C3650">
        <f t="shared" si="169"/>
        <v>18</v>
      </c>
      <c r="D3650">
        <f t="shared" si="170"/>
        <v>6</v>
      </c>
    </row>
    <row r="3651" spans="1:4" x14ac:dyDescent="0.25">
      <c r="A3651" s="7">
        <f t="shared" si="171"/>
        <v>44713.791666657831</v>
      </c>
      <c r="B3651" s="8">
        <v>0.8915557402787887</v>
      </c>
      <c r="C3651">
        <f t="shared" si="169"/>
        <v>19</v>
      </c>
      <c r="D3651">
        <f t="shared" si="170"/>
        <v>6</v>
      </c>
    </row>
    <row r="3652" spans="1:4" x14ac:dyDescent="0.25">
      <c r="A3652" s="7">
        <f t="shared" si="171"/>
        <v>44713.833333324495</v>
      </c>
      <c r="B3652" s="8">
        <v>-4.9800999999999998E-2</v>
      </c>
      <c r="C3652">
        <f t="shared" si="169"/>
        <v>20</v>
      </c>
      <c r="D3652">
        <f t="shared" si="170"/>
        <v>6</v>
      </c>
    </row>
    <row r="3653" spans="1:4" x14ac:dyDescent="0.25">
      <c r="A3653" s="7">
        <f t="shared" si="171"/>
        <v>44713.87499999116</v>
      </c>
      <c r="B3653" s="8">
        <v>-4.9800999999999998E-2</v>
      </c>
      <c r="C3653">
        <f t="shared" si="169"/>
        <v>21</v>
      </c>
      <c r="D3653">
        <f t="shared" si="170"/>
        <v>6</v>
      </c>
    </row>
    <row r="3654" spans="1:4" x14ac:dyDescent="0.25">
      <c r="A3654" s="7">
        <f t="shared" si="171"/>
        <v>44713.916666657824</v>
      </c>
      <c r="B3654" s="8">
        <v>-4.9800999999999998E-2</v>
      </c>
      <c r="C3654">
        <f t="shared" si="169"/>
        <v>22</v>
      </c>
      <c r="D3654">
        <f t="shared" si="170"/>
        <v>6</v>
      </c>
    </row>
    <row r="3655" spans="1:4" x14ac:dyDescent="0.25">
      <c r="A3655" s="7">
        <f t="shared" si="171"/>
        <v>44713.958333324488</v>
      </c>
      <c r="B3655" s="8">
        <v>-4.9800999999999998E-2</v>
      </c>
      <c r="C3655">
        <f t="shared" si="169"/>
        <v>23</v>
      </c>
      <c r="D3655">
        <f t="shared" si="170"/>
        <v>6</v>
      </c>
    </row>
    <row r="3656" spans="1:4" x14ac:dyDescent="0.25">
      <c r="A3656" s="7">
        <f t="shared" si="171"/>
        <v>44713.999999991152</v>
      </c>
      <c r="B3656" s="8">
        <v>-4.9800999999999998E-2</v>
      </c>
      <c r="C3656">
        <f t="shared" si="169"/>
        <v>0</v>
      </c>
      <c r="D3656">
        <f t="shared" si="170"/>
        <v>6</v>
      </c>
    </row>
    <row r="3657" spans="1:4" x14ac:dyDescent="0.25">
      <c r="A3657" s="7">
        <f t="shared" si="171"/>
        <v>44714.041666657817</v>
      </c>
      <c r="B3657" s="8">
        <v>-4.9800999999999998E-2</v>
      </c>
      <c r="C3657">
        <f t="shared" si="169"/>
        <v>1</v>
      </c>
      <c r="D3657">
        <f t="shared" si="170"/>
        <v>6</v>
      </c>
    </row>
    <row r="3658" spans="1:4" x14ac:dyDescent="0.25">
      <c r="A3658" s="7">
        <f t="shared" si="171"/>
        <v>44714.083333324481</v>
      </c>
      <c r="B3658" s="8">
        <v>-4.9800999999999998E-2</v>
      </c>
      <c r="C3658">
        <f t="shared" ref="C3658:C3721" si="172">HOUR(A3658)</f>
        <v>2</v>
      </c>
      <c r="D3658">
        <f t="shared" ref="D3658:D3721" si="173">MONTH(A3658)</f>
        <v>6</v>
      </c>
    </row>
    <row r="3659" spans="1:4" x14ac:dyDescent="0.25">
      <c r="A3659" s="7">
        <f t="shared" ref="A3659:A3722" si="174">+A3658+1/24</f>
        <v>44714.124999991145</v>
      </c>
      <c r="B3659" s="8">
        <v>-4.9800999999999998E-2</v>
      </c>
      <c r="C3659">
        <f t="shared" si="172"/>
        <v>3</v>
      </c>
      <c r="D3659">
        <f t="shared" si="173"/>
        <v>6</v>
      </c>
    </row>
    <row r="3660" spans="1:4" x14ac:dyDescent="0.25">
      <c r="A3660" s="7">
        <f t="shared" si="174"/>
        <v>44714.166666657809</v>
      </c>
      <c r="B3660" s="8">
        <v>-4.9800999999999998E-2</v>
      </c>
      <c r="C3660">
        <f t="shared" si="172"/>
        <v>4</v>
      </c>
      <c r="D3660">
        <f t="shared" si="173"/>
        <v>6</v>
      </c>
    </row>
    <row r="3661" spans="1:4" x14ac:dyDescent="0.25">
      <c r="A3661" s="7">
        <f t="shared" si="174"/>
        <v>44714.208333324474</v>
      </c>
      <c r="B3661" s="8">
        <v>-4.9800999999999998E-2</v>
      </c>
      <c r="C3661">
        <f t="shared" si="172"/>
        <v>5</v>
      </c>
      <c r="D3661">
        <f t="shared" si="173"/>
        <v>6</v>
      </c>
    </row>
    <row r="3662" spans="1:4" x14ac:dyDescent="0.25">
      <c r="A3662" s="7">
        <f t="shared" si="174"/>
        <v>44714.249999991138</v>
      </c>
      <c r="B3662" s="8">
        <v>0.20623753511900028</v>
      </c>
      <c r="C3662">
        <f t="shared" si="172"/>
        <v>6</v>
      </c>
      <c r="D3662">
        <f t="shared" si="173"/>
        <v>6</v>
      </c>
    </row>
    <row r="3663" spans="1:4" x14ac:dyDescent="0.25">
      <c r="A3663" s="7">
        <f t="shared" si="174"/>
        <v>44714.291666657802</v>
      </c>
      <c r="B3663" s="8">
        <v>1.7994116982139885</v>
      </c>
      <c r="C3663">
        <f t="shared" si="172"/>
        <v>7</v>
      </c>
      <c r="D3663">
        <f t="shared" si="173"/>
        <v>6</v>
      </c>
    </row>
    <row r="3664" spans="1:4" x14ac:dyDescent="0.25">
      <c r="A3664" s="7">
        <f t="shared" si="174"/>
        <v>44714.333333324466</v>
      </c>
      <c r="B3664" s="8">
        <v>4.8215870684229536</v>
      </c>
      <c r="C3664">
        <f t="shared" si="172"/>
        <v>8</v>
      </c>
      <c r="D3664">
        <f t="shared" si="173"/>
        <v>6</v>
      </c>
    </row>
    <row r="3665" spans="1:4" x14ac:dyDescent="0.25">
      <c r="A3665" s="7">
        <f t="shared" si="174"/>
        <v>44714.374999991131</v>
      </c>
      <c r="B3665" s="8">
        <v>9.464876592917177</v>
      </c>
      <c r="C3665">
        <f t="shared" si="172"/>
        <v>9</v>
      </c>
      <c r="D3665">
        <f t="shared" si="173"/>
        <v>6</v>
      </c>
    </row>
    <row r="3666" spans="1:4" x14ac:dyDescent="0.25">
      <c r="A3666" s="7">
        <f t="shared" si="174"/>
        <v>44714.416666657795</v>
      </c>
      <c r="B3666" s="8">
        <v>10.253185253983819</v>
      </c>
      <c r="C3666">
        <f t="shared" si="172"/>
        <v>10</v>
      </c>
      <c r="D3666">
        <f t="shared" si="173"/>
        <v>6</v>
      </c>
    </row>
    <row r="3667" spans="1:4" x14ac:dyDescent="0.25">
      <c r="A3667" s="7">
        <f t="shared" si="174"/>
        <v>44714.458333324459</v>
      </c>
      <c r="B3667" s="8">
        <v>3.9988661496712075</v>
      </c>
      <c r="C3667">
        <f t="shared" si="172"/>
        <v>11</v>
      </c>
      <c r="D3667">
        <f t="shared" si="173"/>
        <v>6</v>
      </c>
    </row>
    <row r="3668" spans="1:4" x14ac:dyDescent="0.25">
      <c r="A3668" s="7">
        <f t="shared" si="174"/>
        <v>44714.499999991123</v>
      </c>
      <c r="B3668" s="8">
        <v>3.4522667543317045</v>
      </c>
      <c r="C3668">
        <f t="shared" si="172"/>
        <v>12</v>
      </c>
      <c r="D3668">
        <f t="shared" si="173"/>
        <v>6</v>
      </c>
    </row>
    <row r="3669" spans="1:4" x14ac:dyDescent="0.25">
      <c r="A3669" s="7">
        <f t="shared" si="174"/>
        <v>44714.541666657788</v>
      </c>
      <c r="B3669" s="8">
        <v>7.982378186883814</v>
      </c>
      <c r="C3669">
        <f t="shared" si="172"/>
        <v>13</v>
      </c>
      <c r="D3669">
        <f t="shared" si="173"/>
        <v>6</v>
      </c>
    </row>
    <row r="3670" spans="1:4" x14ac:dyDescent="0.25">
      <c r="A3670" s="7">
        <f t="shared" si="174"/>
        <v>44714.583333324452</v>
      </c>
      <c r="B3670" s="8">
        <v>18.771605209141363</v>
      </c>
      <c r="C3670">
        <f t="shared" si="172"/>
        <v>14</v>
      </c>
      <c r="D3670">
        <f t="shared" si="173"/>
        <v>6</v>
      </c>
    </row>
    <row r="3671" spans="1:4" x14ac:dyDescent="0.25">
      <c r="A3671" s="7">
        <f t="shared" si="174"/>
        <v>44714.624999991116</v>
      </c>
      <c r="B3671" s="8">
        <v>13.740208491639047</v>
      </c>
      <c r="C3671">
        <f t="shared" si="172"/>
        <v>15</v>
      </c>
      <c r="D3671">
        <f t="shared" si="173"/>
        <v>6</v>
      </c>
    </row>
    <row r="3672" spans="1:4" x14ac:dyDescent="0.25">
      <c r="A3672" s="7">
        <f t="shared" si="174"/>
        <v>44714.66666665778</v>
      </c>
      <c r="B3672" s="8">
        <v>4.1349414302623133</v>
      </c>
      <c r="C3672">
        <f t="shared" si="172"/>
        <v>16</v>
      </c>
      <c r="D3672">
        <f t="shared" si="173"/>
        <v>6</v>
      </c>
    </row>
    <row r="3673" spans="1:4" x14ac:dyDescent="0.25">
      <c r="A3673" s="7">
        <f t="shared" si="174"/>
        <v>44714.708333324445</v>
      </c>
      <c r="B3673" s="8">
        <v>1.9053641435963453</v>
      </c>
      <c r="C3673">
        <f t="shared" si="172"/>
        <v>17</v>
      </c>
      <c r="D3673">
        <f t="shared" si="173"/>
        <v>6</v>
      </c>
    </row>
    <row r="3674" spans="1:4" x14ac:dyDescent="0.25">
      <c r="A3674" s="7">
        <f t="shared" si="174"/>
        <v>44714.749999991109</v>
      </c>
      <c r="B3674" s="8">
        <v>1.7509150465928398</v>
      </c>
      <c r="C3674">
        <f t="shared" si="172"/>
        <v>18</v>
      </c>
      <c r="D3674">
        <f t="shared" si="173"/>
        <v>6</v>
      </c>
    </row>
    <row r="3675" spans="1:4" x14ac:dyDescent="0.25">
      <c r="A3675" s="7">
        <f t="shared" si="174"/>
        <v>44714.791666657773</v>
      </c>
      <c r="B3675" s="8">
        <v>0.56794756861560924</v>
      </c>
      <c r="C3675">
        <f t="shared" si="172"/>
        <v>19</v>
      </c>
      <c r="D3675">
        <f t="shared" si="173"/>
        <v>6</v>
      </c>
    </row>
    <row r="3676" spans="1:4" x14ac:dyDescent="0.25">
      <c r="A3676" s="7">
        <f t="shared" si="174"/>
        <v>44714.833333324437</v>
      </c>
      <c r="B3676" s="8">
        <v>-4.9800999999999998E-2</v>
      </c>
      <c r="C3676">
        <f t="shared" si="172"/>
        <v>20</v>
      </c>
      <c r="D3676">
        <f t="shared" si="173"/>
        <v>6</v>
      </c>
    </row>
    <row r="3677" spans="1:4" x14ac:dyDescent="0.25">
      <c r="A3677" s="7">
        <f t="shared" si="174"/>
        <v>44714.874999991102</v>
      </c>
      <c r="B3677" s="8">
        <v>-4.9800999999999998E-2</v>
      </c>
      <c r="C3677">
        <f t="shared" si="172"/>
        <v>21</v>
      </c>
      <c r="D3677">
        <f t="shared" si="173"/>
        <v>6</v>
      </c>
    </row>
    <row r="3678" spans="1:4" x14ac:dyDescent="0.25">
      <c r="A3678" s="7">
        <f t="shared" si="174"/>
        <v>44714.916666657766</v>
      </c>
      <c r="B3678" s="8">
        <v>-4.9800999999999998E-2</v>
      </c>
      <c r="C3678">
        <f t="shared" si="172"/>
        <v>22</v>
      </c>
      <c r="D3678">
        <f t="shared" si="173"/>
        <v>6</v>
      </c>
    </row>
    <row r="3679" spans="1:4" x14ac:dyDescent="0.25">
      <c r="A3679" s="7">
        <f t="shared" si="174"/>
        <v>44714.95833332443</v>
      </c>
      <c r="B3679" s="8">
        <v>-4.9800999999999998E-2</v>
      </c>
      <c r="C3679">
        <f t="shared" si="172"/>
        <v>23</v>
      </c>
      <c r="D3679">
        <f t="shared" si="173"/>
        <v>6</v>
      </c>
    </row>
    <row r="3680" spans="1:4" x14ac:dyDescent="0.25">
      <c r="A3680" s="7">
        <f t="shared" si="174"/>
        <v>44714.999999991094</v>
      </c>
      <c r="B3680" s="8">
        <v>-4.9800999999999998E-2</v>
      </c>
      <c r="C3680">
        <f t="shared" si="172"/>
        <v>0</v>
      </c>
      <c r="D3680">
        <f t="shared" si="173"/>
        <v>6</v>
      </c>
    </row>
    <row r="3681" spans="1:4" x14ac:dyDescent="0.25">
      <c r="A3681" s="7">
        <f t="shared" si="174"/>
        <v>44715.041666657758</v>
      </c>
      <c r="B3681" s="8">
        <v>-4.9800999999999998E-2</v>
      </c>
      <c r="C3681">
        <f t="shared" si="172"/>
        <v>1</v>
      </c>
      <c r="D3681">
        <f t="shared" si="173"/>
        <v>6</v>
      </c>
    </row>
    <row r="3682" spans="1:4" x14ac:dyDescent="0.25">
      <c r="A3682" s="7">
        <f t="shared" si="174"/>
        <v>44715.083333324423</v>
      </c>
      <c r="B3682" s="8">
        <v>-4.9800999999999998E-2</v>
      </c>
      <c r="C3682">
        <f t="shared" si="172"/>
        <v>2</v>
      </c>
      <c r="D3682">
        <f t="shared" si="173"/>
        <v>6</v>
      </c>
    </row>
    <row r="3683" spans="1:4" x14ac:dyDescent="0.25">
      <c r="A3683" s="7">
        <f t="shared" si="174"/>
        <v>44715.124999991087</v>
      </c>
      <c r="B3683" s="8">
        <v>-4.9800999999999998E-2</v>
      </c>
      <c r="C3683">
        <f t="shared" si="172"/>
        <v>3</v>
      </c>
      <c r="D3683">
        <f t="shared" si="173"/>
        <v>6</v>
      </c>
    </row>
    <row r="3684" spans="1:4" x14ac:dyDescent="0.25">
      <c r="A3684" s="7">
        <f t="shared" si="174"/>
        <v>44715.166666657751</v>
      </c>
      <c r="B3684" s="8">
        <v>-4.9800999999999998E-2</v>
      </c>
      <c r="C3684">
        <f t="shared" si="172"/>
        <v>4</v>
      </c>
      <c r="D3684">
        <f t="shared" si="173"/>
        <v>6</v>
      </c>
    </row>
    <row r="3685" spans="1:4" x14ac:dyDescent="0.25">
      <c r="A3685" s="7">
        <f t="shared" si="174"/>
        <v>44715.208333324415</v>
      </c>
      <c r="B3685" s="8">
        <v>-4.9800999999999998E-2</v>
      </c>
      <c r="C3685">
        <f t="shared" si="172"/>
        <v>5</v>
      </c>
      <c r="D3685">
        <f t="shared" si="173"/>
        <v>6</v>
      </c>
    </row>
    <row r="3686" spans="1:4" x14ac:dyDescent="0.25">
      <c r="A3686" s="7">
        <f t="shared" si="174"/>
        <v>44715.24999999108</v>
      </c>
      <c r="B3686" s="8">
        <v>0.29074905181370037</v>
      </c>
      <c r="C3686">
        <f t="shared" si="172"/>
        <v>6</v>
      </c>
      <c r="D3686">
        <f t="shared" si="173"/>
        <v>6</v>
      </c>
    </row>
    <row r="3687" spans="1:4" x14ac:dyDescent="0.25">
      <c r="A3687" s="7">
        <f t="shared" si="174"/>
        <v>44715.291666657744</v>
      </c>
      <c r="B3687" s="8">
        <v>1.9284179858292907</v>
      </c>
      <c r="C3687">
        <f t="shared" si="172"/>
        <v>7</v>
      </c>
      <c r="D3687">
        <f t="shared" si="173"/>
        <v>6</v>
      </c>
    </row>
    <row r="3688" spans="1:4" x14ac:dyDescent="0.25">
      <c r="A3688" s="7">
        <f t="shared" si="174"/>
        <v>44715.333333324408</v>
      </c>
      <c r="B3688" s="8">
        <v>6.0077710979496066</v>
      </c>
      <c r="C3688">
        <f t="shared" si="172"/>
        <v>8</v>
      </c>
      <c r="D3688">
        <f t="shared" si="173"/>
        <v>6</v>
      </c>
    </row>
    <row r="3689" spans="1:4" x14ac:dyDescent="0.25">
      <c r="A3689" s="7">
        <f t="shared" si="174"/>
        <v>44715.374999991072</v>
      </c>
      <c r="B3689" s="8">
        <v>12.452903543056115</v>
      </c>
      <c r="C3689">
        <f t="shared" si="172"/>
        <v>9</v>
      </c>
      <c r="D3689">
        <f t="shared" si="173"/>
        <v>6</v>
      </c>
    </row>
    <row r="3690" spans="1:4" x14ac:dyDescent="0.25">
      <c r="A3690" s="7">
        <f t="shared" si="174"/>
        <v>44715.416666657737</v>
      </c>
      <c r="B3690" s="8">
        <v>17.464943236783601</v>
      </c>
      <c r="C3690">
        <f t="shared" si="172"/>
        <v>10</v>
      </c>
      <c r="D3690">
        <f t="shared" si="173"/>
        <v>6</v>
      </c>
    </row>
    <row r="3691" spans="1:4" x14ac:dyDescent="0.25">
      <c r="A3691" s="7">
        <f t="shared" si="174"/>
        <v>44715.458333324401</v>
      </c>
      <c r="B3691" s="8">
        <v>20.228410366175336</v>
      </c>
      <c r="C3691">
        <f t="shared" si="172"/>
        <v>11</v>
      </c>
      <c r="D3691">
        <f t="shared" si="173"/>
        <v>6</v>
      </c>
    </row>
    <row r="3692" spans="1:4" x14ac:dyDescent="0.25">
      <c r="A3692" s="7">
        <f t="shared" si="174"/>
        <v>44715.499999991065</v>
      </c>
      <c r="B3692" s="8">
        <v>20.451306773208739</v>
      </c>
      <c r="C3692">
        <f t="shared" si="172"/>
        <v>12</v>
      </c>
      <c r="D3692">
        <f t="shared" si="173"/>
        <v>6</v>
      </c>
    </row>
    <row r="3693" spans="1:4" x14ac:dyDescent="0.25">
      <c r="A3693" s="7">
        <f t="shared" si="174"/>
        <v>44715.541666657729</v>
      </c>
      <c r="B3693" s="8">
        <v>15.835680004285821</v>
      </c>
      <c r="C3693">
        <f t="shared" si="172"/>
        <v>13</v>
      </c>
      <c r="D3693">
        <f t="shared" si="173"/>
        <v>6</v>
      </c>
    </row>
    <row r="3694" spans="1:4" x14ac:dyDescent="0.25">
      <c r="A3694" s="7">
        <f t="shared" si="174"/>
        <v>44715.583333324394</v>
      </c>
      <c r="B3694" s="8">
        <v>20.45130368136169</v>
      </c>
      <c r="C3694">
        <f t="shared" si="172"/>
        <v>14</v>
      </c>
      <c r="D3694">
        <f t="shared" si="173"/>
        <v>6</v>
      </c>
    </row>
    <row r="3695" spans="1:4" x14ac:dyDescent="0.25">
      <c r="A3695" s="7">
        <f t="shared" si="174"/>
        <v>44715.624999991058</v>
      </c>
      <c r="B3695" s="8">
        <v>20.451318109981262</v>
      </c>
      <c r="C3695">
        <f t="shared" si="172"/>
        <v>15</v>
      </c>
      <c r="D3695">
        <f t="shared" si="173"/>
        <v>6</v>
      </c>
    </row>
    <row r="3696" spans="1:4" x14ac:dyDescent="0.25">
      <c r="A3696" s="7">
        <f t="shared" si="174"/>
        <v>44715.666666657722</v>
      </c>
      <c r="B3696" s="8">
        <v>15.948741636655654</v>
      </c>
      <c r="C3696">
        <f t="shared" si="172"/>
        <v>16</v>
      </c>
      <c r="D3696">
        <f t="shared" si="173"/>
        <v>6</v>
      </c>
    </row>
    <row r="3697" spans="1:4" x14ac:dyDescent="0.25">
      <c r="A3697" s="7">
        <f t="shared" si="174"/>
        <v>44715.708333324386</v>
      </c>
      <c r="B3697" s="8">
        <v>8.7782361078349549</v>
      </c>
      <c r="C3697">
        <f t="shared" si="172"/>
        <v>17</v>
      </c>
      <c r="D3697">
        <f t="shared" si="173"/>
        <v>6</v>
      </c>
    </row>
    <row r="3698" spans="1:4" x14ac:dyDescent="0.25">
      <c r="A3698" s="7">
        <f t="shared" si="174"/>
        <v>44715.749999991051</v>
      </c>
      <c r="B3698" s="8">
        <v>6.6272339915244789</v>
      </c>
      <c r="C3698">
        <f t="shared" si="172"/>
        <v>18</v>
      </c>
      <c r="D3698">
        <f t="shared" si="173"/>
        <v>6</v>
      </c>
    </row>
    <row r="3699" spans="1:4" x14ac:dyDescent="0.25">
      <c r="A3699" s="7">
        <f t="shared" si="174"/>
        <v>44715.791666657715</v>
      </c>
      <c r="B3699" s="8">
        <v>1.2881067675849978</v>
      </c>
      <c r="C3699">
        <f t="shared" si="172"/>
        <v>19</v>
      </c>
      <c r="D3699">
        <f t="shared" si="173"/>
        <v>6</v>
      </c>
    </row>
    <row r="3700" spans="1:4" x14ac:dyDescent="0.25">
      <c r="A3700" s="7">
        <f t="shared" si="174"/>
        <v>44715.833333324379</v>
      </c>
      <c r="B3700" s="8">
        <v>0.24502681761358483</v>
      </c>
      <c r="C3700">
        <f t="shared" si="172"/>
        <v>20</v>
      </c>
      <c r="D3700">
        <f t="shared" si="173"/>
        <v>6</v>
      </c>
    </row>
    <row r="3701" spans="1:4" x14ac:dyDescent="0.25">
      <c r="A3701" s="7">
        <f t="shared" si="174"/>
        <v>44715.874999991043</v>
      </c>
      <c r="B3701" s="8">
        <v>-4.9800999999999998E-2</v>
      </c>
      <c r="C3701">
        <f t="shared" si="172"/>
        <v>21</v>
      </c>
      <c r="D3701">
        <f t="shared" si="173"/>
        <v>6</v>
      </c>
    </row>
    <row r="3702" spans="1:4" x14ac:dyDescent="0.25">
      <c r="A3702" s="7">
        <f t="shared" si="174"/>
        <v>44715.916666657708</v>
      </c>
      <c r="B3702" s="8">
        <v>-4.9800999999999998E-2</v>
      </c>
      <c r="C3702">
        <f t="shared" si="172"/>
        <v>22</v>
      </c>
      <c r="D3702">
        <f t="shared" si="173"/>
        <v>6</v>
      </c>
    </row>
    <row r="3703" spans="1:4" x14ac:dyDescent="0.25">
      <c r="A3703" s="7">
        <f t="shared" si="174"/>
        <v>44715.958333324372</v>
      </c>
      <c r="B3703" s="8">
        <v>-4.9800999999999998E-2</v>
      </c>
      <c r="C3703">
        <f t="shared" si="172"/>
        <v>23</v>
      </c>
      <c r="D3703">
        <f t="shared" si="173"/>
        <v>6</v>
      </c>
    </row>
    <row r="3704" spans="1:4" x14ac:dyDescent="0.25">
      <c r="A3704" s="7">
        <f t="shared" si="174"/>
        <v>44715.999999991036</v>
      </c>
      <c r="B3704" s="8">
        <v>-4.9800999999999998E-2</v>
      </c>
      <c r="C3704">
        <f t="shared" si="172"/>
        <v>0</v>
      </c>
      <c r="D3704">
        <f t="shared" si="173"/>
        <v>6</v>
      </c>
    </row>
    <row r="3705" spans="1:4" x14ac:dyDescent="0.25">
      <c r="A3705" s="7">
        <f t="shared" si="174"/>
        <v>44716.0416666577</v>
      </c>
      <c r="B3705" s="8">
        <v>-4.9800999999999998E-2</v>
      </c>
      <c r="C3705">
        <f t="shared" si="172"/>
        <v>1</v>
      </c>
      <c r="D3705">
        <f t="shared" si="173"/>
        <v>6</v>
      </c>
    </row>
    <row r="3706" spans="1:4" x14ac:dyDescent="0.25">
      <c r="A3706" s="7">
        <f t="shared" si="174"/>
        <v>44716.083333324365</v>
      </c>
      <c r="B3706" s="8">
        <v>-4.9800999999999998E-2</v>
      </c>
      <c r="C3706">
        <f t="shared" si="172"/>
        <v>2</v>
      </c>
      <c r="D3706">
        <f t="shared" si="173"/>
        <v>6</v>
      </c>
    </row>
    <row r="3707" spans="1:4" x14ac:dyDescent="0.25">
      <c r="A3707" s="7">
        <f t="shared" si="174"/>
        <v>44716.124999991029</v>
      </c>
      <c r="B3707" s="8">
        <v>-4.9800999999999998E-2</v>
      </c>
      <c r="C3707">
        <f t="shared" si="172"/>
        <v>3</v>
      </c>
      <c r="D3707">
        <f t="shared" si="173"/>
        <v>6</v>
      </c>
    </row>
    <row r="3708" spans="1:4" x14ac:dyDescent="0.25">
      <c r="A3708" s="7">
        <f t="shared" si="174"/>
        <v>44716.166666657693</v>
      </c>
      <c r="B3708" s="8">
        <v>-4.9800999999999998E-2</v>
      </c>
      <c r="C3708">
        <f t="shared" si="172"/>
        <v>4</v>
      </c>
      <c r="D3708">
        <f t="shared" si="173"/>
        <v>6</v>
      </c>
    </row>
    <row r="3709" spans="1:4" x14ac:dyDescent="0.25">
      <c r="A3709" s="7">
        <f t="shared" si="174"/>
        <v>44716.208333324357</v>
      </c>
      <c r="B3709" s="8">
        <v>-4.9800999999999998E-2</v>
      </c>
      <c r="C3709">
        <f t="shared" si="172"/>
        <v>5</v>
      </c>
      <c r="D3709">
        <f t="shared" si="173"/>
        <v>6</v>
      </c>
    </row>
    <row r="3710" spans="1:4" x14ac:dyDescent="0.25">
      <c r="A3710" s="7">
        <f t="shared" si="174"/>
        <v>44716.249999991021</v>
      </c>
      <c r="B3710" s="8">
        <v>0.2898008853845212</v>
      </c>
      <c r="C3710">
        <f t="shared" si="172"/>
        <v>6</v>
      </c>
      <c r="D3710">
        <f t="shared" si="173"/>
        <v>6</v>
      </c>
    </row>
    <row r="3711" spans="1:4" x14ac:dyDescent="0.25">
      <c r="A3711" s="7">
        <f t="shared" si="174"/>
        <v>44716.291666657686</v>
      </c>
      <c r="B3711" s="8">
        <v>2.1239319647574111</v>
      </c>
      <c r="C3711">
        <f t="shared" si="172"/>
        <v>7</v>
      </c>
      <c r="D3711">
        <f t="shared" si="173"/>
        <v>6</v>
      </c>
    </row>
    <row r="3712" spans="1:4" x14ac:dyDescent="0.25">
      <c r="A3712" s="7">
        <f t="shared" si="174"/>
        <v>44716.33333332435</v>
      </c>
      <c r="B3712" s="8">
        <v>6.4808154519298471</v>
      </c>
      <c r="C3712">
        <f t="shared" si="172"/>
        <v>8</v>
      </c>
      <c r="D3712">
        <f t="shared" si="173"/>
        <v>6</v>
      </c>
    </row>
    <row r="3713" spans="1:4" x14ac:dyDescent="0.25">
      <c r="A3713" s="7">
        <f t="shared" si="174"/>
        <v>44716.374999991014</v>
      </c>
      <c r="B3713" s="8">
        <v>12.673922168313473</v>
      </c>
      <c r="C3713">
        <f t="shared" si="172"/>
        <v>9</v>
      </c>
      <c r="D3713">
        <f t="shared" si="173"/>
        <v>6</v>
      </c>
    </row>
    <row r="3714" spans="1:4" x14ac:dyDescent="0.25">
      <c r="A3714" s="7">
        <f t="shared" si="174"/>
        <v>44716.416666657678</v>
      </c>
      <c r="B3714" s="8">
        <v>17.36488076003468</v>
      </c>
      <c r="C3714">
        <f t="shared" si="172"/>
        <v>10</v>
      </c>
      <c r="D3714">
        <f t="shared" si="173"/>
        <v>6</v>
      </c>
    </row>
    <row r="3715" spans="1:4" x14ac:dyDescent="0.25">
      <c r="A3715" s="7">
        <f t="shared" si="174"/>
        <v>44716.458333324343</v>
      </c>
      <c r="B3715" s="8">
        <v>19.775913397084818</v>
      </c>
      <c r="C3715">
        <f t="shared" si="172"/>
        <v>11</v>
      </c>
      <c r="D3715">
        <f t="shared" si="173"/>
        <v>6</v>
      </c>
    </row>
    <row r="3716" spans="1:4" x14ac:dyDescent="0.25">
      <c r="A3716" s="7">
        <f t="shared" si="174"/>
        <v>44716.499999991007</v>
      </c>
      <c r="B3716" s="8">
        <v>15.270654231134042</v>
      </c>
      <c r="C3716">
        <f t="shared" si="172"/>
        <v>12</v>
      </c>
      <c r="D3716">
        <f t="shared" si="173"/>
        <v>6</v>
      </c>
    </row>
    <row r="3717" spans="1:4" x14ac:dyDescent="0.25">
      <c r="A3717" s="7">
        <f t="shared" si="174"/>
        <v>44716.541666657671</v>
      </c>
      <c r="B3717" s="8">
        <v>3.6051307644133863</v>
      </c>
      <c r="C3717">
        <f t="shared" si="172"/>
        <v>13</v>
      </c>
      <c r="D3717">
        <f t="shared" si="173"/>
        <v>6</v>
      </c>
    </row>
    <row r="3718" spans="1:4" x14ac:dyDescent="0.25">
      <c r="A3718" s="7">
        <f t="shared" si="174"/>
        <v>44716.583333324335</v>
      </c>
      <c r="B3718" s="8">
        <v>5.7030530811564537</v>
      </c>
      <c r="C3718">
        <f t="shared" si="172"/>
        <v>14</v>
      </c>
      <c r="D3718">
        <f t="shared" si="173"/>
        <v>6</v>
      </c>
    </row>
    <row r="3719" spans="1:4" x14ac:dyDescent="0.25">
      <c r="A3719" s="7">
        <f t="shared" si="174"/>
        <v>44716.624999991</v>
      </c>
      <c r="B3719" s="8">
        <v>10.344959519402895</v>
      </c>
      <c r="C3719">
        <f t="shared" si="172"/>
        <v>15</v>
      </c>
      <c r="D3719">
        <f t="shared" si="173"/>
        <v>6</v>
      </c>
    </row>
    <row r="3720" spans="1:4" x14ac:dyDescent="0.25">
      <c r="A3720" s="7">
        <f t="shared" si="174"/>
        <v>44716.666666657664</v>
      </c>
      <c r="B3720" s="8">
        <v>8.7942621817194535</v>
      </c>
      <c r="C3720">
        <f t="shared" si="172"/>
        <v>16</v>
      </c>
      <c r="D3720">
        <f t="shared" si="173"/>
        <v>6</v>
      </c>
    </row>
    <row r="3721" spans="1:4" x14ac:dyDescent="0.25">
      <c r="A3721" s="7">
        <f t="shared" si="174"/>
        <v>44716.708333324328</v>
      </c>
      <c r="B3721" s="8">
        <v>8.4486761305973097</v>
      </c>
      <c r="C3721">
        <f t="shared" si="172"/>
        <v>17</v>
      </c>
      <c r="D3721">
        <f t="shared" si="173"/>
        <v>6</v>
      </c>
    </row>
    <row r="3722" spans="1:4" x14ac:dyDescent="0.25">
      <c r="A3722" s="7">
        <f t="shared" si="174"/>
        <v>44716.749999990992</v>
      </c>
      <c r="B3722" s="8">
        <v>4.6102387101275397</v>
      </c>
      <c r="C3722">
        <f t="shared" ref="C3722:C3785" si="175">HOUR(A3722)</f>
        <v>18</v>
      </c>
      <c r="D3722">
        <f t="shared" ref="D3722:D3785" si="176">MONTH(A3722)</f>
        <v>6</v>
      </c>
    </row>
    <row r="3723" spans="1:4" x14ac:dyDescent="0.25">
      <c r="A3723" s="7">
        <f t="shared" ref="A3723:A3786" si="177">+A3722+1/24</f>
        <v>44716.791666657657</v>
      </c>
      <c r="B3723" s="8">
        <v>1.436314456006863</v>
      </c>
      <c r="C3723">
        <f t="shared" si="175"/>
        <v>19</v>
      </c>
      <c r="D3723">
        <f t="shared" si="176"/>
        <v>6</v>
      </c>
    </row>
    <row r="3724" spans="1:4" x14ac:dyDescent="0.25">
      <c r="A3724" s="7">
        <f t="shared" si="177"/>
        <v>44716.833333324321</v>
      </c>
      <c r="B3724" s="8">
        <v>0.19014240998368323</v>
      </c>
      <c r="C3724">
        <f t="shared" si="175"/>
        <v>20</v>
      </c>
      <c r="D3724">
        <f t="shared" si="176"/>
        <v>6</v>
      </c>
    </row>
    <row r="3725" spans="1:4" x14ac:dyDescent="0.25">
      <c r="A3725" s="7">
        <f t="shared" si="177"/>
        <v>44716.874999990985</v>
      </c>
      <c r="B3725" s="8">
        <v>-4.9800999999999998E-2</v>
      </c>
      <c r="C3725">
        <f t="shared" si="175"/>
        <v>21</v>
      </c>
      <c r="D3725">
        <f t="shared" si="176"/>
        <v>6</v>
      </c>
    </row>
    <row r="3726" spans="1:4" x14ac:dyDescent="0.25">
      <c r="A3726" s="7">
        <f t="shared" si="177"/>
        <v>44716.916666657649</v>
      </c>
      <c r="B3726" s="8">
        <v>-4.9800999999999998E-2</v>
      </c>
      <c r="C3726">
        <f t="shared" si="175"/>
        <v>22</v>
      </c>
      <c r="D3726">
        <f t="shared" si="176"/>
        <v>6</v>
      </c>
    </row>
    <row r="3727" spans="1:4" x14ac:dyDescent="0.25">
      <c r="A3727" s="7">
        <f t="shared" si="177"/>
        <v>44716.958333324314</v>
      </c>
      <c r="B3727" s="8">
        <v>-4.9800999999999998E-2</v>
      </c>
      <c r="C3727">
        <f t="shared" si="175"/>
        <v>23</v>
      </c>
      <c r="D3727">
        <f t="shared" si="176"/>
        <v>6</v>
      </c>
    </row>
    <row r="3728" spans="1:4" x14ac:dyDescent="0.25">
      <c r="A3728" s="7">
        <f t="shared" si="177"/>
        <v>44716.999999990978</v>
      </c>
      <c r="B3728" s="8">
        <v>-4.9800999999999998E-2</v>
      </c>
      <c r="C3728">
        <f t="shared" si="175"/>
        <v>0</v>
      </c>
      <c r="D3728">
        <f t="shared" si="176"/>
        <v>6</v>
      </c>
    </row>
    <row r="3729" spans="1:4" x14ac:dyDescent="0.25">
      <c r="A3729" s="7">
        <f t="shared" si="177"/>
        <v>44717.041666657642</v>
      </c>
      <c r="B3729" s="8">
        <v>-4.9800999999999998E-2</v>
      </c>
      <c r="C3729">
        <f t="shared" si="175"/>
        <v>1</v>
      </c>
      <c r="D3729">
        <f t="shared" si="176"/>
        <v>6</v>
      </c>
    </row>
    <row r="3730" spans="1:4" x14ac:dyDescent="0.25">
      <c r="A3730" s="7">
        <f t="shared" si="177"/>
        <v>44717.083333324306</v>
      </c>
      <c r="B3730" s="8">
        <v>-4.9800999999999998E-2</v>
      </c>
      <c r="C3730">
        <f t="shared" si="175"/>
        <v>2</v>
      </c>
      <c r="D3730">
        <f t="shared" si="176"/>
        <v>6</v>
      </c>
    </row>
    <row r="3731" spans="1:4" x14ac:dyDescent="0.25">
      <c r="A3731" s="7">
        <f t="shared" si="177"/>
        <v>44717.124999990971</v>
      </c>
      <c r="B3731" s="8">
        <v>-4.9800999999999998E-2</v>
      </c>
      <c r="C3731">
        <f t="shared" si="175"/>
        <v>3</v>
      </c>
      <c r="D3731">
        <f t="shared" si="176"/>
        <v>6</v>
      </c>
    </row>
    <row r="3732" spans="1:4" x14ac:dyDescent="0.25">
      <c r="A3732" s="7">
        <f t="shared" si="177"/>
        <v>44717.166666657635</v>
      </c>
      <c r="B3732" s="8">
        <v>-4.9800999999999998E-2</v>
      </c>
      <c r="C3732">
        <f t="shared" si="175"/>
        <v>4</v>
      </c>
      <c r="D3732">
        <f t="shared" si="176"/>
        <v>6</v>
      </c>
    </row>
    <row r="3733" spans="1:4" x14ac:dyDescent="0.25">
      <c r="A3733" s="7">
        <f t="shared" si="177"/>
        <v>44717.208333324299</v>
      </c>
      <c r="B3733" s="8">
        <v>-4.9800999999999998E-2</v>
      </c>
      <c r="C3733">
        <f t="shared" si="175"/>
        <v>5</v>
      </c>
      <c r="D3733">
        <f t="shared" si="176"/>
        <v>6</v>
      </c>
    </row>
    <row r="3734" spans="1:4" x14ac:dyDescent="0.25">
      <c r="A3734" s="7">
        <f t="shared" si="177"/>
        <v>44717.249999990963</v>
      </c>
      <c r="B3734" s="8">
        <v>0.33332069386816293</v>
      </c>
      <c r="C3734">
        <f t="shared" si="175"/>
        <v>6</v>
      </c>
      <c r="D3734">
        <f t="shared" si="176"/>
        <v>6</v>
      </c>
    </row>
    <row r="3735" spans="1:4" x14ac:dyDescent="0.25">
      <c r="A3735" s="7">
        <f t="shared" si="177"/>
        <v>44717.291666657628</v>
      </c>
      <c r="B3735" s="8">
        <v>2.2239109616359385</v>
      </c>
      <c r="C3735">
        <f t="shared" si="175"/>
        <v>7</v>
      </c>
      <c r="D3735">
        <f t="shared" si="176"/>
        <v>6</v>
      </c>
    </row>
    <row r="3736" spans="1:4" x14ac:dyDescent="0.25">
      <c r="A3736" s="7">
        <f t="shared" si="177"/>
        <v>44717.333333324292</v>
      </c>
      <c r="B3736" s="8">
        <v>6.7739751138281683</v>
      </c>
      <c r="C3736">
        <f t="shared" si="175"/>
        <v>8</v>
      </c>
      <c r="D3736">
        <f t="shared" si="176"/>
        <v>6</v>
      </c>
    </row>
    <row r="3737" spans="1:4" x14ac:dyDescent="0.25">
      <c r="A3737" s="7">
        <f t="shared" si="177"/>
        <v>44717.374999990956</v>
      </c>
      <c r="B3737" s="8">
        <v>12.803776652636616</v>
      </c>
      <c r="C3737">
        <f t="shared" si="175"/>
        <v>9</v>
      </c>
      <c r="D3737">
        <f t="shared" si="176"/>
        <v>6</v>
      </c>
    </row>
    <row r="3738" spans="1:4" x14ac:dyDescent="0.25">
      <c r="A3738" s="7">
        <f t="shared" si="177"/>
        <v>44717.41666665762</v>
      </c>
      <c r="B3738" s="8">
        <v>17.731378003382961</v>
      </c>
      <c r="C3738">
        <f t="shared" si="175"/>
        <v>10</v>
      </c>
      <c r="D3738">
        <f t="shared" si="176"/>
        <v>6</v>
      </c>
    </row>
    <row r="3739" spans="1:4" x14ac:dyDescent="0.25">
      <c r="A3739" s="7">
        <f t="shared" si="177"/>
        <v>44717.458333324284</v>
      </c>
      <c r="B3739" s="8">
        <v>20.45129234458917</v>
      </c>
      <c r="C3739">
        <f t="shared" si="175"/>
        <v>11</v>
      </c>
      <c r="D3739">
        <f t="shared" si="176"/>
        <v>6</v>
      </c>
    </row>
    <row r="3740" spans="1:4" x14ac:dyDescent="0.25">
      <c r="A3740" s="7">
        <f t="shared" si="177"/>
        <v>44717.499999990949</v>
      </c>
      <c r="B3740" s="8">
        <v>20.451307803824424</v>
      </c>
      <c r="C3740">
        <f t="shared" si="175"/>
        <v>12</v>
      </c>
      <c r="D3740">
        <f t="shared" si="176"/>
        <v>6</v>
      </c>
    </row>
    <row r="3741" spans="1:4" x14ac:dyDescent="0.25">
      <c r="A3741" s="7">
        <f t="shared" si="177"/>
        <v>44717.541666657613</v>
      </c>
      <c r="B3741" s="8">
        <v>20.4512964670519</v>
      </c>
      <c r="C3741">
        <f t="shared" si="175"/>
        <v>13</v>
      </c>
      <c r="D3741">
        <f t="shared" si="176"/>
        <v>6</v>
      </c>
    </row>
    <row r="3742" spans="1:4" x14ac:dyDescent="0.25">
      <c r="A3742" s="7">
        <f t="shared" si="177"/>
        <v>44717.583333324277</v>
      </c>
      <c r="B3742" s="8">
        <v>16.989106944915704</v>
      </c>
      <c r="C3742">
        <f t="shared" si="175"/>
        <v>14</v>
      </c>
      <c r="D3742">
        <f t="shared" si="176"/>
        <v>6</v>
      </c>
    </row>
    <row r="3743" spans="1:4" x14ac:dyDescent="0.25">
      <c r="A3743" s="7">
        <f t="shared" si="177"/>
        <v>44717.624999990941</v>
      </c>
      <c r="B3743" s="8">
        <v>17.287900982757847</v>
      </c>
      <c r="C3743">
        <f t="shared" si="175"/>
        <v>15</v>
      </c>
      <c r="D3743">
        <f t="shared" si="176"/>
        <v>6</v>
      </c>
    </row>
    <row r="3744" spans="1:4" x14ac:dyDescent="0.25">
      <c r="A3744" s="7">
        <f t="shared" si="177"/>
        <v>44717.666666657606</v>
      </c>
      <c r="B3744" s="8">
        <v>5.4815881993079723</v>
      </c>
      <c r="C3744">
        <f t="shared" si="175"/>
        <v>16</v>
      </c>
      <c r="D3744">
        <f t="shared" si="176"/>
        <v>6</v>
      </c>
    </row>
    <row r="3745" spans="1:4" x14ac:dyDescent="0.25">
      <c r="A3745" s="7">
        <f t="shared" si="177"/>
        <v>44717.70833332427</v>
      </c>
      <c r="B3745" s="8">
        <v>4.964902424193391</v>
      </c>
      <c r="C3745">
        <f t="shared" si="175"/>
        <v>17</v>
      </c>
      <c r="D3745">
        <f t="shared" si="176"/>
        <v>6</v>
      </c>
    </row>
    <row r="3746" spans="1:4" x14ac:dyDescent="0.25">
      <c r="A3746" s="7">
        <f t="shared" si="177"/>
        <v>44717.749999990934</v>
      </c>
      <c r="B3746" s="8">
        <v>6.8211989550797112</v>
      </c>
      <c r="C3746">
        <f t="shared" si="175"/>
        <v>18</v>
      </c>
      <c r="D3746">
        <f t="shared" si="176"/>
        <v>6</v>
      </c>
    </row>
    <row r="3747" spans="1:4" x14ac:dyDescent="0.25">
      <c r="A3747" s="7">
        <f t="shared" si="177"/>
        <v>44717.791666657598</v>
      </c>
      <c r="B3747" s="8">
        <v>1.8826524657704518</v>
      </c>
      <c r="C3747">
        <f t="shared" si="175"/>
        <v>19</v>
      </c>
      <c r="D3747">
        <f t="shared" si="176"/>
        <v>6</v>
      </c>
    </row>
    <row r="3748" spans="1:4" x14ac:dyDescent="0.25">
      <c r="A3748" s="7">
        <f t="shared" si="177"/>
        <v>44717.833333324263</v>
      </c>
      <c r="B3748" s="8">
        <v>0.268712427260755</v>
      </c>
      <c r="C3748">
        <f t="shared" si="175"/>
        <v>20</v>
      </c>
      <c r="D3748">
        <f t="shared" si="176"/>
        <v>6</v>
      </c>
    </row>
    <row r="3749" spans="1:4" x14ac:dyDescent="0.25">
      <c r="A3749" s="7">
        <f t="shared" si="177"/>
        <v>44717.874999990927</v>
      </c>
      <c r="B3749" s="8">
        <v>-4.9800999999999998E-2</v>
      </c>
      <c r="C3749">
        <f t="shared" si="175"/>
        <v>21</v>
      </c>
      <c r="D3749">
        <f t="shared" si="176"/>
        <v>6</v>
      </c>
    </row>
    <row r="3750" spans="1:4" x14ac:dyDescent="0.25">
      <c r="A3750" s="7">
        <f t="shared" si="177"/>
        <v>44717.916666657591</v>
      </c>
      <c r="B3750" s="8">
        <v>-4.9800999999999998E-2</v>
      </c>
      <c r="C3750">
        <f t="shared" si="175"/>
        <v>22</v>
      </c>
      <c r="D3750">
        <f t="shared" si="176"/>
        <v>6</v>
      </c>
    </row>
    <row r="3751" spans="1:4" x14ac:dyDescent="0.25">
      <c r="A3751" s="7">
        <f t="shared" si="177"/>
        <v>44717.958333324255</v>
      </c>
      <c r="B3751" s="8">
        <v>-4.9800999999999998E-2</v>
      </c>
      <c r="C3751">
        <f t="shared" si="175"/>
        <v>23</v>
      </c>
      <c r="D3751">
        <f t="shared" si="176"/>
        <v>6</v>
      </c>
    </row>
    <row r="3752" spans="1:4" x14ac:dyDescent="0.25">
      <c r="A3752" s="7">
        <f t="shared" si="177"/>
        <v>44717.99999999092</v>
      </c>
      <c r="B3752" s="8">
        <v>-4.9800999999999998E-2</v>
      </c>
      <c r="C3752">
        <f t="shared" si="175"/>
        <v>0</v>
      </c>
      <c r="D3752">
        <f t="shared" si="176"/>
        <v>6</v>
      </c>
    </row>
    <row r="3753" spans="1:4" x14ac:dyDescent="0.25">
      <c r="A3753" s="7">
        <f t="shared" si="177"/>
        <v>44718.041666657584</v>
      </c>
      <c r="B3753" s="8">
        <v>-4.9800999999999998E-2</v>
      </c>
      <c r="C3753">
        <f t="shared" si="175"/>
        <v>1</v>
      </c>
      <c r="D3753">
        <f t="shared" si="176"/>
        <v>6</v>
      </c>
    </row>
    <row r="3754" spans="1:4" x14ac:dyDescent="0.25">
      <c r="A3754" s="7">
        <f t="shared" si="177"/>
        <v>44718.083333324248</v>
      </c>
      <c r="B3754" s="8">
        <v>-4.9800999999999998E-2</v>
      </c>
      <c r="C3754">
        <f t="shared" si="175"/>
        <v>2</v>
      </c>
      <c r="D3754">
        <f t="shared" si="176"/>
        <v>6</v>
      </c>
    </row>
    <row r="3755" spans="1:4" x14ac:dyDescent="0.25">
      <c r="A3755" s="7">
        <f t="shared" si="177"/>
        <v>44718.124999990912</v>
      </c>
      <c r="B3755" s="8">
        <v>-4.9800999999999998E-2</v>
      </c>
      <c r="C3755">
        <f t="shared" si="175"/>
        <v>3</v>
      </c>
      <c r="D3755">
        <f t="shared" si="176"/>
        <v>6</v>
      </c>
    </row>
    <row r="3756" spans="1:4" x14ac:dyDescent="0.25">
      <c r="A3756" s="7">
        <f t="shared" si="177"/>
        <v>44718.166666657577</v>
      </c>
      <c r="B3756" s="8">
        <v>-4.9800999999999998E-2</v>
      </c>
      <c r="C3756">
        <f t="shared" si="175"/>
        <v>4</v>
      </c>
      <c r="D3756">
        <f t="shared" si="176"/>
        <v>6</v>
      </c>
    </row>
    <row r="3757" spans="1:4" x14ac:dyDescent="0.25">
      <c r="A3757" s="7">
        <f t="shared" si="177"/>
        <v>44718.208333324241</v>
      </c>
      <c r="B3757" s="8">
        <v>-4.9800999999999998E-2</v>
      </c>
      <c r="C3757">
        <f t="shared" si="175"/>
        <v>5</v>
      </c>
      <c r="D3757">
        <f t="shared" si="176"/>
        <v>6</v>
      </c>
    </row>
    <row r="3758" spans="1:4" x14ac:dyDescent="0.25">
      <c r="A3758" s="7">
        <f t="shared" si="177"/>
        <v>44718.249999990905</v>
      </c>
      <c r="B3758" s="8">
        <v>0.27257929730671193</v>
      </c>
      <c r="C3758">
        <f t="shared" si="175"/>
        <v>6</v>
      </c>
      <c r="D3758">
        <f t="shared" si="176"/>
        <v>6</v>
      </c>
    </row>
    <row r="3759" spans="1:4" x14ac:dyDescent="0.25">
      <c r="A3759" s="7">
        <f t="shared" si="177"/>
        <v>44718.291666657569</v>
      </c>
      <c r="B3759" s="8">
        <v>2.174842318310231</v>
      </c>
      <c r="C3759">
        <f t="shared" si="175"/>
        <v>7</v>
      </c>
      <c r="D3759">
        <f t="shared" si="176"/>
        <v>6</v>
      </c>
    </row>
    <row r="3760" spans="1:4" x14ac:dyDescent="0.25">
      <c r="A3760" s="7">
        <f t="shared" si="177"/>
        <v>44718.333333324234</v>
      </c>
      <c r="B3760" s="8">
        <v>7.051887847299013</v>
      </c>
      <c r="C3760">
        <f t="shared" si="175"/>
        <v>8</v>
      </c>
      <c r="D3760">
        <f t="shared" si="176"/>
        <v>6</v>
      </c>
    </row>
    <row r="3761" spans="1:4" x14ac:dyDescent="0.25">
      <c r="A3761" s="7">
        <f t="shared" si="177"/>
        <v>44718.374999990898</v>
      </c>
      <c r="B3761" s="8">
        <v>12.454000118143775</v>
      </c>
      <c r="C3761">
        <f t="shared" si="175"/>
        <v>9</v>
      </c>
      <c r="D3761">
        <f t="shared" si="176"/>
        <v>6</v>
      </c>
    </row>
    <row r="3762" spans="1:4" x14ac:dyDescent="0.25">
      <c r="A3762" s="7">
        <f t="shared" si="177"/>
        <v>44718.416666657562</v>
      </c>
      <c r="B3762" s="8">
        <v>17.563490708477207</v>
      </c>
      <c r="C3762">
        <f t="shared" si="175"/>
        <v>10</v>
      </c>
      <c r="D3762">
        <f t="shared" si="176"/>
        <v>6</v>
      </c>
    </row>
    <row r="3763" spans="1:4" x14ac:dyDescent="0.25">
      <c r="A3763" s="7">
        <f t="shared" si="177"/>
        <v>44718.458333324226</v>
      </c>
      <c r="B3763" s="8">
        <v>20.451304711977375</v>
      </c>
      <c r="C3763">
        <f t="shared" si="175"/>
        <v>11</v>
      </c>
      <c r="D3763">
        <f t="shared" si="176"/>
        <v>6</v>
      </c>
    </row>
    <row r="3764" spans="1:4" x14ac:dyDescent="0.25">
      <c r="A3764" s="7">
        <f t="shared" si="177"/>
        <v>44718.499999990891</v>
      </c>
      <c r="B3764" s="8">
        <v>20.451300589514638</v>
      </c>
      <c r="C3764">
        <f t="shared" si="175"/>
        <v>12</v>
      </c>
      <c r="D3764">
        <f t="shared" si="176"/>
        <v>6</v>
      </c>
    </row>
    <row r="3765" spans="1:4" x14ac:dyDescent="0.25">
      <c r="A3765" s="7">
        <f t="shared" si="177"/>
        <v>44718.541666657555</v>
      </c>
      <c r="B3765" s="8">
        <v>20.45130368136169</v>
      </c>
      <c r="C3765">
        <f t="shared" si="175"/>
        <v>13</v>
      </c>
      <c r="D3765">
        <f t="shared" si="176"/>
        <v>6</v>
      </c>
    </row>
    <row r="3766" spans="1:4" x14ac:dyDescent="0.25">
      <c r="A3766" s="7">
        <f t="shared" si="177"/>
        <v>44718.583333324219</v>
      </c>
      <c r="B3766" s="8">
        <v>20.45130574259306</v>
      </c>
      <c r="C3766">
        <f t="shared" si="175"/>
        <v>14</v>
      </c>
      <c r="D3766">
        <f t="shared" si="176"/>
        <v>6</v>
      </c>
    </row>
    <row r="3767" spans="1:4" x14ac:dyDescent="0.25">
      <c r="A3767" s="7">
        <f t="shared" si="177"/>
        <v>44718.624999990883</v>
      </c>
      <c r="B3767" s="8">
        <v>19.185672580610976</v>
      </c>
      <c r="C3767">
        <f t="shared" si="175"/>
        <v>15</v>
      </c>
      <c r="D3767">
        <f t="shared" si="176"/>
        <v>6</v>
      </c>
    </row>
    <row r="3768" spans="1:4" x14ac:dyDescent="0.25">
      <c r="A3768" s="7">
        <f t="shared" si="177"/>
        <v>44718.666666657547</v>
      </c>
      <c r="B3768" s="8">
        <v>17.227030759235912</v>
      </c>
      <c r="C3768">
        <f t="shared" si="175"/>
        <v>16</v>
      </c>
      <c r="D3768">
        <f t="shared" si="176"/>
        <v>6</v>
      </c>
    </row>
    <row r="3769" spans="1:4" x14ac:dyDescent="0.25">
      <c r="A3769" s="7">
        <f t="shared" si="177"/>
        <v>44718.708333324212</v>
      </c>
      <c r="B3769" s="8">
        <v>10.462299237476557</v>
      </c>
      <c r="C3769">
        <f t="shared" si="175"/>
        <v>17</v>
      </c>
      <c r="D3769">
        <f t="shared" si="176"/>
        <v>6</v>
      </c>
    </row>
    <row r="3770" spans="1:4" x14ac:dyDescent="0.25">
      <c r="A3770" s="7">
        <f t="shared" si="177"/>
        <v>44718.749999990876</v>
      </c>
      <c r="B3770" s="8">
        <v>6.567206811631964</v>
      </c>
      <c r="C3770">
        <f t="shared" si="175"/>
        <v>18</v>
      </c>
      <c r="D3770">
        <f t="shared" si="176"/>
        <v>6</v>
      </c>
    </row>
    <row r="3771" spans="1:4" x14ac:dyDescent="0.25">
      <c r="A3771" s="7">
        <f t="shared" si="177"/>
        <v>44718.79166665754</v>
      </c>
      <c r="B3771" s="8">
        <v>1.9799085760121411</v>
      </c>
      <c r="C3771">
        <f t="shared" si="175"/>
        <v>19</v>
      </c>
      <c r="D3771">
        <f t="shared" si="176"/>
        <v>6</v>
      </c>
    </row>
    <row r="3772" spans="1:4" x14ac:dyDescent="0.25">
      <c r="A3772" s="7">
        <f t="shared" si="177"/>
        <v>44718.833333324204</v>
      </c>
      <c r="B3772" s="8">
        <v>0.30337203270999052</v>
      </c>
      <c r="C3772">
        <f t="shared" si="175"/>
        <v>20</v>
      </c>
      <c r="D3772">
        <f t="shared" si="176"/>
        <v>6</v>
      </c>
    </row>
    <row r="3773" spans="1:4" x14ac:dyDescent="0.25">
      <c r="A3773" s="7">
        <f t="shared" si="177"/>
        <v>44718.874999990869</v>
      </c>
      <c r="B3773" s="8">
        <v>-4.9800999999999998E-2</v>
      </c>
      <c r="C3773">
        <f t="shared" si="175"/>
        <v>21</v>
      </c>
      <c r="D3773">
        <f t="shared" si="176"/>
        <v>6</v>
      </c>
    </row>
    <row r="3774" spans="1:4" x14ac:dyDescent="0.25">
      <c r="A3774" s="7">
        <f t="shared" si="177"/>
        <v>44718.916666657533</v>
      </c>
      <c r="B3774" s="8">
        <v>-4.9800999999999998E-2</v>
      </c>
      <c r="C3774">
        <f t="shared" si="175"/>
        <v>22</v>
      </c>
      <c r="D3774">
        <f t="shared" si="176"/>
        <v>6</v>
      </c>
    </row>
    <row r="3775" spans="1:4" x14ac:dyDescent="0.25">
      <c r="A3775" s="7">
        <f t="shared" si="177"/>
        <v>44718.958333324197</v>
      </c>
      <c r="B3775" s="8">
        <v>-4.9800999999999998E-2</v>
      </c>
      <c r="C3775">
        <f t="shared" si="175"/>
        <v>23</v>
      </c>
      <c r="D3775">
        <f t="shared" si="176"/>
        <v>6</v>
      </c>
    </row>
    <row r="3776" spans="1:4" x14ac:dyDescent="0.25">
      <c r="A3776" s="7">
        <f t="shared" si="177"/>
        <v>44718.999999990861</v>
      </c>
      <c r="B3776" s="8">
        <v>-4.9800999999999998E-2</v>
      </c>
      <c r="C3776">
        <f t="shared" si="175"/>
        <v>0</v>
      </c>
      <c r="D3776">
        <f t="shared" si="176"/>
        <v>6</v>
      </c>
    </row>
    <row r="3777" spans="1:4" x14ac:dyDescent="0.25">
      <c r="A3777" s="7">
        <f t="shared" si="177"/>
        <v>44719.041666657526</v>
      </c>
      <c r="B3777" s="8">
        <v>-4.9800999999999998E-2</v>
      </c>
      <c r="C3777">
        <f t="shared" si="175"/>
        <v>1</v>
      </c>
      <c r="D3777">
        <f t="shared" si="176"/>
        <v>6</v>
      </c>
    </row>
    <row r="3778" spans="1:4" x14ac:dyDescent="0.25">
      <c r="A3778" s="7">
        <f t="shared" si="177"/>
        <v>44719.08333332419</v>
      </c>
      <c r="B3778" s="8">
        <v>-4.9800999999999998E-2</v>
      </c>
      <c r="C3778">
        <f t="shared" si="175"/>
        <v>2</v>
      </c>
      <c r="D3778">
        <f t="shared" si="176"/>
        <v>6</v>
      </c>
    </row>
    <row r="3779" spans="1:4" x14ac:dyDescent="0.25">
      <c r="A3779" s="7">
        <f t="shared" si="177"/>
        <v>44719.124999990854</v>
      </c>
      <c r="B3779" s="8">
        <v>-4.9800999999999998E-2</v>
      </c>
      <c r="C3779">
        <f t="shared" si="175"/>
        <v>3</v>
      </c>
      <c r="D3779">
        <f t="shared" si="176"/>
        <v>6</v>
      </c>
    </row>
    <row r="3780" spans="1:4" x14ac:dyDescent="0.25">
      <c r="A3780" s="7">
        <f t="shared" si="177"/>
        <v>44719.166666657518</v>
      </c>
      <c r="B3780" s="8">
        <v>-4.9800999999999998E-2</v>
      </c>
      <c r="C3780">
        <f t="shared" si="175"/>
        <v>4</v>
      </c>
      <c r="D3780">
        <f t="shared" si="176"/>
        <v>6</v>
      </c>
    </row>
    <row r="3781" spans="1:4" x14ac:dyDescent="0.25">
      <c r="A3781" s="7">
        <f t="shared" si="177"/>
        <v>44719.208333324183</v>
      </c>
      <c r="B3781" s="8">
        <v>-4.9800999999999998E-2</v>
      </c>
      <c r="C3781">
        <f t="shared" si="175"/>
        <v>5</v>
      </c>
      <c r="D3781">
        <f t="shared" si="176"/>
        <v>6</v>
      </c>
    </row>
    <row r="3782" spans="1:4" x14ac:dyDescent="0.25">
      <c r="A3782" s="7">
        <f t="shared" si="177"/>
        <v>44719.249999990847</v>
      </c>
      <c r="B3782" s="8">
        <v>0.2705005454723049</v>
      </c>
      <c r="C3782">
        <f t="shared" si="175"/>
        <v>6</v>
      </c>
      <c r="D3782">
        <f t="shared" si="176"/>
        <v>6</v>
      </c>
    </row>
    <row r="3783" spans="1:4" x14ac:dyDescent="0.25">
      <c r="A3783" s="7">
        <f t="shared" si="177"/>
        <v>44719.291666657511</v>
      </c>
      <c r="B3783" s="8">
        <v>1.3759440810916126</v>
      </c>
      <c r="C3783">
        <f t="shared" si="175"/>
        <v>7</v>
      </c>
      <c r="D3783">
        <f t="shared" si="176"/>
        <v>6</v>
      </c>
    </row>
    <row r="3784" spans="1:4" x14ac:dyDescent="0.25">
      <c r="A3784" s="7">
        <f t="shared" si="177"/>
        <v>44719.333333324175</v>
      </c>
      <c r="B3784" s="8">
        <v>6.5612457305163421</v>
      </c>
      <c r="C3784">
        <f t="shared" si="175"/>
        <v>8</v>
      </c>
      <c r="D3784">
        <f t="shared" si="176"/>
        <v>6</v>
      </c>
    </row>
    <row r="3785" spans="1:4" x14ac:dyDescent="0.25">
      <c r="A3785" s="7">
        <f t="shared" si="177"/>
        <v>44719.37499999084</v>
      </c>
      <c r="B3785" s="8">
        <v>10.739244222820231</v>
      </c>
      <c r="C3785">
        <f t="shared" si="175"/>
        <v>9</v>
      </c>
      <c r="D3785">
        <f t="shared" si="176"/>
        <v>6</v>
      </c>
    </row>
    <row r="3786" spans="1:4" x14ac:dyDescent="0.25">
      <c r="A3786" s="7">
        <f t="shared" si="177"/>
        <v>44719.416666657504</v>
      </c>
      <c r="B3786" s="8">
        <v>17.013288280706824</v>
      </c>
      <c r="C3786">
        <f t="shared" ref="C3786:C3849" si="178">HOUR(A3786)</f>
        <v>10</v>
      </c>
      <c r="D3786">
        <f t="shared" ref="D3786:D3849" si="179">MONTH(A3786)</f>
        <v>6</v>
      </c>
    </row>
    <row r="3787" spans="1:4" x14ac:dyDescent="0.25">
      <c r="A3787" s="7">
        <f t="shared" ref="A3787:A3850" si="180">+A3786+1/24</f>
        <v>44719.458333324168</v>
      </c>
      <c r="B3787" s="8">
        <v>18.491856949137507</v>
      </c>
      <c r="C3787">
        <f t="shared" si="178"/>
        <v>11</v>
      </c>
      <c r="D3787">
        <f t="shared" si="179"/>
        <v>6</v>
      </c>
    </row>
    <row r="3788" spans="1:4" x14ac:dyDescent="0.25">
      <c r="A3788" s="7">
        <f t="shared" si="180"/>
        <v>44719.499999990832</v>
      </c>
      <c r="B3788" s="8">
        <v>17.24931163970594</v>
      </c>
      <c r="C3788">
        <f t="shared" si="178"/>
        <v>12</v>
      </c>
      <c r="D3788">
        <f t="shared" si="179"/>
        <v>6</v>
      </c>
    </row>
    <row r="3789" spans="1:4" x14ac:dyDescent="0.25">
      <c r="A3789" s="7">
        <f t="shared" si="180"/>
        <v>44719.541666657497</v>
      </c>
      <c r="B3789" s="8">
        <v>12.966592287761943</v>
      </c>
      <c r="C3789">
        <f t="shared" si="178"/>
        <v>13</v>
      </c>
      <c r="D3789">
        <f t="shared" si="179"/>
        <v>6</v>
      </c>
    </row>
    <row r="3790" spans="1:4" x14ac:dyDescent="0.25">
      <c r="A3790" s="7">
        <f t="shared" si="180"/>
        <v>44719.583333324161</v>
      </c>
      <c r="B3790" s="8">
        <v>12.831549684086097</v>
      </c>
      <c r="C3790">
        <f t="shared" si="178"/>
        <v>14</v>
      </c>
      <c r="D3790">
        <f t="shared" si="179"/>
        <v>6</v>
      </c>
    </row>
    <row r="3791" spans="1:4" x14ac:dyDescent="0.25">
      <c r="A3791" s="7">
        <f t="shared" si="180"/>
        <v>44719.624999990825</v>
      </c>
      <c r="B3791" s="8">
        <v>12.482818193896717</v>
      </c>
      <c r="C3791">
        <f t="shared" si="178"/>
        <v>15</v>
      </c>
      <c r="D3791">
        <f t="shared" si="179"/>
        <v>6</v>
      </c>
    </row>
    <row r="3792" spans="1:4" x14ac:dyDescent="0.25">
      <c r="A3792" s="7">
        <f t="shared" si="180"/>
        <v>44719.666666657489</v>
      </c>
      <c r="B3792" s="8">
        <v>11.958558424121225</v>
      </c>
      <c r="C3792">
        <f t="shared" si="178"/>
        <v>16</v>
      </c>
      <c r="D3792">
        <f t="shared" si="179"/>
        <v>6</v>
      </c>
    </row>
    <row r="3793" spans="1:4" x14ac:dyDescent="0.25">
      <c r="A3793" s="7">
        <f t="shared" si="180"/>
        <v>44719.708333324154</v>
      </c>
      <c r="B3793" s="8">
        <v>9.6698639912116171</v>
      </c>
      <c r="C3793">
        <f t="shared" si="178"/>
        <v>17</v>
      </c>
      <c r="D3793">
        <f t="shared" si="179"/>
        <v>6</v>
      </c>
    </row>
    <row r="3794" spans="1:4" x14ac:dyDescent="0.25">
      <c r="A3794" s="7">
        <f t="shared" si="180"/>
        <v>44719.749999990818</v>
      </c>
      <c r="B3794" s="8">
        <v>4.9420351233992292</v>
      </c>
      <c r="C3794">
        <f t="shared" si="178"/>
        <v>18</v>
      </c>
      <c r="D3794">
        <f t="shared" si="179"/>
        <v>6</v>
      </c>
    </row>
    <row r="3795" spans="1:4" x14ac:dyDescent="0.25">
      <c r="A3795" s="7">
        <f t="shared" si="180"/>
        <v>44719.791666657482</v>
      </c>
      <c r="B3795" s="8">
        <v>1.6297692647985702</v>
      </c>
      <c r="C3795">
        <f t="shared" si="178"/>
        <v>19</v>
      </c>
      <c r="D3795">
        <f t="shared" si="179"/>
        <v>6</v>
      </c>
    </row>
    <row r="3796" spans="1:4" x14ac:dyDescent="0.25">
      <c r="A3796" s="7">
        <f t="shared" si="180"/>
        <v>44719.833333324146</v>
      </c>
      <c r="B3796" s="8">
        <v>0.30398421842622148</v>
      </c>
      <c r="C3796">
        <f t="shared" si="178"/>
        <v>20</v>
      </c>
      <c r="D3796">
        <f t="shared" si="179"/>
        <v>6</v>
      </c>
    </row>
    <row r="3797" spans="1:4" x14ac:dyDescent="0.25">
      <c r="A3797" s="7">
        <f t="shared" si="180"/>
        <v>44719.87499999081</v>
      </c>
      <c r="B3797" s="8">
        <v>-4.9800999999999998E-2</v>
      </c>
      <c r="C3797">
        <f t="shared" si="178"/>
        <v>21</v>
      </c>
      <c r="D3797">
        <f t="shared" si="179"/>
        <v>6</v>
      </c>
    </row>
    <row r="3798" spans="1:4" x14ac:dyDescent="0.25">
      <c r="A3798" s="7">
        <f t="shared" si="180"/>
        <v>44719.916666657475</v>
      </c>
      <c r="B3798" s="8">
        <v>-4.9800999999999998E-2</v>
      </c>
      <c r="C3798">
        <f t="shared" si="178"/>
        <v>22</v>
      </c>
      <c r="D3798">
        <f t="shared" si="179"/>
        <v>6</v>
      </c>
    </row>
    <row r="3799" spans="1:4" x14ac:dyDescent="0.25">
      <c r="A3799" s="7">
        <f t="shared" si="180"/>
        <v>44719.958333324139</v>
      </c>
      <c r="B3799" s="8">
        <v>-4.9800999999999998E-2</v>
      </c>
      <c r="C3799">
        <f t="shared" si="178"/>
        <v>23</v>
      </c>
      <c r="D3799">
        <f t="shared" si="179"/>
        <v>6</v>
      </c>
    </row>
    <row r="3800" spans="1:4" x14ac:dyDescent="0.25">
      <c r="A3800" s="7">
        <f t="shared" si="180"/>
        <v>44719.999999990803</v>
      </c>
      <c r="B3800" s="8">
        <v>-4.9800999999999998E-2</v>
      </c>
      <c r="C3800">
        <f t="shared" si="178"/>
        <v>0</v>
      </c>
      <c r="D3800">
        <f t="shared" si="179"/>
        <v>6</v>
      </c>
    </row>
    <row r="3801" spans="1:4" x14ac:dyDescent="0.25">
      <c r="A3801" s="7">
        <f t="shared" si="180"/>
        <v>44720.041666657467</v>
      </c>
      <c r="B3801" s="8">
        <v>-4.9800999999999998E-2</v>
      </c>
      <c r="C3801">
        <f t="shared" si="178"/>
        <v>1</v>
      </c>
      <c r="D3801">
        <f t="shared" si="179"/>
        <v>6</v>
      </c>
    </row>
    <row r="3802" spans="1:4" x14ac:dyDescent="0.25">
      <c r="A3802" s="7">
        <f t="shared" si="180"/>
        <v>44720.083333324132</v>
      </c>
      <c r="B3802" s="8">
        <v>-4.9800999999999998E-2</v>
      </c>
      <c r="C3802">
        <f t="shared" si="178"/>
        <v>2</v>
      </c>
      <c r="D3802">
        <f t="shared" si="179"/>
        <v>6</v>
      </c>
    </row>
    <row r="3803" spans="1:4" x14ac:dyDescent="0.25">
      <c r="A3803" s="7">
        <f t="shared" si="180"/>
        <v>44720.124999990796</v>
      </c>
      <c r="B3803" s="8">
        <v>-4.9800999999999998E-2</v>
      </c>
      <c r="C3803">
        <f t="shared" si="178"/>
        <v>3</v>
      </c>
      <c r="D3803">
        <f t="shared" si="179"/>
        <v>6</v>
      </c>
    </row>
    <row r="3804" spans="1:4" x14ac:dyDescent="0.25">
      <c r="A3804" s="7">
        <f t="shared" si="180"/>
        <v>44720.16666665746</v>
      </c>
      <c r="B3804" s="8">
        <v>-4.9800999999999998E-2</v>
      </c>
      <c r="C3804">
        <f t="shared" si="178"/>
        <v>4</v>
      </c>
      <c r="D3804">
        <f t="shared" si="179"/>
        <v>6</v>
      </c>
    </row>
    <row r="3805" spans="1:4" x14ac:dyDescent="0.25">
      <c r="A3805" s="7">
        <f t="shared" si="180"/>
        <v>44720.208333324124</v>
      </c>
      <c r="B3805" s="8">
        <v>-4.9800999999999998E-2</v>
      </c>
      <c r="C3805">
        <f t="shared" si="178"/>
        <v>5</v>
      </c>
      <c r="D3805">
        <f t="shared" si="179"/>
        <v>6</v>
      </c>
    </row>
    <row r="3806" spans="1:4" x14ac:dyDescent="0.25">
      <c r="A3806" s="7">
        <f t="shared" si="180"/>
        <v>44720.249999990789</v>
      </c>
      <c r="B3806" s="8">
        <v>-4.9800999999999998E-2</v>
      </c>
      <c r="C3806">
        <f t="shared" si="178"/>
        <v>6</v>
      </c>
      <c r="D3806">
        <f t="shared" si="179"/>
        <v>6</v>
      </c>
    </row>
    <row r="3807" spans="1:4" x14ac:dyDescent="0.25">
      <c r="A3807" s="7">
        <f t="shared" si="180"/>
        <v>44720.291666657453</v>
      </c>
      <c r="B3807" s="8">
        <v>0.93055217652583511</v>
      </c>
      <c r="C3807">
        <f t="shared" si="178"/>
        <v>7</v>
      </c>
      <c r="D3807">
        <f t="shared" si="179"/>
        <v>6</v>
      </c>
    </row>
    <row r="3808" spans="1:4" x14ac:dyDescent="0.25">
      <c r="A3808" s="7">
        <f t="shared" si="180"/>
        <v>44720.333333324117</v>
      </c>
      <c r="B3808" s="8">
        <v>2.5132253964176638</v>
      </c>
      <c r="C3808">
        <f t="shared" si="178"/>
        <v>8</v>
      </c>
      <c r="D3808">
        <f t="shared" si="179"/>
        <v>6</v>
      </c>
    </row>
    <row r="3809" spans="1:4" x14ac:dyDescent="0.25">
      <c r="A3809" s="7">
        <f t="shared" si="180"/>
        <v>44720.374999990781</v>
      </c>
      <c r="B3809" s="8">
        <v>5.3849514890923018</v>
      </c>
      <c r="C3809">
        <f t="shared" si="178"/>
        <v>9</v>
      </c>
      <c r="D3809">
        <f t="shared" si="179"/>
        <v>6</v>
      </c>
    </row>
    <row r="3810" spans="1:4" x14ac:dyDescent="0.25">
      <c r="A3810" s="7">
        <f t="shared" si="180"/>
        <v>44720.416666657446</v>
      </c>
      <c r="B3810" s="8">
        <v>4.6765804723152522</v>
      </c>
      <c r="C3810">
        <f t="shared" si="178"/>
        <v>10</v>
      </c>
      <c r="D3810">
        <f t="shared" si="179"/>
        <v>6</v>
      </c>
    </row>
    <row r="3811" spans="1:4" x14ac:dyDescent="0.25">
      <c r="A3811" s="7">
        <f t="shared" si="180"/>
        <v>44720.45833332411</v>
      </c>
      <c r="B3811" s="8">
        <v>4.6716623742717269</v>
      </c>
      <c r="C3811">
        <f t="shared" si="178"/>
        <v>11</v>
      </c>
      <c r="D3811">
        <f t="shared" si="179"/>
        <v>6</v>
      </c>
    </row>
    <row r="3812" spans="1:4" x14ac:dyDescent="0.25">
      <c r="A3812" s="7">
        <f t="shared" si="180"/>
        <v>44720.499999990774</v>
      </c>
      <c r="B3812" s="8">
        <v>8.5051961253175463</v>
      </c>
      <c r="C3812">
        <f t="shared" si="178"/>
        <v>12</v>
      </c>
      <c r="D3812">
        <f t="shared" si="179"/>
        <v>6</v>
      </c>
    </row>
    <row r="3813" spans="1:4" x14ac:dyDescent="0.25">
      <c r="A3813" s="7">
        <f t="shared" si="180"/>
        <v>44720.541666657438</v>
      </c>
      <c r="B3813" s="8">
        <v>13.719931128058501</v>
      </c>
      <c r="C3813">
        <f t="shared" si="178"/>
        <v>13</v>
      </c>
      <c r="D3813">
        <f t="shared" si="179"/>
        <v>6</v>
      </c>
    </row>
    <row r="3814" spans="1:4" x14ac:dyDescent="0.25">
      <c r="A3814" s="7">
        <f t="shared" si="180"/>
        <v>44720.583333324103</v>
      </c>
      <c r="B3814" s="8">
        <v>6.6918824521435587</v>
      </c>
      <c r="C3814">
        <f t="shared" si="178"/>
        <v>14</v>
      </c>
      <c r="D3814">
        <f t="shared" si="179"/>
        <v>6</v>
      </c>
    </row>
    <row r="3815" spans="1:4" x14ac:dyDescent="0.25">
      <c r="A3815" s="7">
        <f t="shared" si="180"/>
        <v>44720.624999990767</v>
      </c>
      <c r="B3815" s="8">
        <v>13.411448272172098</v>
      </c>
      <c r="C3815">
        <f t="shared" si="178"/>
        <v>15</v>
      </c>
      <c r="D3815">
        <f t="shared" si="179"/>
        <v>6</v>
      </c>
    </row>
    <row r="3816" spans="1:4" x14ac:dyDescent="0.25">
      <c r="A3816" s="7">
        <f t="shared" si="180"/>
        <v>44720.666666657431</v>
      </c>
      <c r="B3816" s="8">
        <v>14.968494202468307</v>
      </c>
      <c r="C3816">
        <f t="shared" si="178"/>
        <v>16</v>
      </c>
      <c r="D3816">
        <f t="shared" si="179"/>
        <v>6</v>
      </c>
    </row>
    <row r="3817" spans="1:4" x14ac:dyDescent="0.25">
      <c r="A3817" s="7">
        <f t="shared" si="180"/>
        <v>44720.708333324095</v>
      </c>
      <c r="B3817" s="8">
        <v>10.823161074265325</v>
      </c>
      <c r="C3817">
        <f t="shared" si="178"/>
        <v>17</v>
      </c>
      <c r="D3817">
        <f t="shared" si="179"/>
        <v>6</v>
      </c>
    </row>
    <row r="3818" spans="1:4" x14ac:dyDescent="0.25">
      <c r="A3818" s="7">
        <f t="shared" si="180"/>
        <v>44720.74999999076</v>
      </c>
      <c r="B3818" s="8">
        <v>5.7250814607839295</v>
      </c>
      <c r="C3818">
        <f t="shared" si="178"/>
        <v>18</v>
      </c>
      <c r="D3818">
        <f t="shared" si="179"/>
        <v>6</v>
      </c>
    </row>
    <row r="3819" spans="1:4" x14ac:dyDescent="0.25">
      <c r="A3819" s="7">
        <f t="shared" si="180"/>
        <v>44720.791666657424</v>
      </c>
      <c r="B3819" s="8">
        <v>1.9718017530426588</v>
      </c>
      <c r="C3819">
        <f t="shared" si="178"/>
        <v>19</v>
      </c>
      <c r="D3819">
        <f t="shared" si="179"/>
        <v>6</v>
      </c>
    </row>
    <row r="3820" spans="1:4" x14ac:dyDescent="0.25">
      <c r="A3820" s="7">
        <f t="shared" si="180"/>
        <v>44720.833333324088</v>
      </c>
      <c r="B3820" s="8">
        <v>0.26587101982026901</v>
      </c>
      <c r="C3820">
        <f t="shared" si="178"/>
        <v>20</v>
      </c>
      <c r="D3820">
        <f t="shared" si="179"/>
        <v>6</v>
      </c>
    </row>
    <row r="3821" spans="1:4" x14ac:dyDescent="0.25">
      <c r="A3821" s="7">
        <f t="shared" si="180"/>
        <v>44720.874999990752</v>
      </c>
      <c r="B3821" s="8">
        <v>-4.9800999999999998E-2</v>
      </c>
      <c r="C3821">
        <f t="shared" si="178"/>
        <v>21</v>
      </c>
      <c r="D3821">
        <f t="shared" si="179"/>
        <v>6</v>
      </c>
    </row>
    <row r="3822" spans="1:4" x14ac:dyDescent="0.25">
      <c r="A3822" s="7">
        <f t="shared" si="180"/>
        <v>44720.916666657416</v>
      </c>
      <c r="B3822" s="8">
        <v>-4.9800999999999998E-2</v>
      </c>
      <c r="C3822">
        <f t="shared" si="178"/>
        <v>22</v>
      </c>
      <c r="D3822">
        <f t="shared" si="179"/>
        <v>6</v>
      </c>
    </row>
    <row r="3823" spans="1:4" x14ac:dyDescent="0.25">
      <c r="A3823" s="7">
        <f t="shared" si="180"/>
        <v>44720.958333324081</v>
      </c>
      <c r="B3823" s="8">
        <v>-4.9800999999999998E-2</v>
      </c>
      <c r="C3823">
        <f t="shared" si="178"/>
        <v>23</v>
      </c>
      <c r="D3823">
        <f t="shared" si="179"/>
        <v>6</v>
      </c>
    </row>
    <row r="3824" spans="1:4" x14ac:dyDescent="0.25">
      <c r="A3824" s="7">
        <f t="shared" si="180"/>
        <v>44720.999999990745</v>
      </c>
      <c r="B3824" s="8">
        <v>-4.9800999999999998E-2</v>
      </c>
      <c r="C3824">
        <f t="shared" si="178"/>
        <v>0</v>
      </c>
      <c r="D3824">
        <f t="shared" si="179"/>
        <v>6</v>
      </c>
    </row>
    <row r="3825" spans="1:4" x14ac:dyDescent="0.25">
      <c r="A3825" s="7">
        <f t="shared" si="180"/>
        <v>44721.041666657409</v>
      </c>
      <c r="B3825" s="8">
        <v>-4.9800999999999998E-2</v>
      </c>
      <c r="C3825">
        <f t="shared" si="178"/>
        <v>1</v>
      </c>
      <c r="D3825">
        <f t="shared" si="179"/>
        <v>6</v>
      </c>
    </row>
    <row r="3826" spans="1:4" x14ac:dyDescent="0.25">
      <c r="A3826" s="7">
        <f t="shared" si="180"/>
        <v>44721.083333324073</v>
      </c>
      <c r="B3826" s="8">
        <v>-4.9800999999999998E-2</v>
      </c>
      <c r="C3826">
        <f t="shared" si="178"/>
        <v>2</v>
      </c>
      <c r="D3826">
        <f t="shared" si="179"/>
        <v>6</v>
      </c>
    </row>
    <row r="3827" spans="1:4" x14ac:dyDescent="0.25">
      <c r="A3827" s="7">
        <f t="shared" si="180"/>
        <v>44721.124999990738</v>
      </c>
      <c r="B3827" s="8">
        <v>-4.9800999999999998E-2</v>
      </c>
      <c r="C3827">
        <f t="shared" si="178"/>
        <v>3</v>
      </c>
      <c r="D3827">
        <f t="shared" si="179"/>
        <v>6</v>
      </c>
    </row>
    <row r="3828" spans="1:4" x14ac:dyDescent="0.25">
      <c r="A3828" s="7">
        <f t="shared" si="180"/>
        <v>44721.166666657402</v>
      </c>
      <c r="B3828" s="8">
        <v>-4.9800999999999998E-2</v>
      </c>
      <c r="C3828">
        <f t="shared" si="178"/>
        <v>4</v>
      </c>
      <c r="D3828">
        <f t="shared" si="179"/>
        <v>6</v>
      </c>
    </row>
    <row r="3829" spans="1:4" x14ac:dyDescent="0.25">
      <c r="A3829" s="7">
        <f t="shared" si="180"/>
        <v>44721.208333324066</v>
      </c>
      <c r="B3829" s="8">
        <v>-4.9800999999999998E-2</v>
      </c>
      <c r="C3829">
        <f t="shared" si="178"/>
        <v>5</v>
      </c>
      <c r="D3829">
        <f t="shared" si="179"/>
        <v>6</v>
      </c>
    </row>
    <row r="3830" spans="1:4" x14ac:dyDescent="0.25">
      <c r="A3830" s="7">
        <f t="shared" si="180"/>
        <v>44721.24999999073</v>
      </c>
      <c r="B3830" s="8">
        <v>0.30901362296360679</v>
      </c>
      <c r="C3830">
        <f t="shared" si="178"/>
        <v>6</v>
      </c>
      <c r="D3830">
        <f t="shared" si="179"/>
        <v>6</v>
      </c>
    </row>
    <row r="3831" spans="1:4" x14ac:dyDescent="0.25">
      <c r="A3831" s="7">
        <f t="shared" si="180"/>
        <v>44721.291666657395</v>
      </c>
      <c r="B3831" s="8">
        <v>1.4919604886271596</v>
      </c>
      <c r="C3831">
        <f t="shared" si="178"/>
        <v>7</v>
      </c>
      <c r="D3831">
        <f t="shared" si="179"/>
        <v>6</v>
      </c>
    </row>
    <row r="3832" spans="1:4" x14ac:dyDescent="0.25">
      <c r="A3832" s="7">
        <f t="shared" si="180"/>
        <v>44721.333333324059</v>
      </c>
      <c r="B3832" s="8">
        <v>5.4410365639939364</v>
      </c>
      <c r="C3832">
        <f t="shared" si="178"/>
        <v>8</v>
      </c>
      <c r="D3832">
        <f t="shared" si="179"/>
        <v>6</v>
      </c>
    </row>
    <row r="3833" spans="1:4" x14ac:dyDescent="0.25">
      <c r="A3833" s="7">
        <f t="shared" si="180"/>
        <v>44721.374999990723</v>
      </c>
      <c r="B3833" s="8">
        <v>12.158784377956094</v>
      </c>
      <c r="C3833">
        <f t="shared" si="178"/>
        <v>9</v>
      </c>
      <c r="D3833">
        <f t="shared" si="179"/>
        <v>6</v>
      </c>
    </row>
    <row r="3834" spans="1:4" x14ac:dyDescent="0.25">
      <c r="A3834" s="7">
        <f t="shared" si="180"/>
        <v>44721.416666657387</v>
      </c>
      <c r="B3834" s="8">
        <v>15.5525647228427</v>
      </c>
      <c r="C3834">
        <f t="shared" si="178"/>
        <v>10</v>
      </c>
      <c r="D3834">
        <f t="shared" si="179"/>
        <v>6</v>
      </c>
    </row>
    <row r="3835" spans="1:4" x14ac:dyDescent="0.25">
      <c r="A3835" s="7">
        <f t="shared" si="180"/>
        <v>44721.458333324052</v>
      </c>
      <c r="B3835" s="8">
        <v>14.687860643591991</v>
      </c>
      <c r="C3835">
        <f t="shared" si="178"/>
        <v>11</v>
      </c>
      <c r="D3835">
        <f t="shared" si="179"/>
        <v>6</v>
      </c>
    </row>
    <row r="3836" spans="1:4" x14ac:dyDescent="0.25">
      <c r="A3836" s="7">
        <f t="shared" si="180"/>
        <v>44721.499999990716</v>
      </c>
      <c r="B3836" s="8">
        <v>14.126149330479603</v>
      </c>
      <c r="C3836">
        <f t="shared" si="178"/>
        <v>12</v>
      </c>
      <c r="D3836">
        <f t="shared" si="179"/>
        <v>6</v>
      </c>
    </row>
    <row r="3837" spans="1:4" x14ac:dyDescent="0.25">
      <c r="A3837" s="7">
        <f t="shared" si="180"/>
        <v>44721.54166665738</v>
      </c>
      <c r="B3837" s="8">
        <v>18.329460774595525</v>
      </c>
      <c r="C3837">
        <f t="shared" si="178"/>
        <v>13</v>
      </c>
      <c r="D3837">
        <f t="shared" si="179"/>
        <v>6</v>
      </c>
    </row>
    <row r="3838" spans="1:4" x14ac:dyDescent="0.25">
      <c r="A3838" s="7">
        <f t="shared" si="180"/>
        <v>44721.583333324044</v>
      </c>
      <c r="B3838" s="8">
        <v>20.451304711977375</v>
      </c>
      <c r="C3838">
        <f t="shared" si="178"/>
        <v>14</v>
      </c>
      <c r="D3838">
        <f t="shared" si="179"/>
        <v>6</v>
      </c>
    </row>
    <row r="3839" spans="1:4" x14ac:dyDescent="0.25">
      <c r="A3839" s="7">
        <f t="shared" si="180"/>
        <v>44721.624999990709</v>
      </c>
      <c r="B3839" s="8">
        <v>14.905674054072449</v>
      </c>
      <c r="C3839">
        <f t="shared" si="178"/>
        <v>15</v>
      </c>
      <c r="D3839">
        <f t="shared" si="179"/>
        <v>6</v>
      </c>
    </row>
    <row r="3840" spans="1:4" x14ac:dyDescent="0.25">
      <c r="A3840" s="7">
        <f t="shared" si="180"/>
        <v>44721.666666657373</v>
      </c>
      <c r="B3840" s="8">
        <v>13.217563696640209</v>
      </c>
      <c r="C3840">
        <f t="shared" si="178"/>
        <v>16</v>
      </c>
      <c r="D3840">
        <f t="shared" si="179"/>
        <v>6</v>
      </c>
    </row>
    <row r="3841" spans="1:4" x14ac:dyDescent="0.25">
      <c r="A3841" s="7">
        <f t="shared" si="180"/>
        <v>44721.708333324037</v>
      </c>
      <c r="B3841" s="8">
        <v>9.9985551594277453</v>
      </c>
      <c r="C3841">
        <f t="shared" si="178"/>
        <v>17</v>
      </c>
      <c r="D3841">
        <f t="shared" si="179"/>
        <v>6</v>
      </c>
    </row>
    <row r="3842" spans="1:4" x14ac:dyDescent="0.25">
      <c r="A3842" s="7">
        <f t="shared" si="180"/>
        <v>44721.749999990701</v>
      </c>
      <c r="B3842" s="8">
        <v>6.5878861153292254</v>
      </c>
      <c r="C3842">
        <f t="shared" si="178"/>
        <v>18</v>
      </c>
      <c r="D3842">
        <f t="shared" si="179"/>
        <v>6</v>
      </c>
    </row>
    <row r="3843" spans="1:4" x14ac:dyDescent="0.25">
      <c r="A3843" s="7">
        <f t="shared" si="180"/>
        <v>44721.791666657366</v>
      </c>
      <c r="B3843" s="8">
        <v>1.9941558072262426</v>
      </c>
      <c r="C3843">
        <f t="shared" si="178"/>
        <v>19</v>
      </c>
      <c r="D3843">
        <f t="shared" si="179"/>
        <v>6</v>
      </c>
    </row>
    <row r="3844" spans="1:4" x14ac:dyDescent="0.25">
      <c r="A3844" s="7">
        <f t="shared" si="180"/>
        <v>44721.83333332403</v>
      </c>
      <c r="B3844" s="8">
        <v>-4.9800999999999998E-2</v>
      </c>
      <c r="C3844">
        <f t="shared" si="178"/>
        <v>20</v>
      </c>
      <c r="D3844">
        <f t="shared" si="179"/>
        <v>6</v>
      </c>
    </row>
    <row r="3845" spans="1:4" x14ac:dyDescent="0.25">
      <c r="A3845" s="7">
        <f t="shared" si="180"/>
        <v>44721.874999990694</v>
      </c>
      <c r="B3845" s="8">
        <v>-4.9800999999999998E-2</v>
      </c>
      <c r="C3845">
        <f t="shared" si="178"/>
        <v>21</v>
      </c>
      <c r="D3845">
        <f t="shared" si="179"/>
        <v>6</v>
      </c>
    </row>
    <row r="3846" spans="1:4" x14ac:dyDescent="0.25">
      <c r="A3846" s="7">
        <f t="shared" si="180"/>
        <v>44721.916666657358</v>
      </c>
      <c r="B3846" s="8">
        <v>-4.9800999999999998E-2</v>
      </c>
      <c r="C3846">
        <f t="shared" si="178"/>
        <v>22</v>
      </c>
      <c r="D3846">
        <f t="shared" si="179"/>
        <v>6</v>
      </c>
    </row>
    <row r="3847" spans="1:4" x14ac:dyDescent="0.25">
      <c r="A3847" s="7">
        <f t="shared" si="180"/>
        <v>44721.958333324023</v>
      </c>
      <c r="B3847" s="8">
        <v>-4.9800999999999998E-2</v>
      </c>
      <c r="C3847">
        <f t="shared" si="178"/>
        <v>23</v>
      </c>
      <c r="D3847">
        <f t="shared" si="179"/>
        <v>6</v>
      </c>
    </row>
    <row r="3848" spans="1:4" x14ac:dyDescent="0.25">
      <c r="A3848" s="7">
        <f t="shared" si="180"/>
        <v>44721.999999990687</v>
      </c>
      <c r="B3848" s="8">
        <v>-4.9800999999999998E-2</v>
      </c>
      <c r="C3848">
        <f t="shared" si="178"/>
        <v>0</v>
      </c>
      <c r="D3848">
        <f t="shared" si="179"/>
        <v>6</v>
      </c>
    </row>
    <row r="3849" spans="1:4" x14ac:dyDescent="0.25">
      <c r="A3849" s="7">
        <f t="shared" si="180"/>
        <v>44722.041666657351</v>
      </c>
      <c r="B3849" s="8">
        <v>-4.9800999999999998E-2</v>
      </c>
      <c r="C3849">
        <f t="shared" si="178"/>
        <v>1</v>
      </c>
      <c r="D3849">
        <f t="shared" si="179"/>
        <v>6</v>
      </c>
    </row>
    <row r="3850" spans="1:4" x14ac:dyDescent="0.25">
      <c r="A3850" s="7">
        <f t="shared" si="180"/>
        <v>44722.083333324015</v>
      </c>
      <c r="B3850" s="8">
        <v>-4.9800999999999998E-2</v>
      </c>
      <c r="C3850">
        <f t="shared" ref="C3850:C3913" si="181">HOUR(A3850)</f>
        <v>2</v>
      </c>
      <c r="D3850">
        <f t="shared" ref="D3850:D3913" si="182">MONTH(A3850)</f>
        <v>6</v>
      </c>
    </row>
    <row r="3851" spans="1:4" x14ac:dyDescent="0.25">
      <c r="A3851" s="7">
        <f t="shared" ref="A3851:A3914" si="183">+A3850+1/24</f>
        <v>44722.124999990679</v>
      </c>
      <c r="B3851" s="8">
        <v>-4.9800999999999998E-2</v>
      </c>
      <c r="C3851">
        <f t="shared" si="181"/>
        <v>3</v>
      </c>
      <c r="D3851">
        <f t="shared" si="182"/>
        <v>6</v>
      </c>
    </row>
    <row r="3852" spans="1:4" x14ac:dyDescent="0.25">
      <c r="A3852" s="7">
        <f t="shared" si="183"/>
        <v>44722.166666657344</v>
      </c>
      <c r="B3852" s="8">
        <v>-4.9800999999999998E-2</v>
      </c>
      <c r="C3852">
        <f t="shared" si="181"/>
        <v>4</v>
      </c>
      <c r="D3852">
        <f t="shared" si="182"/>
        <v>6</v>
      </c>
    </row>
    <row r="3853" spans="1:4" x14ac:dyDescent="0.25">
      <c r="A3853" s="7">
        <f t="shared" si="183"/>
        <v>44722.208333324008</v>
      </c>
      <c r="B3853" s="8">
        <v>-4.9800999999999998E-2</v>
      </c>
      <c r="C3853">
        <f t="shared" si="181"/>
        <v>5</v>
      </c>
      <c r="D3853">
        <f t="shared" si="182"/>
        <v>6</v>
      </c>
    </row>
    <row r="3854" spans="1:4" x14ac:dyDescent="0.25">
      <c r="A3854" s="7">
        <f t="shared" si="183"/>
        <v>44722.249999990672</v>
      </c>
      <c r="B3854" s="8">
        <v>0.24803312356349325</v>
      </c>
      <c r="C3854">
        <f t="shared" si="181"/>
        <v>6</v>
      </c>
      <c r="D3854">
        <f t="shared" si="182"/>
        <v>6</v>
      </c>
    </row>
    <row r="3855" spans="1:4" x14ac:dyDescent="0.25">
      <c r="A3855" s="7">
        <f t="shared" si="183"/>
        <v>44722.291666657336</v>
      </c>
      <c r="B3855" s="8">
        <v>2.1823544760301083</v>
      </c>
      <c r="C3855">
        <f t="shared" si="181"/>
        <v>7</v>
      </c>
      <c r="D3855">
        <f t="shared" si="182"/>
        <v>6</v>
      </c>
    </row>
    <row r="3856" spans="1:4" x14ac:dyDescent="0.25">
      <c r="A3856" s="7">
        <f t="shared" si="183"/>
        <v>44722.333333324001</v>
      </c>
      <c r="B3856" s="8">
        <v>5.8974199848284039</v>
      </c>
      <c r="C3856">
        <f t="shared" si="181"/>
        <v>8</v>
      </c>
      <c r="D3856">
        <f t="shared" si="182"/>
        <v>6</v>
      </c>
    </row>
    <row r="3857" spans="1:4" x14ac:dyDescent="0.25">
      <c r="A3857" s="7">
        <f t="shared" si="183"/>
        <v>44722.374999990665</v>
      </c>
      <c r="B3857" s="8">
        <v>12.247844001663802</v>
      </c>
      <c r="C3857">
        <f t="shared" si="181"/>
        <v>9</v>
      </c>
      <c r="D3857">
        <f t="shared" si="182"/>
        <v>6</v>
      </c>
    </row>
    <row r="3858" spans="1:4" x14ac:dyDescent="0.25">
      <c r="A3858" s="7">
        <f t="shared" si="183"/>
        <v>44722.416666657329</v>
      </c>
      <c r="B3858" s="8">
        <v>8.1519917630600833</v>
      </c>
      <c r="C3858">
        <f t="shared" si="181"/>
        <v>10</v>
      </c>
      <c r="D3858">
        <f t="shared" si="182"/>
        <v>6</v>
      </c>
    </row>
    <row r="3859" spans="1:4" x14ac:dyDescent="0.25">
      <c r="A3859" s="7">
        <f t="shared" si="183"/>
        <v>44722.458333323993</v>
      </c>
      <c r="B3859" s="8">
        <v>8.8224371532856498</v>
      </c>
      <c r="C3859">
        <f t="shared" si="181"/>
        <v>11</v>
      </c>
      <c r="D3859">
        <f t="shared" si="182"/>
        <v>6</v>
      </c>
    </row>
    <row r="3860" spans="1:4" x14ac:dyDescent="0.25">
      <c r="A3860" s="7">
        <f t="shared" si="183"/>
        <v>44722.499999990658</v>
      </c>
      <c r="B3860" s="8">
        <v>10.219856173382487</v>
      </c>
      <c r="C3860">
        <f t="shared" si="181"/>
        <v>12</v>
      </c>
      <c r="D3860">
        <f t="shared" si="182"/>
        <v>6</v>
      </c>
    </row>
    <row r="3861" spans="1:4" x14ac:dyDescent="0.25">
      <c r="A3861" s="7">
        <f t="shared" si="183"/>
        <v>44722.541666657322</v>
      </c>
      <c r="B3861" s="8">
        <v>12.014853744622373</v>
      </c>
      <c r="C3861">
        <f t="shared" si="181"/>
        <v>13</v>
      </c>
      <c r="D3861">
        <f t="shared" si="182"/>
        <v>6</v>
      </c>
    </row>
    <row r="3862" spans="1:4" x14ac:dyDescent="0.25">
      <c r="A3862" s="7">
        <f t="shared" si="183"/>
        <v>44722.583333323986</v>
      </c>
      <c r="B3862" s="8">
        <v>11.403110162519839</v>
      </c>
      <c r="C3862">
        <f t="shared" si="181"/>
        <v>14</v>
      </c>
      <c r="D3862">
        <f t="shared" si="182"/>
        <v>6</v>
      </c>
    </row>
    <row r="3863" spans="1:4" x14ac:dyDescent="0.25">
      <c r="A3863" s="7">
        <f t="shared" si="183"/>
        <v>44722.62499999065</v>
      </c>
      <c r="B3863" s="8">
        <v>8.8088185976387194</v>
      </c>
      <c r="C3863">
        <f t="shared" si="181"/>
        <v>15</v>
      </c>
      <c r="D3863">
        <f t="shared" si="182"/>
        <v>6</v>
      </c>
    </row>
    <row r="3864" spans="1:4" x14ac:dyDescent="0.25">
      <c r="A3864" s="7">
        <f t="shared" si="183"/>
        <v>44722.666666657315</v>
      </c>
      <c r="B3864" s="8">
        <v>5.3262857525182064</v>
      </c>
      <c r="C3864">
        <f t="shared" si="181"/>
        <v>16</v>
      </c>
      <c r="D3864">
        <f t="shared" si="182"/>
        <v>6</v>
      </c>
    </row>
    <row r="3865" spans="1:4" x14ac:dyDescent="0.25">
      <c r="A3865" s="7">
        <f t="shared" si="183"/>
        <v>44722.708333323979</v>
      </c>
      <c r="B3865" s="8">
        <v>2.6823844710773379</v>
      </c>
      <c r="C3865">
        <f t="shared" si="181"/>
        <v>17</v>
      </c>
      <c r="D3865">
        <f t="shared" si="182"/>
        <v>6</v>
      </c>
    </row>
    <row r="3866" spans="1:4" x14ac:dyDescent="0.25">
      <c r="A3866" s="7">
        <f t="shared" si="183"/>
        <v>44722.749999990643</v>
      </c>
      <c r="B3866" s="8">
        <v>2.1829676923620229</v>
      </c>
      <c r="C3866">
        <f t="shared" si="181"/>
        <v>18</v>
      </c>
      <c r="D3866">
        <f t="shared" si="182"/>
        <v>6</v>
      </c>
    </row>
    <row r="3867" spans="1:4" x14ac:dyDescent="0.25">
      <c r="A3867" s="7">
        <f t="shared" si="183"/>
        <v>44722.791666657307</v>
      </c>
      <c r="B3867" s="8">
        <v>1.5886476990113414</v>
      </c>
      <c r="C3867">
        <f t="shared" si="181"/>
        <v>19</v>
      </c>
      <c r="D3867">
        <f t="shared" si="182"/>
        <v>6</v>
      </c>
    </row>
    <row r="3868" spans="1:4" x14ac:dyDescent="0.25">
      <c r="A3868" s="7">
        <f t="shared" si="183"/>
        <v>44722.833333323972</v>
      </c>
      <c r="B3868" s="8">
        <v>-4.9800999999999998E-2</v>
      </c>
      <c r="C3868">
        <f t="shared" si="181"/>
        <v>20</v>
      </c>
      <c r="D3868">
        <f t="shared" si="182"/>
        <v>6</v>
      </c>
    </row>
    <row r="3869" spans="1:4" x14ac:dyDescent="0.25">
      <c r="A3869" s="7">
        <f t="shared" si="183"/>
        <v>44722.874999990636</v>
      </c>
      <c r="B3869" s="8">
        <v>-4.9800999999999998E-2</v>
      </c>
      <c r="C3869">
        <f t="shared" si="181"/>
        <v>21</v>
      </c>
      <c r="D3869">
        <f t="shared" si="182"/>
        <v>6</v>
      </c>
    </row>
    <row r="3870" spans="1:4" x14ac:dyDescent="0.25">
      <c r="A3870" s="7">
        <f t="shared" si="183"/>
        <v>44722.9166666573</v>
      </c>
      <c r="B3870" s="8">
        <v>-4.9800999999999998E-2</v>
      </c>
      <c r="C3870">
        <f t="shared" si="181"/>
        <v>22</v>
      </c>
      <c r="D3870">
        <f t="shared" si="182"/>
        <v>6</v>
      </c>
    </row>
    <row r="3871" spans="1:4" x14ac:dyDescent="0.25">
      <c r="A3871" s="7">
        <f t="shared" si="183"/>
        <v>44722.958333323964</v>
      </c>
      <c r="B3871" s="8">
        <v>-4.9800999999999998E-2</v>
      </c>
      <c r="C3871">
        <f t="shared" si="181"/>
        <v>23</v>
      </c>
      <c r="D3871">
        <f t="shared" si="182"/>
        <v>6</v>
      </c>
    </row>
    <row r="3872" spans="1:4" x14ac:dyDescent="0.25">
      <c r="A3872" s="7">
        <f t="shared" si="183"/>
        <v>44722.999999990629</v>
      </c>
      <c r="B3872" s="8">
        <v>-4.9800999999999998E-2</v>
      </c>
      <c r="C3872">
        <f t="shared" si="181"/>
        <v>0</v>
      </c>
      <c r="D3872">
        <f t="shared" si="182"/>
        <v>6</v>
      </c>
    </row>
    <row r="3873" spans="1:4" x14ac:dyDescent="0.25">
      <c r="A3873" s="7">
        <f t="shared" si="183"/>
        <v>44723.041666657293</v>
      </c>
      <c r="B3873" s="8">
        <v>-4.9800999999999998E-2</v>
      </c>
      <c r="C3873">
        <f t="shared" si="181"/>
        <v>1</v>
      </c>
      <c r="D3873">
        <f t="shared" si="182"/>
        <v>6</v>
      </c>
    </row>
    <row r="3874" spans="1:4" x14ac:dyDescent="0.25">
      <c r="A3874" s="7">
        <f t="shared" si="183"/>
        <v>44723.083333323957</v>
      </c>
      <c r="B3874" s="8">
        <v>-4.9800999999999998E-2</v>
      </c>
      <c r="C3874">
        <f t="shared" si="181"/>
        <v>2</v>
      </c>
      <c r="D3874">
        <f t="shared" si="182"/>
        <v>6</v>
      </c>
    </row>
    <row r="3875" spans="1:4" x14ac:dyDescent="0.25">
      <c r="A3875" s="7">
        <f t="shared" si="183"/>
        <v>44723.124999990621</v>
      </c>
      <c r="B3875" s="8">
        <v>-4.9800999999999998E-2</v>
      </c>
      <c r="C3875">
        <f t="shared" si="181"/>
        <v>3</v>
      </c>
      <c r="D3875">
        <f t="shared" si="182"/>
        <v>6</v>
      </c>
    </row>
    <row r="3876" spans="1:4" x14ac:dyDescent="0.25">
      <c r="A3876" s="7">
        <f t="shared" si="183"/>
        <v>44723.166666657286</v>
      </c>
      <c r="B3876" s="8">
        <v>-4.9800999999999998E-2</v>
      </c>
      <c r="C3876">
        <f t="shared" si="181"/>
        <v>4</v>
      </c>
      <c r="D3876">
        <f t="shared" si="182"/>
        <v>6</v>
      </c>
    </row>
    <row r="3877" spans="1:4" x14ac:dyDescent="0.25">
      <c r="A3877" s="7">
        <f t="shared" si="183"/>
        <v>44723.20833332395</v>
      </c>
      <c r="B3877" s="8">
        <v>-4.9800999999999998E-2</v>
      </c>
      <c r="C3877">
        <f t="shared" si="181"/>
        <v>5</v>
      </c>
      <c r="D3877">
        <f t="shared" si="182"/>
        <v>6</v>
      </c>
    </row>
    <row r="3878" spans="1:4" x14ac:dyDescent="0.25">
      <c r="A3878" s="7">
        <f t="shared" si="183"/>
        <v>44723.249999990614</v>
      </c>
      <c r="B3878" s="8">
        <v>0.20819261307134043</v>
      </c>
      <c r="C3878">
        <f t="shared" si="181"/>
        <v>6</v>
      </c>
      <c r="D3878">
        <f t="shared" si="182"/>
        <v>6</v>
      </c>
    </row>
    <row r="3879" spans="1:4" x14ac:dyDescent="0.25">
      <c r="A3879" s="7">
        <f t="shared" si="183"/>
        <v>44723.291666657278</v>
      </c>
      <c r="B3879" s="8">
        <v>2.1512257599138818</v>
      </c>
      <c r="C3879">
        <f t="shared" si="181"/>
        <v>7</v>
      </c>
      <c r="D3879">
        <f t="shared" si="182"/>
        <v>6</v>
      </c>
    </row>
    <row r="3880" spans="1:4" x14ac:dyDescent="0.25">
      <c r="A3880" s="7">
        <f t="shared" si="183"/>
        <v>44723.333333323942</v>
      </c>
      <c r="B3880" s="8">
        <v>4.5109914503845747</v>
      </c>
      <c r="C3880">
        <f t="shared" si="181"/>
        <v>8</v>
      </c>
      <c r="D3880">
        <f t="shared" si="182"/>
        <v>6</v>
      </c>
    </row>
    <row r="3881" spans="1:4" x14ac:dyDescent="0.25">
      <c r="A3881" s="7">
        <f t="shared" si="183"/>
        <v>44723.374999990607</v>
      </c>
      <c r="B3881" s="8">
        <v>3.7573444559985338</v>
      </c>
      <c r="C3881">
        <f t="shared" si="181"/>
        <v>9</v>
      </c>
      <c r="D3881">
        <f t="shared" si="182"/>
        <v>6</v>
      </c>
    </row>
    <row r="3882" spans="1:4" x14ac:dyDescent="0.25">
      <c r="A3882" s="7">
        <f t="shared" si="183"/>
        <v>44723.416666657271</v>
      </c>
      <c r="B3882" s="8">
        <v>13.075143945899072</v>
      </c>
      <c r="C3882">
        <f t="shared" si="181"/>
        <v>10</v>
      </c>
      <c r="D3882">
        <f t="shared" si="182"/>
        <v>6</v>
      </c>
    </row>
    <row r="3883" spans="1:4" x14ac:dyDescent="0.25">
      <c r="A3883" s="7">
        <f t="shared" si="183"/>
        <v>44723.458333323935</v>
      </c>
      <c r="B3883" s="8">
        <v>20.210281836295703</v>
      </c>
      <c r="C3883">
        <f t="shared" si="181"/>
        <v>11</v>
      </c>
      <c r="D3883">
        <f t="shared" si="182"/>
        <v>6</v>
      </c>
    </row>
    <row r="3884" spans="1:4" x14ac:dyDescent="0.25">
      <c r="A3884" s="7">
        <f t="shared" si="183"/>
        <v>44723.499999990599</v>
      </c>
      <c r="B3884" s="8">
        <v>20.451287191510747</v>
      </c>
      <c r="C3884">
        <f t="shared" si="181"/>
        <v>12</v>
      </c>
      <c r="D3884">
        <f t="shared" si="182"/>
        <v>6</v>
      </c>
    </row>
    <row r="3885" spans="1:4" x14ac:dyDescent="0.25">
      <c r="A3885" s="7">
        <f t="shared" si="183"/>
        <v>44723.541666657264</v>
      </c>
      <c r="B3885" s="8">
        <v>20.451313987518528</v>
      </c>
      <c r="C3885">
        <f t="shared" si="181"/>
        <v>13</v>
      </c>
      <c r="D3885">
        <f t="shared" si="182"/>
        <v>6</v>
      </c>
    </row>
    <row r="3886" spans="1:4" x14ac:dyDescent="0.25">
      <c r="A3886" s="7">
        <f t="shared" si="183"/>
        <v>44723.583333323928</v>
      </c>
      <c r="B3886" s="8">
        <v>20.451315018134213</v>
      </c>
      <c r="C3886">
        <f t="shared" si="181"/>
        <v>14</v>
      </c>
      <c r="D3886">
        <f t="shared" si="182"/>
        <v>6</v>
      </c>
    </row>
    <row r="3887" spans="1:4" x14ac:dyDescent="0.25">
      <c r="A3887" s="7">
        <f t="shared" si="183"/>
        <v>44723.624999990592</v>
      </c>
      <c r="B3887" s="8">
        <v>18.820065789213576</v>
      </c>
      <c r="C3887">
        <f t="shared" si="181"/>
        <v>15</v>
      </c>
      <c r="D3887">
        <f t="shared" si="182"/>
        <v>6</v>
      </c>
    </row>
    <row r="3888" spans="1:4" x14ac:dyDescent="0.25">
      <c r="A3888" s="7">
        <f t="shared" si="183"/>
        <v>44723.666666657256</v>
      </c>
      <c r="B3888" s="8">
        <v>15.662215017298854</v>
      </c>
      <c r="C3888">
        <f t="shared" si="181"/>
        <v>16</v>
      </c>
      <c r="D3888">
        <f t="shared" si="182"/>
        <v>6</v>
      </c>
    </row>
    <row r="3889" spans="1:4" x14ac:dyDescent="0.25">
      <c r="A3889" s="7">
        <f t="shared" si="183"/>
        <v>44723.708333323921</v>
      </c>
      <c r="B3889" s="8">
        <v>10.774219196668737</v>
      </c>
      <c r="C3889">
        <f t="shared" si="181"/>
        <v>17</v>
      </c>
      <c r="D3889">
        <f t="shared" si="182"/>
        <v>6</v>
      </c>
    </row>
    <row r="3890" spans="1:4" x14ac:dyDescent="0.25">
      <c r="A3890" s="7">
        <f t="shared" si="183"/>
        <v>44723.749999990585</v>
      </c>
      <c r="B3890" s="8">
        <v>5.8253325402030036</v>
      </c>
      <c r="C3890">
        <f t="shared" si="181"/>
        <v>18</v>
      </c>
      <c r="D3890">
        <f t="shared" si="182"/>
        <v>6</v>
      </c>
    </row>
    <row r="3891" spans="1:4" x14ac:dyDescent="0.25">
      <c r="A3891" s="7">
        <f t="shared" si="183"/>
        <v>44723.791666657249</v>
      </c>
      <c r="B3891" s="8">
        <v>2.043585166041312</v>
      </c>
      <c r="C3891">
        <f t="shared" si="181"/>
        <v>19</v>
      </c>
      <c r="D3891">
        <f t="shared" si="182"/>
        <v>6</v>
      </c>
    </row>
    <row r="3892" spans="1:4" x14ac:dyDescent="0.25">
      <c r="A3892" s="7">
        <f t="shared" si="183"/>
        <v>44723.833333323913</v>
      </c>
      <c r="B3892" s="8">
        <v>0.2832090674703579</v>
      </c>
      <c r="C3892">
        <f t="shared" si="181"/>
        <v>20</v>
      </c>
      <c r="D3892">
        <f t="shared" si="182"/>
        <v>6</v>
      </c>
    </row>
    <row r="3893" spans="1:4" x14ac:dyDescent="0.25">
      <c r="A3893" s="7">
        <f t="shared" si="183"/>
        <v>44723.874999990578</v>
      </c>
      <c r="B3893" s="8">
        <v>-4.9800999999999998E-2</v>
      </c>
      <c r="C3893">
        <f t="shared" si="181"/>
        <v>21</v>
      </c>
      <c r="D3893">
        <f t="shared" si="182"/>
        <v>6</v>
      </c>
    </row>
    <row r="3894" spans="1:4" x14ac:dyDescent="0.25">
      <c r="A3894" s="7">
        <f t="shared" si="183"/>
        <v>44723.916666657242</v>
      </c>
      <c r="B3894" s="8">
        <v>-4.9800999999999998E-2</v>
      </c>
      <c r="C3894">
        <f t="shared" si="181"/>
        <v>22</v>
      </c>
      <c r="D3894">
        <f t="shared" si="182"/>
        <v>6</v>
      </c>
    </row>
    <row r="3895" spans="1:4" x14ac:dyDescent="0.25">
      <c r="A3895" s="7">
        <f t="shared" si="183"/>
        <v>44723.958333323906</v>
      </c>
      <c r="B3895" s="8">
        <v>-4.9800999999999998E-2</v>
      </c>
      <c r="C3895">
        <f t="shared" si="181"/>
        <v>23</v>
      </c>
      <c r="D3895">
        <f t="shared" si="182"/>
        <v>6</v>
      </c>
    </row>
    <row r="3896" spans="1:4" x14ac:dyDescent="0.25">
      <c r="A3896" s="7">
        <f t="shared" si="183"/>
        <v>44723.99999999057</v>
      </c>
      <c r="B3896" s="8">
        <v>-4.9800999999999998E-2</v>
      </c>
      <c r="C3896">
        <f t="shared" si="181"/>
        <v>0</v>
      </c>
      <c r="D3896">
        <f t="shared" si="182"/>
        <v>6</v>
      </c>
    </row>
    <row r="3897" spans="1:4" x14ac:dyDescent="0.25">
      <c r="A3897" s="7">
        <f t="shared" si="183"/>
        <v>44724.041666657235</v>
      </c>
      <c r="B3897" s="8">
        <v>-4.9800999999999998E-2</v>
      </c>
      <c r="C3897">
        <f t="shared" si="181"/>
        <v>1</v>
      </c>
      <c r="D3897">
        <f t="shared" si="182"/>
        <v>6</v>
      </c>
    </row>
    <row r="3898" spans="1:4" x14ac:dyDescent="0.25">
      <c r="A3898" s="7">
        <f t="shared" si="183"/>
        <v>44724.083333323899</v>
      </c>
      <c r="B3898" s="8">
        <v>-4.9800999999999998E-2</v>
      </c>
      <c r="C3898">
        <f t="shared" si="181"/>
        <v>2</v>
      </c>
      <c r="D3898">
        <f t="shared" si="182"/>
        <v>6</v>
      </c>
    </row>
    <row r="3899" spans="1:4" x14ac:dyDescent="0.25">
      <c r="A3899" s="7">
        <f t="shared" si="183"/>
        <v>44724.124999990563</v>
      </c>
      <c r="B3899" s="8">
        <v>-4.9800999999999998E-2</v>
      </c>
      <c r="C3899">
        <f t="shared" si="181"/>
        <v>3</v>
      </c>
      <c r="D3899">
        <f t="shared" si="182"/>
        <v>6</v>
      </c>
    </row>
    <row r="3900" spans="1:4" x14ac:dyDescent="0.25">
      <c r="A3900" s="7">
        <f t="shared" si="183"/>
        <v>44724.166666657227</v>
      </c>
      <c r="B3900" s="8">
        <v>-4.9800999999999998E-2</v>
      </c>
      <c r="C3900">
        <f t="shared" si="181"/>
        <v>4</v>
      </c>
      <c r="D3900">
        <f t="shared" si="182"/>
        <v>6</v>
      </c>
    </row>
    <row r="3901" spans="1:4" x14ac:dyDescent="0.25">
      <c r="A3901" s="7">
        <f t="shared" si="183"/>
        <v>44724.208333323892</v>
      </c>
      <c r="B3901" s="8">
        <v>-4.9800999999999998E-2</v>
      </c>
      <c r="C3901">
        <f t="shared" si="181"/>
        <v>5</v>
      </c>
      <c r="D3901">
        <f t="shared" si="182"/>
        <v>6</v>
      </c>
    </row>
    <row r="3902" spans="1:4" x14ac:dyDescent="0.25">
      <c r="A3902" s="7">
        <f t="shared" si="183"/>
        <v>44724.249999990556</v>
      </c>
      <c r="B3902" s="8">
        <v>-4.9800999999999998E-2</v>
      </c>
      <c r="C3902">
        <f t="shared" si="181"/>
        <v>6</v>
      </c>
      <c r="D3902">
        <f t="shared" si="182"/>
        <v>6</v>
      </c>
    </row>
    <row r="3903" spans="1:4" x14ac:dyDescent="0.25">
      <c r="A3903" s="7">
        <f t="shared" si="183"/>
        <v>44724.29166665722</v>
      </c>
      <c r="B3903" s="8">
        <v>1.5588237423509197</v>
      </c>
      <c r="C3903">
        <f t="shared" si="181"/>
        <v>7</v>
      </c>
      <c r="D3903">
        <f t="shared" si="182"/>
        <v>6</v>
      </c>
    </row>
    <row r="3904" spans="1:4" x14ac:dyDescent="0.25">
      <c r="A3904" s="7">
        <f t="shared" si="183"/>
        <v>44724.333333323884</v>
      </c>
      <c r="B3904" s="8">
        <v>3.7439722175000556</v>
      </c>
      <c r="C3904">
        <f t="shared" si="181"/>
        <v>8</v>
      </c>
      <c r="D3904">
        <f t="shared" si="182"/>
        <v>6</v>
      </c>
    </row>
    <row r="3905" spans="1:4" x14ac:dyDescent="0.25">
      <c r="A3905" s="7">
        <f t="shared" si="183"/>
        <v>44724.374999990549</v>
      </c>
      <c r="B3905" s="8">
        <v>7.801226868126391</v>
      </c>
      <c r="C3905">
        <f t="shared" si="181"/>
        <v>9</v>
      </c>
      <c r="D3905">
        <f t="shared" si="182"/>
        <v>6</v>
      </c>
    </row>
    <row r="3906" spans="1:4" x14ac:dyDescent="0.25">
      <c r="A3906" s="7">
        <f t="shared" si="183"/>
        <v>44724.416666657213</v>
      </c>
      <c r="B3906" s="8">
        <v>14.348720062956899</v>
      </c>
      <c r="C3906">
        <f t="shared" si="181"/>
        <v>10</v>
      </c>
      <c r="D3906">
        <f t="shared" si="182"/>
        <v>6</v>
      </c>
    </row>
    <row r="3907" spans="1:4" x14ac:dyDescent="0.25">
      <c r="A3907" s="7">
        <f t="shared" si="183"/>
        <v>44724.458333323877</v>
      </c>
      <c r="B3907" s="8">
        <v>16.821499977475966</v>
      </c>
      <c r="C3907">
        <f t="shared" si="181"/>
        <v>11</v>
      </c>
      <c r="D3907">
        <f t="shared" si="182"/>
        <v>6</v>
      </c>
    </row>
    <row r="3908" spans="1:4" x14ac:dyDescent="0.25">
      <c r="A3908" s="7">
        <f t="shared" si="183"/>
        <v>44724.499999990541</v>
      </c>
      <c r="B3908" s="8">
        <v>15.973318728869391</v>
      </c>
      <c r="C3908">
        <f t="shared" si="181"/>
        <v>12</v>
      </c>
      <c r="D3908">
        <f t="shared" si="182"/>
        <v>6</v>
      </c>
    </row>
    <row r="3909" spans="1:4" x14ac:dyDescent="0.25">
      <c r="A3909" s="7">
        <f t="shared" si="183"/>
        <v>44724.541666657205</v>
      </c>
      <c r="B3909" s="8">
        <v>9.7991403001360986</v>
      </c>
      <c r="C3909">
        <f t="shared" si="181"/>
        <v>13</v>
      </c>
      <c r="D3909">
        <f t="shared" si="182"/>
        <v>6</v>
      </c>
    </row>
    <row r="3910" spans="1:4" x14ac:dyDescent="0.25">
      <c r="A3910" s="7">
        <f t="shared" si="183"/>
        <v>44724.58333332387</v>
      </c>
      <c r="B3910" s="8">
        <v>12.900716363863351</v>
      </c>
      <c r="C3910">
        <f t="shared" si="181"/>
        <v>14</v>
      </c>
      <c r="D3910">
        <f t="shared" si="182"/>
        <v>6</v>
      </c>
    </row>
    <row r="3911" spans="1:4" x14ac:dyDescent="0.25">
      <c r="A3911" s="7">
        <f t="shared" si="183"/>
        <v>44724.624999990534</v>
      </c>
      <c r="B3911" s="8">
        <v>9.1691280244209228</v>
      </c>
      <c r="C3911">
        <f t="shared" si="181"/>
        <v>15</v>
      </c>
      <c r="D3911">
        <f t="shared" si="182"/>
        <v>6</v>
      </c>
    </row>
    <row r="3912" spans="1:4" x14ac:dyDescent="0.25">
      <c r="A3912" s="7">
        <f t="shared" si="183"/>
        <v>44724.666666657198</v>
      </c>
      <c r="B3912" s="8">
        <v>9.7831667876514814</v>
      </c>
      <c r="C3912">
        <f t="shared" si="181"/>
        <v>16</v>
      </c>
      <c r="D3912">
        <f t="shared" si="182"/>
        <v>6</v>
      </c>
    </row>
    <row r="3913" spans="1:4" x14ac:dyDescent="0.25">
      <c r="A3913" s="7">
        <f t="shared" si="183"/>
        <v>44724.708333323862</v>
      </c>
      <c r="B3913" s="8">
        <v>10.049297522624091</v>
      </c>
      <c r="C3913">
        <f t="shared" si="181"/>
        <v>17</v>
      </c>
      <c r="D3913">
        <f t="shared" si="182"/>
        <v>6</v>
      </c>
    </row>
    <row r="3914" spans="1:4" x14ac:dyDescent="0.25">
      <c r="A3914" s="7">
        <f t="shared" si="183"/>
        <v>44724.749999990527</v>
      </c>
      <c r="B3914" s="8">
        <v>6.9918575755594468</v>
      </c>
      <c r="C3914">
        <f t="shared" ref="C3914:C3977" si="184">HOUR(A3914)</f>
        <v>18</v>
      </c>
      <c r="D3914">
        <f t="shared" ref="D3914:D3977" si="185">MONTH(A3914)</f>
        <v>6</v>
      </c>
    </row>
    <row r="3915" spans="1:4" x14ac:dyDescent="0.25">
      <c r="A3915" s="7">
        <f t="shared" ref="A3915:A3978" si="186">+A3914+1/24</f>
        <v>44724.791666657191</v>
      </c>
      <c r="B3915" s="8">
        <v>1.9404205360838789</v>
      </c>
      <c r="C3915">
        <f t="shared" si="184"/>
        <v>19</v>
      </c>
      <c r="D3915">
        <f t="shared" si="185"/>
        <v>6</v>
      </c>
    </row>
    <row r="3916" spans="1:4" x14ac:dyDescent="0.25">
      <c r="A3916" s="7">
        <f t="shared" si="186"/>
        <v>44724.833333323855</v>
      </c>
      <c r="B3916" s="8">
        <v>0.34938386991727932</v>
      </c>
      <c r="C3916">
        <f t="shared" si="184"/>
        <v>20</v>
      </c>
      <c r="D3916">
        <f t="shared" si="185"/>
        <v>6</v>
      </c>
    </row>
    <row r="3917" spans="1:4" x14ac:dyDescent="0.25">
      <c r="A3917" s="7">
        <f t="shared" si="186"/>
        <v>44724.874999990519</v>
      </c>
      <c r="B3917" s="8">
        <v>-4.9800999999999998E-2</v>
      </c>
      <c r="C3917">
        <f t="shared" si="184"/>
        <v>21</v>
      </c>
      <c r="D3917">
        <f t="shared" si="185"/>
        <v>6</v>
      </c>
    </row>
    <row r="3918" spans="1:4" x14ac:dyDescent="0.25">
      <c r="A3918" s="7">
        <f t="shared" si="186"/>
        <v>44724.916666657184</v>
      </c>
      <c r="B3918" s="8">
        <v>-4.9800999999999998E-2</v>
      </c>
      <c r="C3918">
        <f t="shared" si="184"/>
        <v>22</v>
      </c>
      <c r="D3918">
        <f t="shared" si="185"/>
        <v>6</v>
      </c>
    </row>
    <row r="3919" spans="1:4" x14ac:dyDescent="0.25">
      <c r="A3919" s="7">
        <f t="shared" si="186"/>
        <v>44724.958333323848</v>
      </c>
      <c r="B3919" s="8">
        <v>-4.9800999999999998E-2</v>
      </c>
      <c r="C3919">
        <f t="shared" si="184"/>
        <v>23</v>
      </c>
      <c r="D3919">
        <f t="shared" si="185"/>
        <v>6</v>
      </c>
    </row>
    <row r="3920" spans="1:4" x14ac:dyDescent="0.25">
      <c r="A3920" s="7">
        <f t="shared" si="186"/>
        <v>44724.999999990512</v>
      </c>
      <c r="B3920" s="8">
        <v>-4.9800999999999998E-2</v>
      </c>
      <c r="C3920">
        <f t="shared" si="184"/>
        <v>0</v>
      </c>
      <c r="D3920">
        <f t="shared" si="185"/>
        <v>6</v>
      </c>
    </row>
    <row r="3921" spans="1:4" x14ac:dyDescent="0.25">
      <c r="A3921" s="7">
        <f t="shared" si="186"/>
        <v>44725.041666657176</v>
      </c>
      <c r="B3921" s="8">
        <v>-4.9800999999999998E-2</v>
      </c>
      <c r="C3921">
        <f t="shared" si="184"/>
        <v>1</v>
      </c>
      <c r="D3921">
        <f t="shared" si="185"/>
        <v>6</v>
      </c>
    </row>
    <row r="3922" spans="1:4" x14ac:dyDescent="0.25">
      <c r="A3922" s="7">
        <f t="shared" si="186"/>
        <v>44725.083333323841</v>
      </c>
      <c r="B3922" s="8">
        <v>-4.9800999999999998E-2</v>
      </c>
      <c r="C3922">
        <f t="shared" si="184"/>
        <v>2</v>
      </c>
      <c r="D3922">
        <f t="shared" si="185"/>
        <v>6</v>
      </c>
    </row>
    <row r="3923" spans="1:4" x14ac:dyDescent="0.25">
      <c r="A3923" s="7">
        <f t="shared" si="186"/>
        <v>44725.124999990505</v>
      </c>
      <c r="B3923" s="8">
        <v>-4.9800999999999998E-2</v>
      </c>
      <c r="C3923">
        <f t="shared" si="184"/>
        <v>3</v>
      </c>
      <c r="D3923">
        <f t="shared" si="185"/>
        <v>6</v>
      </c>
    </row>
    <row r="3924" spans="1:4" x14ac:dyDescent="0.25">
      <c r="A3924" s="7">
        <f t="shared" si="186"/>
        <v>44725.166666657169</v>
      </c>
      <c r="B3924" s="8">
        <v>-4.9800999999999998E-2</v>
      </c>
      <c r="C3924">
        <f t="shared" si="184"/>
        <v>4</v>
      </c>
      <c r="D3924">
        <f t="shared" si="185"/>
        <v>6</v>
      </c>
    </row>
    <row r="3925" spans="1:4" x14ac:dyDescent="0.25">
      <c r="A3925" s="7">
        <f t="shared" si="186"/>
        <v>44725.208333323833</v>
      </c>
      <c r="B3925" s="8">
        <v>-4.9800999999999998E-2</v>
      </c>
      <c r="C3925">
        <f t="shared" si="184"/>
        <v>5</v>
      </c>
      <c r="D3925">
        <f t="shared" si="185"/>
        <v>6</v>
      </c>
    </row>
    <row r="3926" spans="1:4" x14ac:dyDescent="0.25">
      <c r="A3926" s="7">
        <f t="shared" si="186"/>
        <v>44725.249999990498</v>
      </c>
      <c r="B3926" s="8">
        <v>0.25114146046610686</v>
      </c>
      <c r="C3926">
        <f t="shared" si="184"/>
        <v>6</v>
      </c>
      <c r="D3926">
        <f t="shared" si="185"/>
        <v>6</v>
      </c>
    </row>
    <row r="3927" spans="1:4" x14ac:dyDescent="0.25">
      <c r="A3927" s="7">
        <f t="shared" si="186"/>
        <v>44725.291666657162</v>
      </c>
      <c r="B3927" s="8">
        <v>2.0577283050713406</v>
      </c>
      <c r="C3927">
        <f t="shared" si="184"/>
        <v>7</v>
      </c>
      <c r="D3927">
        <f t="shared" si="185"/>
        <v>6</v>
      </c>
    </row>
    <row r="3928" spans="1:4" x14ac:dyDescent="0.25">
      <c r="A3928" s="7">
        <f t="shared" si="186"/>
        <v>44725.333333323826</v>
      </c>
      <c r="B3928" s="8">
        <v>5.9451508889964231</v>
      </c>
      <c r="C3928">
        <f t="shared" si="184"/>
        <v>8</v>
      </c>
      <c r="D3928">
        <f t="shared" si="185"/>
        <v>6</v>
      </c>
    </row>
    <row r="3929" spans="1:4" x14ac:dyDescent="0.25">
      <c r="A3929" s="7">
        <f t="shared" si="186"/>
        <v>44725.37499999049</v>
      </c>
      <c r="B3929" s="8">
        <v>12.602045999903268</v>
      </c>
      <c r="C3929">
        <f t="shared" si="184"/>
        <v>9</v>
      </c>
      <c r="D3929">
        <f t="shared" si="185"/>
        <v>6</v>
      </c>
    </row>
    <row r="3930" spans="1:4" x14ac:dyDescent="0.25">
      <c r="A3930" s="7">
        <f t="shared" si="186"/>
        <v>44725.416666657155</v>
      </c>
      <c r="B3930" s="8">
        <v>17.441896608860443</v>
      </c>
      <c r="C3930">
        <f t="shared" si="184"/>
        <v>10</v>
      </c>
      <c r="D3930">
        <f t="shared" si="185"/>
        <v>6</v>
      </c>
    </row>
    <row r="3931" spans="1:4" x14ac:dyDescent="0.25">
      <c r="A3931" s="7">
        <f t="shared" si="186"/>
        <v>44725.458333323819</v>
      </c>
      <c r="B3931" s="8">
        <v>20.45130574259306</v>
      </c>
      <c r="C3931">
        <f t="shared" si="184"/>
        <v>11</v>
      </c>
      <c r="D3931">
        <f t="shared" si="185"/>
        <v>6</v>
      </c>
    </row>
    <row r="3932" spans="1:4" x14ac:dyDescent="0.25">
      <c r="A3932" s="7">
        <f t="shared" si="186"/>
        <v>44725.499999990483</v>
      </c>
      <c r="B3932" s="8">
        <v>20.451298528283271</v>
      </c>
      <c r="C3932">
        <f t="shared" si="184"/>
        <v>12</v>
      </c>
      <c r="D3932">
        <f t="shared" si="185"/>
        <v>6</v>
      </c>
    </row>
    <row r="3933" spans="1:4" x14ac:dyDescent="0.25">
      <c r="A3933" s="7">
        <f t="shared" si="186"/>
        <v>44725.541666657147</v>
      </c>
      <c r="B3933" s="8">
        <v>20.45130368136169</v>
      </c>
      <c r="C3933">
        <f t="shared" si="184"/>
        <v>13</v>
      </c>
      <c r="D3933">
        <f t="shared" si="185"/>
        <v>6</v>
      </c>
    </row>
    <row r="3934" spans="1:4" x14ac:dyDescent="0.25">
      <c r="A3934" s="7">
        <f t="shared" si="186"/>
        <v>44725.583333323812</v>
      </c>
      <c r="B3934" s="8">
        <v>20.451294405820537</v>
      </c>
      <c r="C3934">
        <f t="shared" si="184"/>
        <v>14</v>
      </c>
      <c r="D3934">
        <f t="shared" si="185"/>
        <v>6</v>
      </c>
    </row>
    <row r="3935" spans="1:4" x14ac:dyDescent="0.25">
      <c r="A3935" s="7">
        <f t="shared" si="186"/>
        <v>44725.624999990476</v>
      </c>
      <c r="B3935" s="8">
        <v>20.45130574259306</v>
      </c>
      <c r="C3935">
        <f t="shared" si="184"/>
        <v>15</v>
      </c>
      <c r="D3935">
        <f t="shared" si="185"/>
        <v>6</v>
      </c>
    </row>
    <row r="3936" spans="1:4" x14ac:dyDescent="0.25">
      <c r="A3936" s="7">
        <f t="shared" si="186"/>
        <v>44725.66666665714</v>
      </c>
      <c r="B3936" s="8">
        <v>14.907454957974211</v>
      </c>
      <c r="C3936">
        <f t="shared" si="184"/>
        <v>16</v>
      </c>
      <c r="D3936">
        <f t="shared" si="185"/>
        <v>6</v>
      </c>
    </row>
    <row r="3937" spans="1:4" x14ac:dyDescent="0.25">
      <c r="A3937" s="7">
        <f t="shared" si="186"/>
        <v>44725.708333323804</v>
      </c>
      <c r="B3937" s="8">
        <v>8.8371275492438244</v>
      </c>
      <c r="C3937">
        <f t="shared" si="184"/>
        <v>17</v>
      </c>
      <c r="D3937">
        <f t="shared" si="185"/>
        <v>6</v>
      </c>
    </row>
    <row r="3938" spans="1:4" x14ac:dyDescent="0.25">
      <c r="A3938" s="7">
        <f t="shared" si="186"/>
        <v>44725.749999990468</v>
      </c>
      <c r="B3938" s="8">
        <v>4.104473338799461</v>
      </c>
      <c r="C3938">
        <f t="shared" si="184"/>
        <v>18</v>
      </c>
      <c r="D3938">
        <f t="shared" si="185"/>
        <v>6</v>
      </c>
    </row>
    <row r="3939" spans="1:4" x14ac:dyDescent="0.25">
      <c r="A3939" s="7">
        <f t="shared" si="186"/>
        <v>44725.791666657133</v>
      </c>
      <c r="B3939" s="8">
        <v>1.7896363084522877</v>
      </c>
      <c r="C3939">
        <f t="shared" si="184"/>
        <v>19</v>
      </c>
      <c r="D3939">
        <f t="shared" si="185"/>
        <v>6</v>
      </c>
    </row>
    <row r="3940" spans="1:4" x14ac:dyDescent="0.25">
      <c r="A3940" s="7">
        <f t="shared" si="186"/>
        <v>44725.833333323797</v>
      </c>
      <c r="B3940" s="8">
        <v>0.18587153858964126</v>
      </c>
      <c r="C3940">
        <f t="shared" si="184"/>
        <v>20</v>
      </c>
      <c r="D3940">
        <f t="shared" si="185"/>
        <v>6</v>
      </c>
    </row>
    <row r="3941" spans="1:4" x14ac:dyDescent="0.25">
      <c r="A3941" s="7">
        <f t="shared" si="186"/>
        <v>44725.874999990461</v>
      </c>
      <c r="B3941" s="8">
        <v>-4.9800999999999998E-2</v>
      </c>
      <c r="C3941">
        <f t="shared" si="184"/>
        <v>21</v>
      </c>
      <c r="D3941">
        <f t="shared" si="185"/>
        <v>6</v>
      </c>
    </row>
    <row r="3942" spans="1:4" x14ac:dyDescent="0.25">
      <c r="A3942" s="7">
        <f t="shared" si="186"/>
        <v>44725.916666657125</v>
      </c>
      <c r="B3942" s="8">
        <v>-4.9800999999999998E-2</v>
      </c>
      <c r="C3942">
        <f t="shared" si="184"/>
        <v>22</v>
      </c>
      <c r="D3942">
        <f t="shared" si="185"/>
        <v>6</v>
      </c>
    </row>
    <row r="3943" spans="1:4" x14ac:dyDescent="0.25">
      <c r="A3943" s="7">
        <f t="shared" si="186"/>
        <v>44725.95833332379</v>
      </c>
      <c r="B3943" s="8">
        <v>-4.9800999999999998E-2</v>
      </c>
      <c r="C3943">
        <f t="shared" si="184"/>
        <v>23</v>
      </c>
      <c r="D3943">
        <f t="shared" si="185"/>
        <v>6</v>
      </c>
    </row>
    <row r="3944" spans="1:4" x14ac:dyDescent="0.25">
      <c r="A3944" s="7">
        <f t="shared" si="186"/>
        <v>44725.999999990454</v>
      </c>
      <c r="B3944" s="8">
        <v>-4.9800999999999998E-2</v>
      </c>
      <c r="C3944">
        <f t="shared" si="184"/>
        <v>0</v>
      </c>
      <c r="D3944">
        <f t="shared" si="185"/>
        <v>6</v>
      </c>
    </row>
    <row r="3945" spans="1:4" x14ac:dyDescent="0.25">
      <c r="A3945" s="7">
        <f t="shared" si="186"/>
        <v>44726.041666657118</v>
      </c>
      <c r="B3945" s="8">
        <v>-4.9800999999999998E-2</v>
      </c>
      <c r="C3945">
        <f t="shared" si="184"/>
        <v>1</v>
      </c>
      <c r="D3945">
        <f t="shared" si="185"/>
        <v>6</v>
      </c>
    </row>
    <row r="3946" spans="1:4" x14ac:dyDescent="0.25">
      <c r="A3946" s="7">
        <f t="shared" si="186"/>
        <v>44726.083333323782</v>
      </c>
      <c r="B3946" s="8">
        <v>-4.9800999999999998E-2</v>
      </c>
      <c r="C3946">
        <f t="shared" si="184"/>
        <v>2</v>
      </c>
      <c r="D3946">
        <f t="shared" si="185"/>
        <v>6</v>
      </c>
    </row>
    <row r="3947" spans="1:4" x14ac:dyDescent="0.25">
      <c r="A3947" s="7">
        <f t="shared" si="186"/>
        <v>44726.124999990447</v>
      </c>
      <c r="B3947" s="8">
        <v>-4.9800999999999998E-2</v>
      </c>
      <c r="C3947">
        <f t="shared" si="184"/>
        <v>3</v>
      </c>
      <c r="D3947">
        <f t="shared" si="185"/>
        <v>6</v>
      </c>
    </row>
    <row r="3948" spans="1:4" x14ac:dyDescent="0.25">
      <c r="A3948" s="7">
        <f t="shared" si="186"/>
        <v>44726.166666657111</v>
      </c>
      <c r="B3948" s="8">
        <v>-4.9800999999999998E-2</v>
      </c>
      <c r="C3948">
        <f t="shared" si="184"/>
        <v>4</v>
      </c>
      <c r="D3948">
        <f t="shared" si="185"/>
        <v>6</v>
      </c>
    </row>
    <row r="3949" spans="1:4" x14ac:dyDescent="0.25">
      <c r="A3949" s="7">
        <f t="shared" si="186"/>
        <v>44726.208333323775</v>
      </c>
      <c r="B3949" s="8">
        <v>-4.9800999999999998E-2</v>
      </c>
      <c r="C3949">
        <f t="shared" si="184"/>
        <v>5</v>
      </c>
      <c r="D3949">
        <f t="shared" si="185"/>
        <v>6</v>
      </c>
    </row>
    <row r="3950" spans="1:4" x14ac:dyDescent="0.25">
      <c r="A3950" s="7">
        <f t="shared" si="186"/>
        <v>44726.249999990439</v>
      </c>
      <c r="B3950" s="8">
        <v>0.44195583187568666</v>
      </c>
      <c r="C3950">
        <f t="shared" si="184"/>
        <v>6</v>
      </c>
      <c r="D3950">
        <f t="shared" si="185"/>
        <v>6</v>
      </c>
    </row>
    <row r="3951" spans="1:4" x14ac:dyDescent="0.25">
      <c r="A3951" s="7">
        <f t="shared" si="186"/>
        <v>44726.291666657104</v>
      </c>
      <c r="B3951" s="8">
        <v>1.9360579398939706</v>
      </c>
      <c r="C3951">
        <f t="shared" si="184"/>
        <v>7</v>
      </c>
      <c r="D3951">
        <f t="shared" si="185"/>
        <v>6</v>
      </c>
    </row>
    <row r="3952" spans="1:4" x14ac:dyDescent="0.25">
      <c r="A3952" s="7">
        <f t="shared" si="186"/>
        <v>44726.333333323768</v>
      </c>
      <c r="B3952" s="8">
        <v>6.7528464616927302</v>
      </c>
      <c r="C3952">
        <f t="shared" si="184"/>
        <v>8</v>
      </c>
      <c r="D3952">
        <f t="shared" si="185"/>
        <v>6</v>
      </c>
    </row>
    <row r="3953" spans="1:4" x14ac:dyDescent="0.25">
      <c r="A3953" s="7">
        <f t="shared" si="186"/>
        <v>44726.374999990432</v>
      </c>
      <c r="B3953" s="8">
        <v>12.328272219018928</v>
      </c>
      <c r="C3953">
        <f t="shared" si="184"/>
        <v>9</v>
      </c>
      <c r="D3953">
        <f t="shared" si="185"/>
        <v>6</v>
      </c>
    </row>
    <row r="3954" spans="1:4" x14ac:dyDescent="0.25">
      <c r="A3954" s="7">
        <f t="shared" si="186"/>
        <v>44726.416666657096</v>
      </c>
      <c r="B3954" s="8">
        <v>17.311235152456813</v>
      </c>
      <c r="C3954">
        <f t="shared" si="184"/>
        <v>10</v>
      </c>
      <c r="D3954">
        <f t="shared" si="185"/>
        <v>6</v>
      </c>
    </row>
    <row r="3955" spans="1:4" x14ac:dyDescent="0.25">
      <c r="A3955" s="7">
        <f t="shared" si="186"/>
        <v>44726.458333323761</v>
      </c>
      <c r="B3955" s="8">
        <v>20.451311926287161</v>
      </c>
      <c r="C3955">
        <f t="shared" si="184"/>
        <v>11</v>
      </c>
      <c r="D3955">
        <f t="shared" si="185"/>
        <v>6</v>
      </c>
    </row>
    <row r="3956" spans="1:4" x14ac:dyDescent="0.25">
      <c r="A3956" s="7">
        <f t="shared" si="186"/>
        <v>44726.499999990425</v>
      </c>
      <c r="B3956" s="8">
        <v>20.451300589514638</v>
      </c>
      <c r="C3956">
        <f t="shared" si="184"/>
        <v>12</v>
      </c>
      <c r="D3956">
        <f t="shared" si="185"/>
        <v>6</v>
      </c>
    </row>
    <row r="3957" spans="1:4" x14ac:dyDescent="0.25">
      <c r="A3957" s="7">
        <f t="shared" si="186"/>
        <v>44726.541666657089</v>
      </c>
      <c r="B3957" s="8">
        <v>20.451304711977375</v>
      </c>
      <c r="C3957">
        <f t="shared" si="184"/>
        <v>13</v>
      </c>
      <c r="D3957">
        <f t="shared" si="185"/>
        <v>6</v>
      </c>
    </row>
    <row r="3958" spans="1:4" x14ac:dyDescent="0.25">
      <c r="A3958" s="7">
        <f t="shared" si="186"/>
        <v>44726.583333323753</v>
      </c>
      <c r="B3958" s="8">
        <v>18.822523807619653</v>
      </c>
      <c r="C3958">
        <f t="shared" si="184"/>
        <v>14</v>
      </c>
      <c r="D3958">
        <f t="shared" si="185"/>
        <v>6</v>
      </c>
    </row>
    <row r="3959" spans="1:4" x14ac:dyDescent="0.25">
      <c r="A3959" s="7">
        <f t="shared" si="186"/>
        <v>44726.624999990418</v>
      </c>
      <c r="B3959" s="8">
        <v>20.451307803824424</v>
      </c>
      <c r="C3959">
        <f t="shared" si="184"/>
        <v>15</v>
      </c>
      <c r="D3959">
        <f t="shared" si="185"/>
        <v>6</v>
      </c>
    </row>
    <row r="3960" spans="1:4" x14ac:dyDescent="0.25">
      <c r="A3960" s="7">
        <f t="shared" si="186"/>
        <v>44726.666666657082</v>
      </c>
      <c r="B3960" s="8">
        <v>13.30462392592117</v>
      </c>
      <c r="C3960">
        <f t="shared" si="184"/>
        <v>16</v>
      </c>
      <c r="D3960">
        <f t="shared" si="185"/>
        <v>6</v>
      </c>
    </row>
    <row r="3961" spans="1:4" x14ac:dyDescent="0.25">
      <c r="A3961" s="7">
        <f t="shared" si="186"/>
        <v>44726.708333323746</v>
      </c>
      <c r="B3961" s="8">
        <v>9.5704765677356427</v>
      </c>
      <c r="C3961">
        <f t="shared" si="184"/>
        <v>17</v>
      </c>
      <c r="D3961">
        <f t="shared" si="185"/>
        <v>6</v>
      </c>
    </row>
    <row r="3962" spans="1:4" x14ac:dyDescent="0.25">
      <c r="A3962" s="7">
        <f t="shared" si="186"/>
        <v>44726.74999999041</v>
      </c>
      <c r="B3962" s="8">
        <v>2.8524669773897773</v>
      </c>
      <c r="C3962">
        <f t="shared" si="184"/>
        <v>18</v>
      </c>
      <c r="D3962">
        <f t="shared" si="185"/>
        <v>6</v>
      </c>
    </row>
    <row r="3963" spans="1:4" x14ac:dyDescent="0.25">
      <c r="A3963" s="7">
        <f t="shared" si="186"/>
        <v>44726.791666657075</v>
      </c>
      <c r="B3963" s="8">
        <v>2.3313701671481435</v>
      </c>
      <c r="C3963">
        <f t="shared" si="184"/>
        <v>19</v>
      </c>
      <c r="D3963">
        <f t="shared" si="185"/>
        <v>6</v>
      </c>
    </row>
    <row r="3964" spans="1:4" x14ac:dyDescent="0.25">
      <c r="A3964" s="7">
        <f t="shared" si="186"/>
        <v>44726.833333323739</v>
      </c>
      <c r="B3964" s="8">
        <v>0.39928628133125454</v>
      </c>
      <c r="C3964">
        <f t="shared" si="184"/>
        <v>20</v>
      </c>
      <c r="D3964">
        <f t="shared" si="185"/>
        <v>6</v>
      </c>
    </row>
    <row r="3965" spans="1:4" x14ac:dyDescent="0.25">
      <c r="A3965" s="7">
        <f t="shared" si="186"/>
        <v>44726.874999990403</v>
      </c>
      <c r="B3965" s="8">
        <v>-4.9800999999999998E-2</v>
      </c>
      <c r="C3965">
        <f t="shared" si="184"/>
        <v>21</v>
      </c>
      <c r="D3965">
        <f t="shared" si="185"/>
        <v>6</v>
      </c>
    </row>
    <row r="3966" spans="1:4" x14ac:dyDescent="0.25">
      <c r="A3966" s="7">
        <f t="shared" si="186"/>
        <v>44726.916666657067</v>
      </c>
      <c r="B3966" s="8">
        <v>-4.9800999999999998E-2</v>
      </c>
      <c r="C3966">
        <f t="shared" si="184"/>
        <v>22</v>
      </c>
      <c r="D3966">
        <f t="shared" si="185"/>
        <v>6</v>
      </c>
    </row>
    <row r="3967" spans="1:4" x14ac:dyDescent="0.25">
      <c r="A3967" s="7">
        <f t="shared" si="186"/>
        <v>44726.958333323731</v>
      </c>
      <c r="B3967" s="8">
        <v>-4.9800999999999998E-2</v>
      </c>
      <c r="C3967">
        <f t="shared" si="184"/>
        <v>23</v>
      </c>
      <c r="D3967">
        <f t="shared" si="185"/>
        <v>6</v>
      </c>
    </row>
    <row r="3968" spans="1:4" x14ac:dyDescent="0.25">
      <c r="A3968" s="7">
        <f t="shared" si="186"/>
        <v>44726.999999990396</v>
      </c>
      <c r="B3968" s="8">
        <v>-4.9800999999999998E-2</v>
      </c>
      <c r="C3968">
        <f t="shared" si="184"/>
        <v>0</v>
      </c>
      <c r="D3968">
        <f t="shared" si="185"/>
        <v>6</v>
      </c>
    </row>
    <row r="3969" spans="1:4" x14ac:dyDescent="0.25">
      <c r="A3969" s="7">
        <f t="shared" si="186"/>
        <v>44727.04166665706</v>
      </c>
      <c r="B3969" s="8">
        <v>-4.9800999999999998E-2</v>
      </c>
      <c r="C3969">
        <f t="shared" si="184"/>
        <v>1</v>
      </c>
      <c r="D3969">
        <f t="shared" si="185"/>
        <v>6</v>
      </c>
    </row>
    <row r="3970" spans="1:4" x14ac:dyDescent="0.25">
      <c r="A3970" s="7">
        <f t="shared" si="186"/>
        <v>44727.083333323724</v>
      </c>
      <c r="B3970" s="8">
        <v>-4.9800999999999998E-2</v>
      </c>
      <c r="C3970">
        <f t="shared" si="184"/>
        <v>2</v>
      </c>
      <c r="D3970">
        <f t="shared" si="185"/>
        <v>6</v>
      </c>
    </row>
    <row r="3971" spans="1:4" x14ac:dyDescent="0.25">
      <c r="A3971" s="7">
        <f t="shared" si="186"/>
        <v>44727.124999990388</v>
      </c>
      <c r="B3971" s="8">
        <v>-4.9800999999999998E-2</v>
      </c>
      <c r="C3971">
        <f t="shared" si="184"/>
        <v>3</v>
      </c>
      <c r="D3971">
        <f t="shared" si="185"/>
        <v>6</v>
      </c>
    </row>
    <row r="3972" spans="1:4" x14ac:dyDescent="0.25">
      <c r="A3972" s="7">
        <f t="shared" si="186"/>
        <v>44727.166666657053</v>
      </c>
      <c r="B3972" s="8">
        <v>-4.9800999999999998E-2</v>
      </c>
      <c r="C3972">
        <f t="shared" si="184"/>
        <v>4</v>
      </c>
      <c r="D3972">
        <f t="shared" si="185"/>
        <v>6</v>
      </c>
    </row>
    <row r="3973" spans="1:4" x14ac:dyDescent="0.25">
      <c r="A3973" s="7">
        <f t="shared" si="186"/>
        <v>44727.208333323717</v>
      </c>
      <c r="B3973" s="8">
        <v>-4.9800999999999998E-2</v>
      </c>
      <c r="C3973">
        <f t="shared" si="184"/>
        <v>5</v>
      </c>
      <c r="D3973">
        <f t="shared" si="185"/>
        <v>6</v>
      </c>
    </row>
    <row r="3974" spans="1:4" x14ac:dyDescent="0.25">
      <c r="A3974" s="7">
        <f t="shared" si="186"/>
        <v>44727.249999990381</v>
      </c>
      <c r="B3974" s="8">
        <v>0.32605794514378694</v>
      </c>
      <c r="C3974">
        <f t="shared" si="184"/>
        <v>6</v>
      </c>
      <c r="D3974">
        <f t="shared" si="185"/>
        <v>6</v>
      </c>
    </row>
    <row r="3975" spans="1:4" x14ac:dyDescent="0.25">
      <c r="A3975" s="7">
        <f t="shared" si="186"/>
        <v>44727.291666657045</v>
      </c>
      <c r="B3975" s="8">
        <v>2.0422649473502483</v>
      </c>
      <c r="C3975">
        <f t="shared" si="184"/>
        <v>7</v>
      </c>
      <c r="D3975">
        <f t="shared" si="185"/>
        <v>6</v>
      </c>
    </row>
    <row r="3976" spans="1:4" x14ac:dyDescent="0.25">
      <c r="A3976" s="7">
        <f t="shared" si="186"/>
        <v>44727.33333332371</v>
      </c>
      <c r="B3976" s="8">
        <v>6.7929394730274364</v>
      </c>
      <c r="C3976">
        <f t="shared" si="184"/>
        <v>8</v>
      </c>
      <c r="D3976">
        <f t="shared" si="185"/>
        <v>6</v>
      </c>
    </row>
    <row r="3977" spans="1:4" x14ac:dyDescent="0.25">
      <c r="A3977" s="7">
        <f t="shared" si="186"/>
        <v>44727.374999990374</v>
      </c>
      <c r="B3977" s="8">
        <v>12.480052021401157</v>
      </c>
      <c r="C3977">
        <f t="shared" si="184"/>
        <v>9</v>
      </c>
      <c r="D3977">
        <f t="shared" si="185"/>
        <v>6</v>
      </c>
    </row>
    <row r="3978" spans="1:4" x14ac:dyDescent="0.25">
      <c r="A3978" s="7">
        <f t="shared" si="186"/>
        <v>44727.416666657038</v>
      </c>
      <c r="B3978" s="8">
        <v>17.338835040471402</v>
      </c>
      <c r="C3978">
        <f t="shared" ref="C3978:C4041" si="187">HOUR(A3978)</f>
        <v>10</v>
      </c>
      <c r="D3978">
        <f t="shared" ref="D3978:D4041" si="188">MONTH(A3978)</f>
        <v>6</v>
      </c>
    </row>
    <row r="3979" spans="1:4" x14ac:dyDescent="0.25">
      <c r="A3979" s="7">
        <f t="shared" ref="A3979:A4042" si="189">+A3978+1/24</f>
        <v>44727.458333323702</v>
      </c>
      <c r="B3979" s="8">
        <v>20.45130574259306</v>
      </c>
      <c r="C3979">
        <f t="shared" si="187"/>
        <v>11</v>
      </c>
      <c r="D3979">
        <f t="shared" si="188"/>
        <v>6</v>
      </c>
    </row>
    <row r="3980" spans="1:4" x14ac:dyDescent="0.25">
      <c r="A3980" s="7">
        <f t="shared" si="189"/>
        <v>44727.499999990367</v>
      </c>
      <c r="B3980" s="8">
        <v>20.451299558898956</v>
      </c>
      <c r="C3980">
        <f t="shared" si="187"/>
        <v>12</v>
      </c>
      <c r="D3980">
        <f t="shared" si="188"/>
        <v>6</v>
      </c>
    </row>
    <row r="3981" spans="1:4" x14ac:dyDescent="0.25">
      <c r="A3981" s="7">
        <f t="shared" si="189"/>
        <v>44727.541666657031</v>
      </c>
      <c r="B3981" s="8">
        <v>20.451318109981262</v>
      </c>
      <c r="C3981">
        <f t="shared" si="187"/>
        <v>13</v>
      </c>
      <c r="D3981">
        <f t="shared" si="188"/>
        <v>6</v>
      </c>
    </row>
    <row r="3982" spans="1:4" x14ac:dyDescent="0.25">
      <c r="A3982" s="7">
        <f t="shared" si="189"/>
        <v>44727.583333323695</v>
      </c>
      <c r="B3982" s="8">
        <v>20.451300589514638</v>
      </c>
      <c r="C3982">
        <f t="shared" si="187"/>
        <v>14</v>
      </c>
      <c r="D3982">
        <f t="shared" si="188"/>
        <v>6</v>
      </c>
    </row>
    <row r="3983" spans="1:4" x14ac:dyDescent="0.25">
      <c r="A3983" s="7">
        <f t="shared" si="189"/>
        <v>44727.624999990359</v>
      </c>
      <c r="B3983" s="8">
        <v>20.45130574259306</v>
      </c>
      <c r="C3983">
        <f t="shared" si="187"/>
        <v>15</v>
      </c>
      <c r="D3983">
        <f t="shared" si="188"/>
        <v>6</v>
      </c>
    </row>
    <row r="3984" spans="1:4" x14ac:dyDescent="0.25">
      <c r="A3984" s="7">
        <f t="shared" si="189"/>
        <v>44727.666666657024</v>
      </c>
      <c r="B3984" s="8">
        <v>17.225958918924668</v>
      </c>
      <c r="C3984">
        <f t="shared" si="187"/>
        <v>16</v>
      </c>
      <c r="D3984">
        <f t="shared" si="188"/>
        <v>6</v>
      </c>
    </row>
    <row r="3985" spans="1:4" x14ac:dyDescent="0.25">
      <c r="A3985" s="7">
        <f t="shared" si="189"/>
        <v>44727.708333323688</v>
      </c>
      <c r="B3985" s="8">
        <v>11.578458084361275</v>
      </c>
      <c r="C3985">
        <f t="shared" si="187"/>
        <v>17</v>
      </c>
      <c r="D3985">
        <f t="shared" si="188"/>
        <v>6</v>
      </c>
    </row>
    <row r="3986" spans="1:4" x14ac:dyDescent="0.25">
      <c r="A3986" s="7">
        <f t="shared" si="189"/>
        <v>44727.749999990352</v>
      </c>
      <c r="B3986" s="8">
        <v>6.316382780796495</v>
      </c>
      <c r="C3986">
        <f t="shared" si="187"/>
        <v>18</v>
      </c>
      <c r="D3986">
        <f t="shared" si="188"/>
        <v>6</v>
      </c>
    </row>
    <row r="3987" spans="1:4" x14ac:dyDescent="0.25">
      <c r="A3987" s="7">
        <f t="shared" si="189"/>
        <v>44727.791666657016</v>
      </c>
      <c r="B3987" s="8">
        <v>2.0549858367365084</v>
      </c>
      <c r="C3987">
        <f t="shared" si="187"/>
        <v>19</v>
      </c>
      <c r="D3987">
        <f t="shared" si="188"/>
        <v>6</v>
      </c>
    </row>
    <row r="3988" spans="1:4" x14ac:dyDescent="0.25">
      <c r="A3988" s="7">
        <f t="shared" si="189"/>
        <v>44727.833333323681</v>
      </c>
      <c r="B3988" s="8">
        <v>0.34225716246317694</v>
      </c>
      <c r="C3988">
        <f t="shared" si="187"/>
        <v>20</v>
      </c>
      <c r="D3988">
        <f t="shared" si="188"/>
        <v>6</v>
      </c>
    </row>
    <row r="3989" spans="1:4" x14ac:dyDescent="0.25">
      <c r="A3989" s="7">
        <f t="shared" si="189"/>
        <v>44727.874999990345</v>
      </c>
      <c r="B3989" s="8">
        <v>-4.9800999999999998E-2</v>
      </c>
      <c r="C3989">
        <f t="shared" si="187"/>
        <v>21</v>
      </c>
      <c r="D3989">
        <f t="shared" si="188"/>
        <v>6</v>
      </c>
    </row>
    <row r="3990" spans="1:4" x14ac:dyDescent="0.25">
      <c r="A3990" s="7">
        <f t="shared" si="189"/>
        <v>44727.916666657009</v>
      </c>
      <c r="B3990" s="8">
        <v>-4.9800999999999998E-2</v>
      </c>
      <c r="C3990">
        <f t="shared" si="187"/>
        <v>22</v>
      </c>
      <c r="D3990">
        <f t="shared" si="188"/>
        <v>6</v>
      </c>
    </row>
    <row r="3991" spans="1:4" x14ac:dyDescent="0.25">
      <c r="A3991" s="7">
        <f t="shared" si="189"/>
        <v>44727.958333323673</v>
      </c>
      <c r="B3991" s="8">
        <v>-4.9800999999999998E-2</v>
      </c>
      <c r="C3991">
        <f t="shared" si="187"/>
        <v>23</v>
      </c>
      <c r="D3991">
        <f t="shared" si="188"/>
        <v>6</v>
      </c>
    </row>
    <row r="3992" spans="1:4" x14ac:dyDescent="0.25">
      <c r="A3992" s="7">
        <f t="shared" si="189"/>
        <v>44727.999999990338</v>
      </c>
      <c r="B3992" s="8">
        <v>-4.9800999999999998E-2</v>
      </c>
      <c r="C3992">
        <f t="shared" si="187"/>
        <v>0</v>
      </c>
      <c r="D3992">
        <f t="shared" si="188"/>
        <v>6</v>
      </c>
    </row>
    <row r="3993" spans="1:4" x14ac:dyDescent="0.25">
      <c r="A3993" s="7">
        <f t="shared" si="189"/>
        <v>44728.041666657002</v>
      </c>
      <c r="B3993" s="8">
        <v>-4.9800999999999998E-2</v>
      </c>
      <c r="C3993">
        <f t="shared" si="187"/>
        <v>1</v>
      </c>
      <c r="D3993">
        <f t="shared" si="188"/>
        <v>6</v>
      </c>
    </row>
    <row r="3994" spans="1:4" x14ac:dyDescent="0.25">
      <c r="A3994" s="7">
        <f t="shared" si="189"/>
        <v>44728.083333323666</v>
      </c>
      <c r="B3994" s="8">
        <v>-4.9800999999999998E-2</v>
      </c>
      <c r="C3994">
        <f t="shared" si="187"/>
        <v>2</v>
      </c>
      <c r="D3994">
        <f t="shared" si="188"/>
        <v>6</v>
      </c>
    </row>
    <row r="3995" spans="1:4" x14ac:dyDescent="0.25">
      <c r="A3995" s="7">
        <f t="shared" si="189"/>
        <v>44728.12499999033</v>
      </c>
      <c r="B3995" s="8">
        <v>-4.9800999999999998E-2</v>
      </c>
      <c r="C3995">
        <f t="shared" si="187"/>
        <v>3</v>
      </c>
      <c r="D3995">
        <f t="shared" si="188"/>
        <v>6</v>
      </c>
    </row>
    <row r="3996" spans="1:4" x14ac:dyDescent="0.25">
      <c r="A3996" s="7">
        <f t="shared" si="189"/>
        <v>44728.166666656994</v>
      </c>
      <c r="B3996" s="8">
        <v>-4.9800999999999998E-2</v>
      </c>
      <c r="C3996">
        <f t="shared" si="187"/>
        <v>4</v>
      </c>
      <c r="D3996">
        <f t="shared" si="188"/>
        <v>6</v>
      </c>
    </row>
    <row r="3997" spans="1:4" x14ac:dyDescent="0.25">
      <c r="A3997" s="7">
        <f t="shared" si="189"/>
        <v>44728.208333323659</v>
      </c>
      <c r="B3997" s="8">
        <v>-4.9800999999999998E-2</v>
      </c>
      <c r="C3997">
        <f t="shared" si="187"/>
        <v>5</v>
      </c>
      <c r="D3997">
        <f t="shared" si="188"/>
        <v>6</v>
      </c>
    </row>
    <row r="3998" spans="1:4" x14ac:dyDescent="0.25">
      <c r="A3998" s="7">
        <f t="shared" si="189"/>
        <v>44728.249999990323</v>
      </c>
      <c r="B3998" s="8">
        <v>0.34630954333223413</v>
      </c>
      <c r="C3998">
        <f t="shared" si="187"/>
        <v>6</v>
      </c>
      <c r="D3998">
        <f t="shared" si="188"/>
        <v>6</v>
      </c>
    </row>
    <row r="3999" spans="1:4" x14ac:dyDescent="0.25">
      <c r="A3999" s="7">
        <f t="shared" si="189"/>
        <v>44728.291666656987</v>
      </c>
      <c r="B3999" s="8">
        <v>1.9697250624396196</v>
      </c>
      <c r="C3999">
        <f t="shared" si="187"/>
        <v>7</v>
      </c>
      <c r="D3999">
        <f t="shared" si="188"/>
        <v>6</v>
      </c>
    </row>
    <row r="4000" spans="1:4" x14ac:dyDescent="0.25">
      <c r="A4000" s="7">
        <f t="shared" si="189"/>
        <v>44728.333333323651</v>
      </c>
      <c r="B4000" s="8">
        <v>6.8259336035315039</v>
      </c>
      <c r="C4000">
        <f t="shared" si="187"/>
        <v>8</v>
      </c>
      <c r="D4000">
        <f t="shared" si="188"/>
        <v>6</v>
      </c>
    </row>
    <row r="4001" spans="1:4" x14ac:dyDescent="0.25">
      <c r="A4001" s="7">
        <f t="shared" si="189"/>
        <v>44728.374999990316</v>
      </c>
      <c r="B4001" s="8">
        <v>12.281450317884101</v>
      </c>
      <c r="C4001">
        <f t="shared" si="187"/>
        <v>9</v>
      </c>
      <c r="D4001">
        <f t="shared" si="188"/>
        <v>6</v>
      </c>
    </row>
    <row r="4002" spans="1:4" x14ac:dyDescent="0.25">
      <c r="A4002" s="7">
        <f t="shared" si="189"/>
        <v>44728.41666665698</v>
      </c>
      <c r="B4002" s="8">
        <v>17.128539971404923</v>
      </c>
      <c r="C4002">
        <f t="shared" si="187"/>
        <v>10</v>
      </c>
      <c r="D4002">
        <f t="shared" si="188"/>
        <v>6</v>
      </c>
    </row>
    <row r="4003" spans="1:4" x14ac:dyDescent="0.25">
      <c r="A4003" s="7">
        <f t="shared" si="189"/>
        <v>44728.458333323644</v>
      </c>
      <c r="B4003" s="8">
        <v>20.451273793506857</v>
      </c>
      <c r="C4003">
        <f t="shared" si="187"/>
        <v>11</v>
      </c>
      <c r="D4003">
        <f t="shared" si="188"/>
        <v>6</v>
      </c>
    </row>
    <row r="4004" spans="1:4" x14ac:dyDescent="0.25">
      <c r="A4004" s="7">
        <f t="shared" si="189"/>
        <v>44728.499999990308</v>
      </c>
      <c r="B4004" s="8">
        <v>20.451310895671476</v>
      </c>
      <c r="C4004">
        <f t="shared" si="187"/>
        <v>12</v>
      </c>
      <c r="D4004">
        <f t="shared" si="188"/>
        <v>6</v>
      </c>
    </row>
    <row r="4005" spans="1:4" x14ac:dyDescent="0.25">
      <c r="A4005" s="7">
        <f t="shared" si="189"/>
        <v>44728.541666656973</v>
      </c>
      <c r="B4005" s="8">
        <v>20.451297497667586</v>
      </c>
      <c r="C4005">
        <f t="shared" si="187"/>
        <v>13</v>
      </c>
      <c r="D4005">
        <f t="shared" si="188"/>
        <v>6</v>
      </c>
    </row>
    <row r="4006" spans="1:4" x14ac:dyDescent="0.25">
      <c r="A4006" s="7">
        <f t="shared" si="189"/>
        <v>44728.583333323637</v>
      </c>
      <c r="B4006" s="8">
        <v>20.451312956902846</v>
      </c>
      <c r="C4006">
        <f t="shared" si="187"/>
        <v>14</v>
      </c>
      <c r="D4006">
        <f t="shared" si="188"/>
        <v>6</v>
      </c>
    </row>
    <row r="4007" spans="1:4" x14ac:dyDescent="0.25">
      <c r="A4007" s="7">
        <f t="shared" si="189"/>
        <v>44728.624999990301</v>
      </c>
      <c r="B4007" s="8">
        <v>20.451271732275487</v>
      </c>
      <c r="C4007">
        <f t="shared" si="187"/>
        <v>15</v>
      </c>
      <c r="D4007">
        <f t="shared" si="188"/>
        <v>6</v>
      </c>
    </row>
    <row r="4008" spans="1:4" x14ac:dyDescent="0.25">
      <c r="A4008" s="7">
        <f t="shared" si="189"/>
        <v>44728.666666656965</v>
      </c>
      <c r="B4008" s="8">
        <v>16.27822740956406</v>
      </c>
      <c r="C4008">
        <f t="shared" si="187"/>
        <v>16</v>
      </c>
      <c r="D4008">
        <f t="shared" si="188"/>
        <v>6</v>
      </c>
    </row>
    <row r="4009" spans="1:4" x14ac:dyDescent="0.25">
      <c r="A4009" s="7">
        <f t="shared" si="189"/>
        <v>44728.70833332363</v>
      </c>
      <c r="B4009" s="8">
        <v>11.60672478072334</v>
      </c>
      <c r="C4009">
        <f t="shared" si="187"/>
        <v>17</v>
      </c>
      <c r="D4009">
        <f t="shared" si="188"/>
        <v>6</v>
      </c>
    </row>
    <row r="4010" spans="1:4" x14ac:dyDescent="0.25">
      <c r="A4010" s="7">
        <f t="shared" si="189"/>
        <v>44728.749999990294</v>
      </c>
      <c r="B4010" s="8">
        <v>6.7124236533391786</v>
      </c>
      <c r="C4010">
        <f t="shared" si="187"/>
        <v>18</v>
      </c>
      <c r="D4010">
        <f t="shared" si="188"/>
        <v>6</v>
      </c>
    </row>
    <row r="4011" spans="1:4" x14ac:dyDescent="0.25">
      <c r="A4011" s="7">
        <f t="shared" si="189"/>
        <v>44728.791666656958</v>
      </c>
      <c r="B4011" s="8">
        <v>2.0169942507812548</v>
      </c>
      <c r="C4011">
        <f t="shared" si="187"/>
        <v>19</v>
      </c>
      <c r="D4011">
        <f t="shared" si="188"/>
        <v>6</v>
      </c>
    </row>
    <row r="4012" spans="1:4" x14ac:dyDescent="0.25">
      <c r="A4012" s="7">
        <f t="shared" si="189"/>
        <v>44728.833333323622</v>
      </c>
      <c r="B4012" s="8">
        <v>0.3195898011116905</v>
      </c>
      <c r="C4012">
        <f t="shared" si="187"/>
        <v>20</v>
      </c>
      <c r="D4012">
        <f t="shared" si="188"/>
        <v>6</v>
      </c>
    </row>
    <row r="4013" spans="1:4" x14ac:dyDescent="0.25">
      <c r="A4013" s="7">
        <f t="shared" si="189"/>
        <v>44728.874999990287</v>
      </c>
      <c r="B4013" s="8">
        <v>-4.9800999999999998E-2</v>
      </c>
      <c r="C4013">
        <f t="shared" si="187"/>
        <v>21</v>
      </c>
      <c r="D4013">
        <f t="shared" si="188"/>
        <v>6</v>
      </c>
    </row>
    <row r="4014" spans="1:4" x14ac:dyDescent="0.25">
      <c r="A4014" s="7">
        <f t="shared" si="189"/>
        <v>44728.916666656951</v>
      </c>
      <c r="B4014" s="8">
        <v>-4.9800999999999998E-2</v>
      </c>
      <c r="C4014">
        <f t="shared" si="187"/>
        <v>22</v>
      </c>
      <c r="D4014">
        <f t="shared" si="188"/>
        <v>6</v>
      </c>
    </row>
    <row r="4015" spans="1:4" x14ac:dyDescent="0.25">
      <c r="A4015" s="7">
        <f t="shared" si="189"/>
        <v>44728.958333323615</v>
      </c>
      <c r="B4015" s="8">
        <v>-4.9800999999999998E-2</v>
      </c>
      <c r="C4015">
        <f t="shared" si="187"/>
        <v>23</v>
      </c>
      <c r="D4015">
        <f t="shared" si="188"/>
        <v>6</v>
      </c>
    </row>
    <row r="4016" spans="1:4" x14ac:dyDescent="0.25">
      <c r="A4016" s="7">
        <f t="shared" si="189"/>
        <v>44728.999999990279</v>
      </c>
      <c r="B4016" s="8">
        <v>-4.9800999999999998E-2</v>
      </c>
      <c r="C4016">
        <f t="shared" si="187"/>
        <v>0</v>
      </c>
      <c r="D4016">
        <f t="shared" si="188"/>
        <v>6</v>
      </c>
    </row>
    <row r="4017" spans="1:4" x14ac:dyDescent="0.25">
      <c r="A4017" s="7">
        <f t="shared" si="189"/>
        <v>44729.041666656944</v>
      </c>
      <c r="B4017" s="8">
        <v>-4.9800999999999998E-2</v>
      </c>
      <c r="C4017">
        <f t="shared" si="187"/>
        <v>1</v>
      </c>
      <c r="D4017">
        <f t="shared" si="188"/>
        <v>6</v>
      </c>
    </row>
    <row r="4018" spans="1:4" x14ac:dyDescent="0.25">
      <c r="A4018" s="7">
        <f t="shared" si="189"/>
        <v>44729.083333323608</v>
      </c>
      <c r="B4018" s="8">
        <v>-4.9800999999999998E-2</v>
      </c>
      <c r="C4018">
        <f t="shared" si="187"/>
        <v>2</v>
      </c>
      <c r="D4018">
        <f t="shared" si="188"/>
        <v>6</v>
      </c>
    </row>
    <row r="4019" spans="1:4" x14ac:dyDescent="0.25">
      <c r="A4019" s="7">
        <f t="shared" si="189"/>
        <v>44729.124999990272</v>
      </c>
      <c r="B4019" s="8">
        <v>-4.9800999999999998E-2</v>
      </c>
      <c r="C4019">
        <f t="shared" si="187"/>
        <v>3</v>
      </c>
      <c r="D4019">
        <f t="shared" si="188"/>
        <v>6</v>
      </c>
    </row>
    <row r="4020" spans="1:4" x14ac:dyDescent="0.25">
      <c r="A4020" s="7">
        <f t="shared" si="189"/>
        <v>44729.166666656936</v>
      </c>
      <c r="B4020" s="8">
        <v>-4.9800999999999998E-2</v>
      </c>
      <c r="C4020">
        <f t="shared" si="187"/>
        <v>4</v>
      </c>
      <c r="D4020">
        <f t="shared" si="188"/>
        <v>6</v>
      </c>
    </row>
    <row r="4021" spans="1:4" x14ac:dyDescent="0.25">
      <c r="A4021" s="7">
        <f t="shared" si="189"/>
        <v>44729.208333323601</v>
      </c>
      <c r="B4021" s="8">
        <v>-4.9800999999999998E-2</v>
      </c>
      <c r="C4021">
        <f t="shared" si="187"/>
        <v>5</v>
      </c>
      <c r="D4021">
        <f t="shared" si="188"/>
        <v>6</v>
      </c>
    </row>
    <row r="4022" spans="1:4" x14ac:dyDescent="0.25">
      <c r="A4022" s="7">
        <f t="shared" si="189"/>
        <v>44729.249999990265</v>
      </c>
      <c r="B4022" s="8">
        <v>0.32424612277150755</v>
      </c>
      <c r="C4022">
        <f t="shared" si="187"/>
        <v>6</v>
      </c>
      <c r="D4022">
        <f t="shared" si="188"/>
        <v>6</v>
      </c>
    </row>
    <row r="4023" spans="1:4" x14ac:dyDescent="0.25">
      <c r="A4023" s="7">
        <f t="shared" si="189"/>
        <v>44729.291666656929</v>
      </c>
      <c r="B4023" s="8">
        <v>1.9901776306864254</v>
      </c>
      <c r="C4023">
        <f t="shared" si="187"/>
        <v>7</v>
      </c>
      <c r="D4023">
        <f t="shared" si="188"/>
        <v>6</v>
      </c>
    </row>
    <row r="4024" spans="1:4" x14ac:dyDescent="0.25">
      <c r="A4024" s="7">
        <f t="shared" si="189"/>
        <v>44729.333333323593</v>
      </c>
      <c r="B4024" s="8">
        <v>6.3120686235437296</v>
      </c>
      <c r="C4024">
        <f t="shared" si="187"/>
        <v>8</v>
      </c>
      <c r="D4024">
        <f t="shared" si="188"/>
        <v>6</v>
      </c>
    </row>
    <row r="4025" spans="1:4" x14ac:dyDescent="0.25">
      <c r="A4025" s="7">
        <f t="shared" si="189"/>
        <v>44729.374999990257</v>
      </c>
      <c r="B4025" s="8">
        <v>10.219192456882061</v>
      </c>
      <c r="C4025">
        <f t="shared" si="187"/>
        <v>9</v>
      </c>
      <c r="D4025">
        <f t="shared" si="188"/>
        <v>6</v>
      </c>
    </row>
    <row r="4026" spans="1:4" x14ac:dyDescent="0.25">
      <c r="A4026" s="7">
        <f t="shared" si="189"/>
        <v>44729.416666656922</v>
      </c>
      <c r="B4026" s="8">
        <v>16.001347353008473</v>
      </c>
      <c r="C4026">
        <f t="shared" si="187"/>
        <v>10</v>
      </c>
      <c r="D4026">
        <f t="shared" si="188"/>
        <v>6</v>
      </c>
    </row>
    <row r="4027" spans="1:4" x14ac:dyDescent="0.25">
      <c r="A4027" s="7">
        <f t="shared" si="189"/>
        <v>44729.458333323586</v>
      </c>
      <c r="B4027" s="8">
        <v>19.388634819086569</v>
      </c>
      <c r="C4027">
        <f t="shared" si="187"/>
        <v>11</v>
      </c>
      <c r="D4027">
        <f t="shared" si="188"/>
        <v>6</v>
      </c>
    </row>
    <row r="4028" spans="1:4" x14ac:dyDescent="0.25">
      <c r="A4028" s="7">
        <f t="shared" si="189"/>
        <v>44729.49999999025</v>
      </c>
      <c r="B4028" s="8">
        <v>20.451316048749899</v>
      </c>
      <c r="C4028">
        <f t="shared" si="187"/>
        <v>12</v>
      </c>
      <c r="D4028">
        <f t="shared" si="188"/>
        <v>6</v>
      </c>
    </row>
    <row r="4029" spans="1:4" x14ac:dyDescent="0.25">
      <c r="A4029" s="7">
        <f t="shared" si="189"/>
        <v>44729.541666656914</v>
      </c>
      <c r="B4029" s="8">
        <v>20.451310895671476</v>
      </c>
      <c r="C4029">
        <f t="shared" si="187"/>
        <v>13</v>
      </c>
      <c r="D4029">
        <f t="shared" si="188"/>
        <v>6</v>
      </c>
    </row>
    <row r="4030" spans="1:4" x14ac:dyDescent="0.25">
      <c r="A4030" s="7">
        <f t="shared" si="189"/>
        <v>44729.583333323579</v>
      </c>
      <c r="B4030" s="8">
        <v>19.767732369786096</v>
      </c>
      <c r="C4030">
        <f t="shared" si="187"/>
        <v>14</v>
      </c>
      <c r="D4030">
        <f t="shared" si="188"/>
        <v>6</v>
      </c>
    </row>
    <row r="4031" spans="1:4" x14ac:dyDescent="0.25">
      <c r="A4031" s="7">
        <f t="shared" si="189"/>
        <v>44729.624999990243</v>
      </c>
      <c r="B4031" s="8">
        <v>18.4696708853104</v>
      </c>
      <c r="C4031">
        <f t="shared" si="187"/>
        <v>15</v>
      </c>
      <c r="D4031">
        <f t="shared" si="188"/>
        <v>6</v>
      </c>
    </row>
    <row r="4032" spans="1:4" x14ac:dyDescent="0.25">
      <c r="A4032" s="7">
        <f t="shared" si="189"/>
        <v>44729.666666656907</v>
      </c>
      <c r="B4032" s="8">
        <v>10.22200809893045</v>
      </c>
      <c r="C4032">
        <f t="shared" si="187"/>
        <v>16</v>
      </c>
      <c r="D4032">
        <f t="shared" si="188"/>
        <v>6</v>
      </c>
    </row>
    <row r="4033" spans="1:4" x14ac:dyDescent="0.25">
      <c r="A4033" s="7">
        <f t="shared" si="189"/>
        <v>44729.708333323571</v>
      </c>
      <c r="B4033" s="8">
        <v>11.648094724890385</v>
      </c>
      <c r="C4033">
        <f t="shared" si="187"/>
        <v>17</v>
      </c>
      <c r="D4033">
        <f t="shared" si="188"/>
        <v>6</v>
      </c>
    </row>
    <row r="4034" spans="1:4" x14ac:dyDescent="0.25">
      <c r="A4034" s="7">
        <f t="shared" si="189"/>
        <v>44729.749999990236</v>
      </c>
      <c r="B4034" s="8">
        <v>6.4022608938880348</v>
      </c>
      <c r="C4034">
        <f t="shared" si="187"/>
        <v>18</v>
      </c>
      <c r="D4034">
        <f t="shared" si="188"/>
        <v>6</v>
      </c>
    </row>
    <row r="4035" spans="1:4" x14ac:dyDescent="0.25">
      <c r="A4035" s="7">
        <f t="shared" si="189"/>
        <v>44729.7916666569</v>
      </c>
      <c r="B4035" s="8">
        <v>2.0663205480279352</v>
      </c>
      <c r="C4035">
        <f t="shared" si="187"/>
        <v>19</v>
      </c>
      <c r="D4035">
        <f t="shared" si="188"/>
        <v>6</v>
      </c>
    </row>
    <row r="4036" spans="1:4" x14ac:dyDescent="0.25">
      <c r="A4036" s="7">
        <f t="shared" si="189"/>
        <v>44729.833333323564</v>
      </c>
      <c r="B4036" s="8">
        <v>0.33865103818524428</v>
      </c>
      <c r="C4036">
        <f t="shared" si="187"/>
        <v>20</v>
      </c>
      <c r="D4036">
        <f t="shared" si="188"/>
        <v>6</v>
      </c>
    </row>
    <row r="4037" spans="1:4" x14ac:dyDescent="0.25">
      <c r="A4037" s="7">
        <f t="shared" si="189"/>
        <v>44729.874999990228</v>
      </c>
      <c r="B4037" s="8">
        <v>-4.9800999999999998E-2</v>
      </c>
      <c r="C4037">
        <f t="shared" si="187"/>
        <v>21</v>
      </c>
      <c r="D4037">
        <f t="shared" si="188"/>
        <v>6</v>
      </c>
    </row>
    <row r="4038" spans="1:4" x14ac:dyDescent="0.25">
      <c r="A4038" s="7">
        <f t="shared" si="189"/>
        <v>44729.916666656893</v>
      </c>
      <c r="B4038" s="8">
        <v>-4.9800999999999998E-2</v>
      </c>
      <c r="C4038">
        <f t="shared" si="187"/>
        <v>22</v>
      </c>
      <c r="D4038">
        <f t="shared" si="188"/>
        <v>6</v>
      </c>
    </row>
    <row r="4039" spans="1:4" x14ac:dyDescent="0.25">
      <c r="A4039" s="7">
        <f t="shared" si="189"/>
        <v>44729.958333323557</v>
      </c>
      <c r="B4039" s="8">
        <v>-4.9800999999999998E-2</v>
      </c>
      <c r="C4039">
        <f t="shared" si="187"/>
        <v>23</v>
      </c>
      <c r="D4039">
        <f t="shared" si="188"/>
        <v>6</v>
      </c>
    </row>
    <row r="4040" spans="1:4" x14ac:dyDescent="0.25">
      <c r="A4040" s="7">
        <f t="shared" si="189"/>
        <v>44729.999999990221</v>
      </c>
      <c r="B4040" s="8">
        <v>-4.9800999999999998E-2</v>
      </c>
      <c r="C4040">
        <f t="shared" si="187"/>
        <v>0</v>
      </c>
      <c r="D4040">
        <f t="shared" si="188"/>
        <v>6</v>
      </c>
    </row>
    <row r="4041" spans="1:4" x14ac:dyDescent="0.25">
      <c r="A4041" s="7">
        <f t="shared" si="189"/>
        <v>44730.041666656885</v>
      </c>
      <c r="B4041" s="8">
        <v>-4.9800999999999998E-2</v>
      </c>
      <c r="C4041">
        <f t="shared" si="187"/>
        <v>1</v>
      </c>
      <c r="D4041">
        <f t="shared" si="188"/>
        <v>6</v>
      </c>
    </row>
    <row r="4042" spans="1:4" x14ac:dyDescent="0.25">
      <c r="A4042" s="7">
        <f t="shared" si="189"/>
        <v>44730.08333332355</v>
      </c>
      <c r="B4042" s="8">
        <v>-4.9800999999999998E-2</v>
      </c>
      <c r="C4042">
        <f t="shared" ref="C4042:C4105" si="190">HOUR(A4042)</f>
        <v>2</v>
      </c>
      <c r="D4042">
        <f t="shared" ref="D4042:D4105" si="191">MONTH(A4042)</f>
        <v>6</v>
      </c>
    </row>
    <row r="4043" spans="1:4" x14ac:dyDescent="0.25">
      <c r="A4043" s="7">
        <f t="shared" ref="A4043:A4106" si="192">+A4042+1/24</f>
        <v>44730.124999990214</v>
      </c>
      <c r="B4043" s="8">
        <v>-4.9800999999999998E-2</v>
      </c>
      <c r="C4043">
        <f t="shared" si="190"/>
        <v>3</v>
      </c>
      <c r="D4043">
        <f t="shared" si="191"/>
        <v>6</v>
      </c>
    </row>
    <row r="4044" spans="1:4" x14ac:dyDescent="0.25">
      <c r="A4044" s="7">
        <f t="shared" si="192"/>
        <v>44730.166666656878</v>
      </c>
      <c r="B4044" s="8">
        <v>-4.9800999999999998E-2</v>
      </c>
      <c r="C4044">
        <f t="shared" si="190"/>
        <v>4</v>
      </c>
      <c r="D4044">
        <f t="shared" si="191"/>
        <v>6</v>
      </c>
    </row>
    <row r="4045" spans="1:4" x14ac:dyDescent="0.25">
      <c r="A4045" s="7">
        <f t="shared" si="192"/>
        <v>44730.208333323542</v>
      </c>
      <c r="B4045" s="8">
        <v>-4.9800999999999998E-2</v>
      </c>
      <c r="C4045">
        <f t="shared" si="190"/>
        <v>5</v>
      </c>
      <c r="D4045">
        <f t="shared" si="191"/>
        <v>6</v>
      </c>
    </row>
    <row r="4046" spans="1:4" x14ac:dyDescent="0.25">
      <c r="A4046" s="7">
        <f t="shared" si="192"/>
        <v>44730.249999990207</v>
      </c>
      <c r="B4046" s="8">
        <v>-4.9800999999999998E-2</v>
      </c>
      <c r="C4046">
        <f t="shared" si="190"/>
        <v>6</v>
      </c>
      <c r="D4046">
        <f t="shared" si="191"/>
        <v>6</v>
      </c>
    </row>
    <row r="4047" spans="1:4" x14ac:dyDescent="0.25">
      <c r="A4047" s="7">
        <f t="shared" si="192"/>
        <v>44730.291666656871</v>
      </c>
      <c r="B4047" s="8">
        <v>1.9666950523289817</v>
      </c>
      <c r="C4047">
        <f t="shared" si="190"/>
        <v>7</v>
      </c>
      <c r="D4047">
        <f t="shared" si="191"/>
        <v>6</v>
      </c>
    </row>
    <row r="4048" spans="1:4" x14ac:dyDescent="0.25">
      <c r="A4048" s="7">
        <f t="shared" si="192"/>
        <v>44730.333333323535</v>
      </c>
      <c r="B4048" s="8">
        <v>6.3682691274019598</v>
      </c>
      <c r="C4048">
        <f t="shared" si="190"/>
        <v>8</v>
      </c>
      <c r="D4048">
        <f t="shared" si="191"/>
        <v>6</v>
      </c>
    </row>
    <row r="4049" spans="1:4" x14ac:dyDescent="0.25">
      <c r="A4049" s="7">
        <f t="shared" si="192"/>
        <v>44730.374999990199</v>
      </c>
      <c r="B4049" s="8">
        <v>11.029694396085603</v>
      </c>
      <c r="C4049">
        <f t="shared" si="190"/>
        <v>9</v>
      </c>
      <c r="D4049">
        <f t="shared" si="191"/>
        <v>6</v>
      </c>
    </row>
    <row r="4050" spans="1:4" x14ac:dyDescent="0.25">
      <c r="A4050" s="7">
        <f t="shared" si="192"/>
        <v>44730.416666656864</v>
      </c>
      <c r="B4050" s="8">
        <v>12.390793488866457</v>
      </c>
      <c r="C4050">
        <f t="shared" si="190"/>
        <v>10</v>
      </c>
      <c r="D4050">
        <f t="shared" si="191"/>
        <v>6</v>
      </c>
    </row>
    <row r="4051" spans="1:4" x14ac:dyDescent="0.25">
      <c r="A4051" s="7">
        <f t="shared" si="192"/>
        <v>44730.458333323528</v>
      </c>
      <c r="B4051" s="8">
        <v>20.258246690223967</v>
      </c>
      <c r="C4051">
        <f t="shared" si="190"/>
        <v>11</v>
      </c>
      <c r="D4051">
        <f t="shared" si="191"/>
        <v>6</v>
      </c>
    </row>
    <row r="4052" spans="1:4" x14ac:dyDescent="0.25">
      <c r="A4052" s="7">
        <f t="shared" si="192"/>
        <v>44730.499999990192</v>
      </c>
      <c r="B4052" s="8">
        <v>20.451316048749899</v>
      </c>
      <c r="C4052">
        <f t="shared" si="190"/>
        <v>12</v>
      </c>
      <c r="D4052">
        <f t="shared" si="191"/>
        <v>6</v>
      </c>
    </row>
    <row r="4053" spans="1:4" x14ac:dyDescent="0.25">
      <c r="A4053" s="7">
        <f t="shared" si="192"/>
        <v>44730.541666656856</v>
      </c>
      <c r="B4053" s="8">
        <v>19.704114524850908</v>
      </c>
      <c r="C4053">
        <f t="shared" si="190"/>
        <v>13</v>
      </c>
      <c r="D4053">
        <f t="shared" si="191"/>
        <v>6</v>
      </c>
    </row>
    <row r="4054" spans="1:4" x14ac:dyDescent="0.25">
      <c r="A4054" s="7">
        <f t="shared" si="192"/>
        <v>44730.58333332352</v>
      </c>
      <c r="B4054" s="8">
        <v>20.451311926287161</v>
      </c>
      <c r="C4054">
        <f t="shared" si="190"/>
        <v>14</v>
      </c>
      <c r="D4054">
        <f t="shared" si="191"/>
        <v>6</v>
      </c>
    </row>
    <row r="4055" spans="1:4" x14ac:dyDescent="0.25">
      <c r="A4055" s="7">
        <f t="shared" si="192"/>
        <v>44730.624999990185</v>
      </c>
      <c r="B4055" s="8">
        <v>17.830778824862822</v>
      </c>
      <c r="C4055">
        <f t="shared" si="190"/>
        <v>15</v>
      </c>
      <c r="D4055">
        <f t="shared" si="191"/>
        <v>6</v>
      </c>
    </row>
    <row r="4056" spans="1:4" x14ac:dyDescent="0.25">
      <c r="A4056" s="7">
        <f t="shared" si="192"/>
        <v>44730.666666656849</v>
      </c>
      <c r="B4056" s="8">
        <v>16.40832718041997</v>
      </c>
      <c r="C4056">
        <f t="shared" si="190"/>
        <v>16</v>
      </c>
      <c r="D4056">
        <f t="shared" si="191"/>
        <v>6</v>
      </c>
    </row>
    <row r="4057" spans="1:4" x14ac:dyDescent="0.25">
      <c r="A4057" s="7">
        <f t="shared" si="192"/>
        <v>44730.708333323513</v>
      </c>
      <c r="B4057" s="8">
        <v>11.588773516741334</v>
      </c>
      <c r="C4057">
        <f t="shared" si="190"/>
        <v>17</v>
      </c>
      <c r="D4057">
        <f t="shared" si="191"/>
        <v>6</v>
      </c>
    </row>
    <row r="4058" spans="1:4" x14ac:dyDescent="0.25">
      <c r="A4058" s="7">
        <f t="shared" si="192"/>
        <v>44730.749999990177</v>
      </c>
      <c r="B4058" s="8">
        <v>6.4265288013966027</v>
      </c>
      <c r="C4058">
        <f t="shared" si="190"/>
        <v>18</v>
      </c>
      <c r="D4058">
        <f t="shared" si="191"/>
        <v>6</v>
      </c>
    </row>
    <row r="4059" spans="1:4" x14ac:dyDescent="0.25">
      <c r="A4059" s="7">
        <f t="shared" si="192"/>
        <v>44730.791666656842</v>
      </c>
      <c r="B4059" s="8">
        <v>2.0246630620850836</v>
      </c>
      <c r="C4059">
        <f t="shared" si="190"/>
        <v>19</v>
      </c>
      <c r="D4059">
        <f t="shared" si="191"/>
        <v>6</v>
      </c>
    </row>
    <row r="4060" spans="1:4" x14ac:dyDescent="0.25">
      <c r="A4060" s="7">
        <f t="shared" si="192"/>
        <v>44730.833333323506</v>
      </c>
      <c r="B4060" s="8">
        <v>0.22381365499206785</v>
      </c>
      <c r="C4060">
        <f t="shared" si="190"/>
        <v>20</v>
      </c>
      <c r="D4060">
        <f t="shared" si="191"/>
        <v>6</v>
      </c>
    </row>
    <row r="4061" spans="1:4" x14ac:dyDescent="0.25">
      <c r="A4061" s="7">
        <f t="shared" si="192"/>
        <v>44730.87499999017</v>
      </c>
      <c r="B4061" s="8">
        <v>-4.9800999999999998E-2</v>
      </c>
      <c r="C4061">
        <f t="shared" si="190"/>
        <v>21</v>
      </c>
      <c r="D4061">
        <f t="shared" si="191"/>
        <v>6</v>
      </c>
    </row>
    <row r="4062" spans="1:4" x14ac:dyDescent="0.25">
      <c r="A4062" s="7">
        <f t="shared" si="192"/>
        <v>44730.916666656834</v>
      </c>
      <c r="B4062" s="8">
        <v>-4.9800999999999998E-2</v>
      </c>
      <c r="C4062">
        <f t="shared" si="190"/>
        <v>22</v>
      </c>
      <c r="D4062">
        <f t="shared" si="191"/>
        <v>6</v>
      </c>
    </row>
    <row r="4063" spans="1:4" x14ac:dyDescent="0.25">
      <c r="A4063" s="7">
        <f t="shared" si="192"/>
        <v>44730.958333323499</v>
      </c>
      <c r="B4063" s="8">
        <v>-4.9800999999999998E-2</v>
      </c>
      <c r="C4063">
        <f t="shared" si="190"/>
        <v>23</v>
      </c>
      <c r="D4063">
        <f t="shared" si="191"/>
        <v>6</v>
      </c>
    </row>
    <row r="4064" spans="1:4" x14ac:dyDescent="0.25">
      <c r="A4064" s="7">
        <f t="shared" si="192"/>
        <v>44730.999999990163</v>
      </c>
      <c r="B4064" s="8">
        <v>-4.9800999999999998E-2</v>
      </c>
      <c r="C4064">
        <f t="shared" si="190"/>
        <v>0</v>
      </c>
      <c r="D4064">
        <f t="shared" si="191"/>
        <v>6</v>
      </c>
    </row>
    <row r="4065" spans="1:4" x14ac:dyDescent="0.25">
      <c r="A4065" s="7">
        <f t="shared" si="192"/>
        <v>44731.041666656827</v>
      </c>
      <c r="B4065" s="8">
        <v>-4.9800999999999998E-2</v>
      </c>
      <c r="C4065">
        <f t="shared" si="190"/>
        <v>1</v>
      </c>
      <c r="D4065">
        <f t="shared" si="191"/>
        <v>6</v>
      </c>
    </row>
    <row r="4066" spans="1:4" x14ac:dyDescent="0.25">
      <c r="A4066" s="7">
        <f t="shared" si="192"/>
        <v>44731.083333323491</v>
      </c>
      <c r="B4066" s="8">
        <v>-4.9800999999999998E-2</v>
      </c>
      <c r="C4066">
        <f t="shared" si="190"/>
        <v>2</v>
      </c>
      <c r="D4066">
        <f t="shared" si="191"/>
        <v>6</v>
      </c>
    </row>
    <row r="4067" spans="1:4" x14ac:dyDescent="0.25">
      <c r="A4067" s="7">
        <f t="shared" si="192"/>
        <v>44731.124999990156</v>
      </c>
      <c r="B4067" s="8">
        <v>-4.9800999999999998E-2</v>
      </c>
      <c r="C4067">
        <f t="shared" si="190"/>
        <v>3</v>
      </c>
      <c r="D4067">
        <f t="shared" si="191"/>
        <v>6</v>
      </c>
    </row>
    <row r="4068" spans="1:4" x14ac:dyDescent="0.25">
      <c r="A4068" s="7">
        <f t="shared" si="192"/>
        <v>44731.16666665682</v>
      </c>
      <c r="B4068" s="8">
        <v>-4.9800999999999998E-2</v>
      </c>
      <c r="C4068">
        <f t="shared" si="190"/>
        <v>4</v>
      </c>
      <c r="D4068">
        <f t="shared" si="191"/>
        <v>6</v>
      </c>
    </row>
    <row r="4069" spans="1:4" x14ac:dyDescent="0.25">
      <c r="A4069" s="7">
        <f t="shared" si="192"/>
        <v>44731.208333323484</v>
      </c>
      <c r="B4069" s="8">
        <v>-4.9800999999999998E-2</v>
      </c>
      <c r="C4069">
        <f t="shared" si="190"/>
        <v>5</v>
      </c>
      <c r="D4069">
        <f t="shared" si="191"/>
        <v>6</v>
      </c>
    </row>
    <row r="4070" spans="1:4" x14ac:dyDescent="0.25">
      <c r="A4070" s="7">
        <f t="shared" si="192"/>
        <v>44731.249999990148</v>
      </c>
      <c r="B4070" s="8">
        <v>-4.9800999999999998E-2</v>
      </c>
      <c r="C4070">
        <f t="shared" si="190"/>
        <v>6</v>
      </c>
      <c r="D4070">
        <f t="shared" si="191"/>
        <v>6</v>
      </c>
    </row>
    <row r="4071" spans="1:4" x14ac:dyDescent="0.25">
      <c r="A4071" s="7">
        <f t="shared" si="192"/>
        <v>44731.291666656813</v>
      </c>
      <c r="B4071" s="8">
        <v>0.54475356264965491</v>
      </c>
      <c r="C4071">
        <f t="shared" si="190"/>
        <v>7</v>
      </c>
      <c r="D4071">
        <f t="shared" si="191"/>
        <v>6</v>
      </c>
    </row>
    <row r="4072" spans="1:4" x14ac:dyDescent="0.25">
      <c r="A4072" s="7">
        <f t="shared" si="192"/>
        <v>44731.333333323477</v>
      </c>
      <c r="B4072" s="8">
        <v>3.1955094690040786</v>
      </c>
      <c r="C4072">
        <f t="shared" si="190"/>
        <v>8</v>
      </c>
      <c r="D4072">
        <f t="shared" si="191"/>
        <v>6</v>
      </c>
    </row>
    <row r="4073" spans="1:4" x14ac:dyDescent="0.25">
      <c r="A4073" s="7">
        <f t="shared" si="192"/>
        <v>44731.374999990141</v>
      </c>
      <c r="B4073" s="8">
        <v>4.3197400979250258</v>
      </c>
      <c r="C4073">
        <f t="shared" si="190"/>
        <v>9</v>
      </c>
      <c r="D4073">
        <f t="shared" si="191"/>
        <v>6</v>
      </c>
    </row>
    <row r="4074" spans="1:4" x14ac:dyDescent="0.25">
      <c r="A4074" s="7">
        <f t="shared" si="192"/>
        <v>44731.416666656805</v>
      </c>
      <c r="B4074" s="8">
        <v>3.944849520447141</v>
      </c>
      <c r="C4074">
        <f t="shared" si="190"/>
        <v>10</v>
      </c>
      <c r="D4074">
        <f t="shared" si="191"/>
        <v>6</v>
      </c>
    </row>
    <row r="4075" spans="1:4" x14ac:dyDescent="0.25">
      <c r="A4075" s="7">
        <f t="shared" si="192"/>
        <v>44731.45833332347</v>
      </c>
      <c r="B4075" s="8">
        <v>3.9065178313162043</v>
      </c>
      <c r="C4075">
        <f t="shared" si="190"/>
        <v>11</v>
      </c>
      <c r="D4075">
        <f t="shared" si="191"/>
        <v>6</v>
      </c>
    </row>
    <row r="4076" spans="1:4" x14ac:dyDescent="0.25">
      <c r="A4076" s="7">
        <f t="shared" si="192"/>
        <v>44731.499999990134</v>
      </c>
      <c r="B4076" s="8">
        <v>4.0209151416123596</v>
      </c>
      <c r="C4076">
        <f t="shared" si="190"/>
        <v>12</v>
      </c>
      <c r="D4076">
        <f t="shared" si="191"/>
        <v>6</v>
      </c>
    </row>
    <row r="4077" spans="1:4" x14ac:dyDescent="0.25">
      <c r="A4077" s="7">
        <f t="shared" si="192"/>
        <v>44731.541666656798</v>
      </c>
      <c r="B4077" s="8">
        <v>5.7380909225616774</v>
      </c>
      <c r="C4077">
        <f t="shared" si="190"/>
        <v>13</v>
      </c>
      <c r="D4077">
        <f t="shared" si="191"/>
        <v>6</v>
      </c>
    </row>
    <row r="4078" spans="1:4" x14ac:dyDescent="0.25">
      <c r="A4078" s="7">
        <f t="shared" si="192"/>
        <v>44731.583333323462</v>
      </c>
      <c r="B4078" s="8">
        <v>8.8241108731562878</v>
      </c>
      <c r="C4078">
        <f t="shared" si="190"/>
        <v>14</v>
      </c>
      <c r="D4078">
        <f t="shared" si="191"/>
        <v>6</v>
      </c>
    </row>
    <row r="4079" spans="1:4" x14ac:dyDescent="0.25">
      <c r="A4079" s="7">
        <f t="shared" si="192"/>
        <v>44731.624999990127</v>
      </c>
      <c r="B4079" s="8">
        <v>14.683343455049499</v>
      </c>
      <c r="C4079">
        <f t="shared" si="190"/>
        <v>15</v>
      </c>
      <c r="D4079">
        <f t="shared" si="191"/>
        <v>6</v>
      </c>
    </row>
    <row r="4080" spans="1:4" x14ac:dyDescent="0.25">
      <c r="A4080" s="7">
        <f t="shared" si="192"/>
        <v>44731.666666656791</v>
      </c>
      <c r="B4080" s="8">
        <v>17.029715264092353</v>
      </c>
      <c r="C4080">
        <f t="shared" si="190"/>
        <v>16</v>
      </c>
      <c r="D4080">
        <f t="shared" si="191"/>
        <v>6</v>
      </c>
    </row>
    <row r="4081" spans="1:4" x14ac:dyDescent="0.25">
      <c r="A4081" s="7">
        <f t="shared" si="192"/>
        <v>44731.708333323455</v>
      </c>
      <c r="B4081" s="8">
        <v>12.06234348472036</v>
      </c>
      <c r="C4081">
        <f t="shared" si="190"/>
        <v>17</v>
      </c>
      <c r="D4081">
        <f t="shared" si="191"/>
        <v>6</v>
      </c>
    </row>
    <row r="4082" spans="1:4" x14ac:dyDescent="0.25">
      <c r="A4082" s="7">
        <f t="shared" si="192"/>
        <v>44731.749999990119</v>
      </c>
      <c r="B4082" s="8">
        <v>6.886171029023533</v>
      </c>
      <c r="C4082">
        <f t="shared" si="190"/>
        <v>18</v>
      </c>
      <c r="D4082">
        <f t="shared" si="191"/>
        <v>6</v>
      </c>
    </row>
    <row r="4083" spans="1:4" x14ac:dyDescent="0.25">
      <c r="A4083" s="7">
        <f t="shared" si="192"/>
        <v>44731.791666656783</v>
      </c>
      <c r="B4083" s="8">
        <v>2.0082164970015599</v>
      </c>
      <c r="C4083">
        <f t="shared" si="190"/>
        <v>19</v>
      </c>
      <c r="D4083">
        <f t="shared" si="191"/>
        <v>6</v>
      </c>
    </row>
    <row r="4084" spans="1:4" x14ac:dyDescent="0.25">
      <c r="A4084" s="7">
        <f t="shared" si="192"/>
        <v>44731.833333323448</v>
      </c>
      <c r="B4084" s="8">
        <v>0.44900936561623278</v>
      </c>
      <c r="C4084">
        <f t="shared" si="190"/>
        <v>20</v>
      </c>
      <c r="D4084">
        <f t="shared" si="191"/>
        <v>6</v>
      </c>
    </row>
    <row r="4085" spans="1:4" x14ac:dyDescent="0.25">
      <c r="A4085" s="7">
        <f t="shared" si="192"/>
        <v>44731.874999990112</v>
      </c>
      <c r="B4085" s="8">
        <v>-4.9800999999999998E-2</v>
      </c>
      <c r="C4085">
        <f t="shared" si="190"/>
        <v>21</v>
      </c>
      <c r="D4085">
        <f t="shared" si="191"/>
        <v>6</v>
      </c>
    </row>
    <row r="4086" spans="1:4" x14ac:dyDescent="0.25">
      <c r="A4086" s="7">
        <f t="shared" si="192"/>
        <v>44731.916666656776</v>
      </c>
      <c r="B4086" s="8">
        <v>-4.9800999999999998E-2</v>
      </c>
      <c r="C4086">
        <f t="shared" si="190"/>
        <v>22</v>
      </c>
      <c r="D4086">
        <f t="shared" si="191"/>
        <v>6</v>
      </c>
    </row>
    <row r="4087" spans="1:4" x14ac:dyDescent="0.25">
      <c r="A4087" s="7">
        <f t="shared" si="192"/>
        <v>44731.95833332344</v>
      </c>
      <c r="B4087" s="8">
        <v>-4.9800999999999998E-2</v>
      </c>
      <c r="C4087">
        <f t="shared" si="190"/>
        <v>23</v>
      </c>
      <c r="D4087">
        <f t="shared" si="191"/>
        <v>6</v>
      </c>
    </row>
    <row r="4088" spans="1:4" x14ac:dyDescent="0.25">
      <c r="A4088" s="7">
        <f t="shared" si="192"/>
        <v>44731.999999990105</v>
      </c>
      <c r="B4088" s="8">
        <v>-4.9800999999999998E-2</v>
      </c>
      <c r="C4088">
        <f t="shared" si="190"/>
        <v>0</v>
      </c>
      <c r="D4088">
        <f t="shared" si="191"/>
        <v>6</v>
      </c>
    </row>
    <row r="4089" spans="1:4" x14ac:dyDescent="0.25">
      <c r="A4089" s="7">
        <f t="shared" si="192"/>
        <v>44732.041666656769</v>
      </c>
      <c r="B4089" s="8">
        <v>-4.9800999999999998E-2</v>
      </c>
      <c r="C4089">
        <f t="shared" si="190"/>
        <v>1</v>
      </c>
      <c r="D4089">
        <f t="shared" si="191"/>
        <v>6</v>
      </c>
    </row>
    <row r="4090" spans="1:4" x14ac:dyDescent="0.25">
      <c r="A4090" s="7">
        <f t="shared" si="192"/>
        <v>44732.083333323433</v>
      </c>
      <c r="B4090" s="8">
        <v>-4.9800999999999998E-2</v>
      </c>
      <c r="C4090">
        <f t="shared" si="190"/>
        <v>2</v>
      </c>
      <c r="D4090">
        <f t="shared" si="191"/>
        <v>6</v>
      </c>
    </row>
    <row r="4091" spans="1:4" x14ac:dyDescent="0.25">
      <c r="A4091" s="7">
        <f t="shared" si="192"/>
        <v>44732.124999990097</v>
      </c>
      <c r="B4091" s="8">
        <v>-4.9800999999999998E-2</v>
      </c>
      <c r="C4091">
        <f t="shared" si="190"/>
        <v>3</v>
      </c>
      <c r="D4091">
        <f t="shared" si="191"/>
        <v>6</v>
      </c>
    </row>
    <row r="4092" spans="1:4" x14ac:dyDescent="0.25">
      <c r="A4092" s="7">
        <f t="shared" si="192"/>
        <v>44732.166666656762</v>
      </c>
      <c r="B4092" s="8">
        <v>-4.9800999999999998E-2</v>
      </c>
      <c r="C4092">
        <f t="shared" si="190"/>
        <v>4</v>
      </c>
      <c r="D4092">
        <f t="shared" si="191"/>
        <v>6</v>
      </c>
    </row>
    <row r="4093" spans="1:4" x14ac:dyDescent="0.25">
      <c r="A4093" s="7">
        <f t="shared" si="192"/>
        <v>44732.208333323426</v>
      </c>
      <c r="B4093" s="8">
        <v>-4.9800999999999998E-2</v>
      </c>
      <c r="C4093">
        <f t="shared" si="190"/>
        <v>5</v>
      </c>
      <c r="D4093">
        <f t="shared" si="191"/>
        <v>6</v>
      </c>
    </row>
    <row r="4094" spans="1:4" x14ac:dyDescent="0.25">
      <c r="A4094" s="7">
        <f t="shared" si="192"/>
        <v>44732.24999999009</v>
      </c>
      <c r="B4094" s="8">
        <v>0.40021280483107202</v>
      </c>
      <c r="C4094">
        <f t="shared" si="190"/>
        <v>6</v>
      </c>
      <c r="D4094">
        <f t="shared" si="191"/>
        <v>6</v>
      </c>
    </row>
    <row r="4095" spans="1:4" x14ac:dyDescent="0.25">
      <c r="A4095" s="7">
        <f t="shared" si="192"/>
        <v>44732.291666656754</v>
      </c>
      <c r="B4095" s="8">
        <v>2.1440062970482288</v>
      </c>
      <c r="C4095">
        <f t="shared" si="190"/>
        <v>7</v>
      </c>
      <c r="D4095">
        <f t="shared" si="191"/>
        <v>6</v>
      </c>
    </row>
    <row r="4096" spans="1:4" x14ac:dyDescent="0.25">
      <c r="A4096" s="7">
        <f t="shared" si="192"/>
        <v>44732.333333323419</v>
      </c>
      <c r="B4096" s="8">
        <v>3.2265413072460198</v>
      </c>
      <c r="C4096">
        <f t="shared" si="190"/>
        <v>8</v>
      </c>
      <c r="D4096">
        <f t="shared" si="191"/>
        <v>6</v>
      </c>
    </row>
    <row r="4097" spans="1:4" x14ac:dyDescent="0.25">
      <c r="A4097" s="7">
        <f t="shared" si="192"/>
        <v>44732.374999990083</v>
      </c>
      <c r="B4097" s="8">
        <v>9.2663181752588439</v>
      </c>
      <c r="C4097">
        <f t="shared" si="190"/>
        <v>9</v>
      </c>
      <c r="D4097">
        <f t="shared" si="191"/>
        <v>6</v>
      </c>
    </row>
    <row r="4098" spans="1:4" x14ac:dyDescent="0.25">
      <c r="A4098" s="7">
        <f t="shared" si="192"/>
        <v>44732.416666656747</v>
      </c>
      <c r="B4098" s="8">
        <v>12.019544076599759</v>
      </c>
      <c r="C4098">
        <f t="shared" si="190"/>
        <v>10</v>
      </c>
      <c r="D4098">
        <f t="shared" si="191"/>
        <v>6</v>
      </c>
    </row>
    <row r="4099" spans="1:4" x14ac:dyDescent="0.25">
      <c r="A4099" s="7">
        <f t="shared" si="192"/>
        <v>44732.458333323411</v>
      </c>
      <c r="B4099" s="8">
        <v>13.804312787177032</v>
      </c>
      <c r="C4099">
        <f t="shared" si="190"/>
        <v>11</v>
      </c>
      <c r="D4099">
        <f t="shared" si="191"/>
        <v>6</v>
      </c>
    </row>
    <row r="4100" spans="1:4" x14ac:dyDescent="0.25">
      <c r="A4100" s="7">
        <f t="shared" si="192"/>
        <v>44732.499999990076</v>
      </c>
      <c r="B4100" s="8">
        <v>16.751634540265034</v>
      </c>
      <c r="C4100">
        <f t="shared" si="190"/>
        <v>12</v>
      </c>
      <c r="D4100">
        <f t="shared" si="191"/>
        <v>6</v>
      </c>
    </row>
    <row r="4101" spans="1:4" x14ac:dyDescent="0.25">
      <c r="A4101" s="7">
        <f t="shared" si="192"/>
        <v>44732.54166665674</v>
      </c>
      <c r="B4101" s="8">
        <v>19.211570922131457</v>
      </c>
      <c r="C4101">
        <f t="shared" si="190"/>
        <v>13</v>
      </c>
      <c r="D4101">
        <f t="shared" si="191"/>
        <v>6</v>
      </c>
    </row>
    <row r="4102" spans="1:4" x14ac:dyDescent="0.25">
      <c r="A4102" s="7">
        <f t="shared" si="192"/>
        <v>44732.583333323404</v>
      </c>
      <c r="B4102" s="8">
        <v>20.45130368136169</v>
      </c>
      <c r="C4102">
        <f t="shared" si="190"/>
        <v>14</v>
      </c>
      <c r="D4102">
        <f t="shared" si="191"/>
        <v>6</v>
      </c>
    </row>
    <row r="4103" spans="1:4" x14ac:dyDescent="0.25">
      <c r="A4103" s="7">
        <f t="shared" si="192"/>
        <v>44732.624999990068</v>
      </c>
      <c r="B4103" s="8">
        <v>3.7251768792729454</v>
      </c>
      <c r="C4103">
        <f t="shared" si="190"/>
        <v>15</v>
      </c>
      <c r="D4103">
        <f t="shared" si="191"/>
        <v>6</v>
      </c>
    </row>
    <row r="4104" spans="1:4" x14ac:dyDescent="0.25">
      <c r="A4104" s="7">
        <f t="shared" si="192"/>
        <v>44732.666666656733</v>
      </c>
      <c r="B4104" s="8">
        <v>10.529177950435576</v>
      </c>
      <c r="C4104">
        <f t="shared" si="190"/>
        <v>16</v>
      </c>
      <c r="D4104">
        <f t="shared" si="191"/>
        <v>6</v>
      </c>
    </row>
    <row r="4105" spans="1:4" x14ac:dyDescent="0.25">
      <c r="A4105" s="7">
        <f t="shared" si="192"/>
        <v>44732.708333323397</v>
      </c>
      <c r="B4105" s="8">
        <v>11.141300799109782</v>
      </c>
      <c r="C4105">
        <f t="shared" si="190"/>
        <v>17</v>
      </c>
      <c r="D4105">
        <f t="shared" si="191"/>
        <v>6</v>
      </c>
    </row>
    <row r="4106" spans="1:4" x14ac:dyDescent="0.25">
      <c r="A4106" s="7">
        <f t="shared" si="192"/>
        <v>44732.749999990061</v>
      </c>
      <c r="B4106" s="8">
        <v>6.7132811255881766</v>
      </c>
      <c r="C4106">
        <f t="shared" ref="C4106:C4169" si="193">HOUR(A4106)</f>
        <v>18</v>
      </c>
      <c r="D4106">
        <f t="shared" ref="D4106:D4169" si="194">MONTH(A4106)</f>
        <v>6</v>
      </c>
    </row>
    <row r="4107" spans="1:4" x14ac:dyDescent="0.25">
      <c r="A4107" s="7">
        <f t="shared" ref="A4107:A4170" si="195">+A4106+1/24</f>
        <v>44732.791666656725</v>
      </c>
      <c r="B4107" s="8">
        <v>2.1406341225305394</v>
      </c>
      <c r="C4107">
        <f t="shared" si="193"/>
        <v>19</v>
      </c>
      <c r="D4107">
        <f t="shared" si="194"/>
        <v>6</v>
      </c>
    </row>
    <row r="4108" spans="1:4" x14ac:dyDescent="0.25">
      <c r="A4108" s="7">
        <f t="shared" si="195"/>
        <v>44732.83333332339</v>
      </c>
      <c r="B4108" s="8">
        <v>0.30288970456992981</v>
      </c>
      <c r="C4108">
        <f t="shared" si="193"/>
        <v>20</v>
      </c>
      <c r="D4108">
        <f t="shared" si="194"/>
        <v>6</v>
      </c>
    </row>
    <row r="4109" spans="1:4" x14ac:dyDescent="0.25">
      <c r="A4109" s="7">
        <f t="shared" si="195"/>
        <v>44732.874999990054</v>
      </c>
      <c r="B4109" s="8">
        <v>-4.9800999999999998E-2</v>
      </c>
      <c r="C4109">
        <f t="shared" si="193"/>
        <v>21</v>
      </c>
      <c r="D4109">
        <f t="shared" si="194"/>
        <v>6</v>
      </c>
    </row>
    <row r="4110" spans="1:4" x14ac:dyDescent="0.25">
      <c r="A4110" s="7">
        <f t="shared" si="195"/>
        <v>44732.916666656718</v>
      </c>
      <c r="B4110" s="8">
        <v>-4.9800999999999998E-2</v>
      </c>
      <c r="C4110">
        <f t="shared" si="193"/>
        <v>22</v>
      </c>
      <c r="D4110">
        <f t="shared" si="194"/>
        <v>6</v>
      </c>
    </row>
    <row r="4111" spans="1:4" x14ac:dyDescent="0.25">
      <c r="A4111" s="7">
        <f t="shared" si="195"/>
        <v>44732.958333323382</v>
      </c>
      <c r="B4111" s="8">
        <v>-4.9800999999999998E-2</v>
      </c>
      <c r="C4111">
        <f t="shared" si="193"/>
        <v>23</v>
      </c>
      <c r="D4111">
        <f t="shared" si="194"/>
        <v>6</v>
      </c>
    </row>
    <row r="4112" spans="1:4" x14ac:dyDescent="0.25">
      <c r="A4112" s="7">
        <f t="shared" si="195"/>
        <v>44732.999999990046</v>
      </c>
      <c r="B4112" s="8">
        <v>-4.9800999999999998E-2</v>
      </c>
      <c r="C4112">
        <f t="shared" si="193"/>
        <v>0</v>
      </c>
      <c r="D4112">
        <f t="shared" si="194"/>
        <v>6</v>
      </c>
    </row>
    <row r="4113" spans="1:4" x14ac:dyDescent="0.25">
      <c r="A4113" s="7">
        <f t="shared" si="195"/>
        <v>44733.041666656711</v>
      </c>
      <c r="B4113" s="8">
        <v>-4.9800999999999998E-2</v>
      </c>
      <c r="C4113">
        <f t="shared" si="193"/>
        <v>1</v>
      </c>
      <c r="D4113">
        <f t="shared" si="194"/>
        <v>6</v>
      </c>
    </row>
    <row r="4114" spans="1:4" x14ac:dyDescent="0.25">
      <c r="A4114" s="7">
        <f t="shared" si="195"/>
        <v>44733.083333323375</v>
      </c>
      <c r="B4114" s="8">
        <v>-4.9800999999999998E-2</v>
      </c>
      <c r="C4114">
        <f t="shared" si="193"/>
        <v>2</v>
      </c>
      <c r="D4114">
        <f t="shared" si="194"/>
        <v>6</v>
      </c>
    </row>
    <row r="4115" spans="1:4" x14ac:dyDescent="0.25">
      <c r="A4115" s="7">
        <f t="shared" si="195"/>
        <v>44733.124999990039</v>
      </c>
      <c r="B4115" s="8">
        <v>-4.9800999999999998E-2</v>
      </c>
      <c r="C4115">
        <f t="shared" si="193"/>
        <v>3</v>
      </c>
      <c r="D4115">
        <f t="shared" si="194"/>
        <v>6</v>
      </c>
    </row>
    <row r="4116" spans="1:4" x14ac:dyDescent="0.25">
      <c r="A4116" s="7">
        <f t="shared" si="195"/>
        <v>44733.166666656703</v>
      </c>
      <c r="B4116" s="8">
        <v>-4.9800999999999998E-2</v>
      </c>
      <c r="C4116">
        <f t="shared" si="193"/>
        <v>4</v>
      </c>
      <c r="D4116">
        <f t="shared" si="194"/>
        <v>6</v>
      </c>
    </row>
    <row r="4117" spans="1:4" x14ac:dyDescent="0.25">
      <c r="A4117" s="7">
        <f t="shared" si="195"/>
        <v>44733.208333323368</v>
      </c>
      <c r="B4117" s="8">
        <v>-4.9800999999999998E-2</v>
      </c>
      <c r="C4117">
        <f t="shared" si="193"/>
        <v>5</v>
      </c>
      <c r="D4117">
        <f t="shared" si="194"/>
        <v>6</v>
      </c>
    </row>
    <row r="4118" spans="1:4" x14ac:dyDescent="0.25">
      <c r="A4118" s="7">
        <f t="shared" si="195"/>
        <v>44733.249999990032</v>
      </c>
      <c r="B4118" s="8">
        <v>-4.9800999999999998E-2</v>
      </c>
      <c r="C4118">
        <f t="shared" si="193"/>
        <v>6</v>
      </c>
      <c r="D4118">
        <f t="shared" si="194"/>
        <v>6</v>
      </c>
    </row>
    <row r="4119" spans="1:4" x14ac:dyDescent="0.25">
      <c r="A4119" s="7">
        <f t="shared" si="195"/>
        <v>44733.291666656696</v>
      </c>
      <c r="B4119" s="8">
        <v>1.8339094970008534</v>
      </c>
      <c r="C4119">
        <f t="shared" si="193"/>
        <v>7</v>
      </c>
      <c r="D4119">
        <f t="shared" si="194"/>
        <v>6</v>
      </c>
    </row>
    <row r="4120" spans="1:4" x14ac:dyDescent="0.25">
      <c r="A4120" s="7">
        <f t="shared" si="195"/>
        <v>44733.33333332336</v>
      </c>
      <c r="B4120" s="8">
        <v>5.3724150799134582</v>
      </c>
      <c r="C4120">
        <f t="shared" si="193"/>
        <v>8</v>
      </c>
      <c r="D4120">
        <f t="shared" si="194"/>
        <v>6</v>
      </c>
    </row>
    <row r="4121" spans="1:4" x14ac:dyDescent="0.25">
      <c r="A4121" s="7">
        <f t="shared" si="195"/>
        <v>44733.374999990025</v>
      </c>
      <c r="B4121" s="8">
        <v>9.7308630416940414</v>
      </c>
      <c r="C4121">
        <f t="shared" si="193"/>
        <v>9</v>
      </c>
      <c r="D4121">
        <f t="shared" si="194"/>
        <v>6</v>
      </c>
    </row>
    <row r="4122" spans="1:4" x14ac:dyDescent="0.25">
      <c r="A4122" s="7">
        <f t="shared" si="195"/>
        <v>44733.416666656689</v>
      </c>
      <c r="B4122" s="8">
        <v>11.919306395184574</v>
      </c>
      <c r="C4122">
        <f t="shared" si="193"/>
        <v>10</v>
      </c>
      <c r="D4122">
        <f t="shared" si="194"/>
        <v>6</v>
      </c>
    </row>
    <row r="4123" spans="1:4" x14ac:dyDescent="0.25">
      <c r="A4123" s="7">
        <f t="shared" si="195"/>
        <v>44733.458333323353</v>
      </c>
      <c r="B4123" s="8">
        <v>10.985614963285608</v>
      </c>
      <c r="C4123">
        <f t="shared" si="193"/>
        <v>11</v>
      </c>
      <c r="D4123">
        <f t="shared" si="194"/>
        <v>6</v>
      </c>
    </row>
    <row r="4124" spans="1:4" x14ac:dyDescent="0.25">
      <c r="A4124" s="7">
        <f t="shared" si="195"/>
        <v>44733.499999990017</v>
      </c>
      <c r="B4124" s="8">
        <v>17.998299220585114</v>
      </c>
      <c r="C4124">
        <f t="shared" si="193"/>
        <v>12</v>
      </c>
      <c r="D4124">
        <f t="shared" si="194"/>
        <v>6</v>
      </c>
    </row>
    <row r="4125" spans="1:4" x14ac:dyDescent="0.25">
      <c r="A4125" s="7">
        <f t="shared" si="195"/>
        <v>44733.541666656682</v>
      </c>
      <c r="B4125" s="8">
        <v>20.451311926287161</v>
      </c>
      <c r="C4125">
        <f t="shared" si="193"/>
        <v>13</v>
      </c>
      <c r="D4125">
        <f t="shared" si="194"/>
        <v>6</v>
      </c>
    </row>
    <row r="4126" spans="1:4" x14ac:dyDescent="0.25">
      <c r="A4126" s="7">
        <f t="shared" si="195"/>
        <v>44733.583333323346</v>
      </c>
      <c r="B4126" s="8">
        <v>20.451308834440109</v>
      </c>
      <c r="C4126">
        <f t="shared" si="193"/>
        <v>14</v>
      </c>
      <c r="D4126">
        <f t="shared" si="194"/>
        <v>6</v>
      </c>
    </row>
    <row r="4127" spans="1:4" x14ac:dyDescent="0.25">
      <c r="A4127" s="7">
        <f t="shared" si="195"/>
        <v>44733.62499999001</v>
      </c>
      <c r="B4127" s="8">
        <v>15.988559473602763</v>
      </c>
      <c r="C4127">
        <f t="shared" si="193"/>
        <v>15</v>
      </c>
      <c r="D4127">
        <f t="shared" si="194"/>
        <v>6</v>
      </c>
    </row>
    <row r="4128" spans="1:4" x14ac:dyDescent="0.25">
      <c r="A4128" s="7">
        <f t="shared" si="195"/>
        <v>44733.666666656674</v>
      </c>
      <c r="B4128" s="8">
        <v>16.380947844161739</v>
      </c>
      <c r="C4128">
        <f t="shared" si="193"/>
        <v>16</v>
      </c>
      <c r="D4128">
        <f t="shared" si="194"/>
        <v>6</v>
      </c>
    </row>
    <row r="4129" spans="1:4" x14ac:dyDescent="0.25">
      <c r="A4129" s="7">
        <f t="shared" si="195"/>
        <v>44733.708333323339</v>
      </c>
      <c r="B4129" s="8">
        <v>12.122333562448256</v>
      </c>
      <c r="C4129">
        <f t="shared" si="193"/>
        <v>17</v>
      </c>
      <c r="D4129">
        <f t="shared" si="194"/>
        <v>6</v>
      </c>
    </row>
    <row r="4130" spans="1:4" x14ac:dyDescent="0.25">
      <c r="A4130" s="7">
        <f t="shared" si="195"/>
        <v>44733.749999990003</v>
      </c>
      <c r="B4130" s="8">
        <v>5.8563386130528476</v>
      </c>
      <c r="C4130">
        <f t="shared" si="193"/>
        <v>18</v>
      </c>
      <c r="D4130">
        <f t="shared" si="194"/>
        <v>6</v>
      </c>
    </row>
    <row r="4131" spans="1:4" x14ac:dyDescent="0.25">
      <c r="A4131" s="7">
        <f t="shared" si="195"/>
        <v>44733.791666656667</v>
      </c>
      <c r="B4131" s="8">
        <v>2.0966134348245267</v>
      </c>
      <c r="C4131">
        <f t="shared" si="193"/>
        <v>19</v>
      </c>
      <c r="D4131">
        <f t="shared" si="194"/>
        <v>6</v>
      </c>
    </row>
    <row r="4132" spans="1:4" x14ac:dyDescent="0.25">
      <c r="A4132" s="7">
        <f t="shared" si="195"/>
        <v>44733.833333323331</v>
      </c>
      <c r="B4132" s="8">
        <v>0.44788084144237278</v>
      </c>
      <c r="C4132">
        <f t="shared" si="193"/>
        <v>20</v>
      </c>
      <c r="D4132">
        <f t="shared" si="194"/>
        <v>6</v>
      </c>
    </row>
    <row r="4133" spans="1:4" x14ac:dyDescent="0.25">
      <c r="A4133" s="7">
        <f t="shared" si="195"/>
        <v>44733.874999989996</v>
      </c>
      <c r="B4133" s="8">
        <v>-4.9800999999999998E-2</v>
      </c>
      <c r="C4133">
        <f t="shared" si="193"/>
        <v>21</v>
      </c>
      <c r="D4133">
        <f t="shared" si="194"/>
        <v>6</v>
      </c>
    </row>
    <row r="4134" spans="1:4" x14ac:dyDescent="0.25">
      <c r="A4134" s="7">
        <f t="shared" si="195"/>
        <v>44733.91666665666</v>
      </c>
      <c r="B4134" s="8">
        <v>-4.9800999999999998E-2</v>
      </c>
      <c r="C4134">
        <f t="shared" si="193"/>
        <v>22</v>
      </c>
      <c r="D4134">
        <f t="shared" si="194"/>
        <v>6</v>
      </c>
    </row>
    <row r="4135" spans="1:4" x14ac:dyDescent="0.25">
      <c r="A4135" s="7">
        <f t="shared" si="195"/>
        <v>44733.958333323324</v>
      </c>
      <c r="B4135" s="8">
        <v>-4.9800999999999998E-2</v>
      </c>
      <c r="C4135">
        <f t="shared" si="193"/>
        <v>23</v>
      </c>
      <c r="D4135">
        <f t="shared" si="194"/>
        <v>6</v>
      </c>
    </row>
    <row r="4136" spans="1:4" x14ac:dyDescent="0.25">
      <c r="A4136" s="7">
        <f t="shared" si="195"/>
        <v>44733.999999989988</v>
      </c>
      <c r="B4136" s="8">
        <v>-4.9800999999999998E-2</v>
      </c>
      <c r="C4136">
        <f t="shared" si="193"/>
        <v>0</v>
      </c>
      <c r="D4136">
        <f t="shared" si="194"/>
        <v>6</v>
      </c>
    </row>
    <row r="4137" spans="1:4" x14ac:dyDescent="0.25">
      <c r="A4137" s="7">
        <f t="shared" si="195"/>
        <v>44734.041666656653</v>
      </c>
      <c r="B4137" s="8">
        <v>-4.9800999999999998E-2</v>
      </c>
      <c r="C4137">
        <f t="shared" si="193"/>
        <v>1</v>
      </c>
      <c r="D4137">
        <f t="shared" si="194"/>
        <v>6</v>
      </c>
    </row>
    <row r="4138" spans="1:4" x14ac:dyDescent="0.25">
      <c r="A4138" s="7">
        <f t="shared" si="195"/>
        <v>44734.083333323317</v>
      </c>
      <c r="B4138" s="8">
        <v>-4.9800999999999998E-2</v>
      </c>
      <c r="C4138">
        <f t="shared" si="193"/>
        <v>2</v>
      </c>
      <c r="D4138">
        <f t="shared" si="194"/>
        <v>6</v>
      </c>
    </row>
    <row r="4139" spans="1:4" x14ac:dyDescent="0.25">
      <c r="A4139" s="7">
        <f t="shared" si="195"/>
        <v>44734.124999989981</v>
      </c>
      <c r="B4139" s="8">
        <v>-4.9800999999999998E-2</v>
      </c>
      <c r="C4139">
        <f t="shared" si="193"/>
        <v>3</v>
      </c>
      <c r="D4139">
        <f t="shared" si="194"/>
        <v>6</v>
      </c>
    </row>
    <row r="4140" spans="1:4" x14ac:dyDescent="0.25">
      <c r="A4140" s="7">
        <f t="shared" si="195"/>
        <v>44734.166666656645</v>
      </c>
      <c r="B4140" s="8">
        <v>-4.9800999999999998E-2</v>
      </c>
      <c r="C4140">
        <f t="shared" si="193"/>
        <v>4</v>
      </c>
      <c r="D4140">
        <f t="shared" si="194"/>
        <v>6</v>
      </c>
    </row>
    <row r="4141" spans="1:4" x14ac:dyDescent="0.25">
      <c r="A4141" s="7">
        <f t="shared" si="195"/>
        <v>44734.208333323309</v>
      </c>
      <c r="B4141" s="8">
        <v>-4.9800999999999998E-2</v>
      </c>
      <c r="C4141">
        <f t="shared" si="193"/>
        <v>5</v>
      </c>
      <c r="D4141">
        <f t="shared" si="194"/>
        <v>6</v>
      </c>
    </row>
    <row r="4142" spans="1:4" x14ac:dyDescent="0.25">
      <c r="A4142" s="7">
        <f t="shared" si="195"/>
        <v>44734.249999989974</v>
      </c>
      <c r="B4142" s="8">
        <v>0.30001119496482381</v>
      </c>
      <c r="C4142">
        <f t="shared" si="193"/>
        <v>6</v>
      </c>
      <c r="D4142">
        <f t="shared" si="194"/>
        <v>6</v>
      </c>
    </row>
    <row r="4143" spans="1:4" x14ac:dyDescent="0.25">
      <c r="A4143" s="7">
        <f t="shared" si="195"/>
        <v>44734.291666656638</v>
      </c>
      <c r="B4143" s="8">
        <v>1.9163000066181071</v>
      </c>
      <c r="C4143">
        <f t="shared" si="193"/>
        <v>7</v>
      </c>
      <c r="D4143">
        <f t="shared" si="194"/>
        <v>6</v>
      </c>
    </row>
    <row r="4144" spans="1:4" x14ac:dyDescent="0.25">
      <c r="A4144" s="7">
        <f t="shared" si="195"/>
        <v>44734.333333323302</v>
      </c>
      <c r="B4144" s="8">
        <v>6.4250591434313744</v>
      </c>
      <c r="C4144">
        <f t="shared" si="193"/>
        <v>8</v>
      </c>
      <c r="D4144">
        <f t="shared" si="194"/>
        <v>6</v>
      </c>
    </row>
    <row r="4145" spans="1:4" x14ac:dyDescent="0.25">
      <c r="A4145" s="7">
        <f t="shared" si="195"/>
        <v>44734.374999989966</v>
      </c>
      <c r="B4145" s="8">
        <v>11.810958798952857</v>
      </c>
      <c r="C4145">
        <f t="shared" si="193"/>
        <v>9</v>
      </c>
      <c r="D4145">
        <f t="shared" si="194"/>
        <v>6</v>
      </c>
    </row>
    <row r="4146" spans="1:4" x14ac:dyDescent="0.25">
      <c r="A4146" s="7">
        <f t="shared" si="195"/>
        <v>44734.416666656631</v>
      </c>
      <c r="B4146" s="8">
        <v>16.497795958554185</v>
      </c>
      <c r="C4146">
        <f t="shared" si="193"/>
        <v>10</v>
      </c>
      <c r="D4146">
        <f t="shared" si="194"/>
        <v>6</v>
      </c>
    </row>
    <row r="4147" spans="1:4" x14ac:dyDescent="0.25">
      <c r="A4147" s="7">
        <f t="shared" si="195"/>
        <v>44734.458333323295</v>
      </c>
      <c r="B4147" s="8">
        <v>20.27039661852135</v>
      </c>
      <c r="C4147">
        <f t="shared" si="193"/>
        <v>11</v>
      </c>
      <c r="D4147">
        <f t="shared" si="194"/>
        <v>6</v>
      </c>
    </row>
    <row r="4148" spans="1:4" x14ac:dyDescent="0.25">
      <c r="A4148" s="7">
        <f t="shared" si="195"/>
        <v>44734.499999989959</v>
      </c>
      <c r="B4148" s="8">
        <v>20.451308834440109</v>
      </c>
      <c r="C4148">
        <f t="shared" si="193"/>
        <v>12</v>
      </c>
      <c r="D4148">
        <f t="shared" si="194"/>
        <v>6</v>
      </c>
    </row>
    <row r="4149" spans="1:4" x14ac:dyDescent="0.25">
      <c r="A4149" s="7">
        <f t="shared" si="195"/>
        <v>44734.541666656623</v>
      </c>
      <c r="B4149" s="8">
        <v>20.451306773208739</v>
      </c>
      <c r="C4149">
        <f t="shared" si="193"/>
        <v>13</v>
      </c>
      <c r="D4149">
        <f t="shared" si="194"/>
        <v>6</v>
      </c>
    </row>
    <row r="4150" spans="1:4" x14ac:dyDescent="0.25">
      <c r="A4150" s="7">
        <f t="shared" si="195"/>
        <v>44734.583333323288</v>
      </c>
      <c r="B4150" s="8">
        <v>20.451308834440109</v>
      </c>
      <c r="C4150">
        <f t="shared" si="193"/>
        <v>14</v>
      </c>
      <c r="D4150">
        <f t="shared" si="194"/>
        <v>6</v>
      </c>
    </row>
    <row r="4151" spans="1:4" x14ac:dyDescent="0.25">
      <c r="A4151" s="7">
        <f t="shared" si="195"/>
        <v>44734.624999989952</v>
      </c>
      <c r="B4151" s="8">
        <v>20.228765928586281</v>
      </c>
      <c r="C4151">
        <f t="shared" si="193"/>
        <v>15</v>
      </c>
      <c r="D4151">
        <f t="shared" si="194"/>
        <v>6</v>
      </c>
    </row>
    <row r="4152" spans="1:4" x14ac:dyDescent="0.25">
      <c r="A4152" s="7">
        <f t="shared" si="195"/>
        <v>44734.666666656616</v>
      </c>
      <c r="B4152" s="8">
        <v>16.75272287042722</v>
      </c>
      <c r="C4152">
        <f t="shared" si="193"/>
        <v>16</v>
      </c>
      <c r="D4152">
        <f t="shared" si="194"/>
        <v>6</v>
      </c>
    </row>
    <row r="4153" spans="1:4" x14ac:dyDescent="0.25">
      <c r="A4153" s="7">
        <f t="shared" si="195"/>
        <v>44734.70833332328</v>
      </c>
      <c r="B4153" s="8">
        <v>12.19545780645165</v>
      </c>
      <c r="C4153">
        <f t="shared" si="193"/>
        <v>17</v>
      </c>
      <c r="D4153">
        <f t="shared" si="194"/>
        <v>6</v>
      </c>
    </row>
    <row r="4154" spans="1:4" x14ac:dyDescent="0.25">
      <c r="A4154" s="7">
        <f t="shared" si="195"/>
        <v>44734.749999989945</v>
      </c>
      <c r="B4154" s="8">
        <v>6.7800134911200818</v>
      </c>
      <c r="C4154">
        <f t="shared" si="193"/>
        <v>18</v>
      </c>
      <c r="D4154">
        <f t="shared" si="194"/>
        <v>6</v>
      </c>
    </row>
    <row r="4155" spans="1:4" x14ac:dyDescent="0.25">
      <c r="A4155" s="7">
        <f t="shared" si="195"/>
        <v>44734.791666656609</v>
      </c>
      <c r="B4155" s="8">
        <v>2.1067041929854984</v>
      </c>
      <c r="C4155">
        <f t="shared" si="193"/>
        <v>19</v>
      </c>
      <c r="D4155">
        <f t="shared" si="194"/>
        <v>6</v>
      </c>
    </row>
    <row r="4156" spans="1:4" x14ac:dyDescent="0.25">
      <c r="A4156" s="7">
        <f t="shared" si="195"/>
        <v>44734.833333323273</v>
      </c>
      <c r="B4156" s="8">
        <v>0.39059612988469034</v>
      </c>
      <c r="C4156">
        <f t="shared" si="193"/>
        <v>20</v>
      </c>
      <c r="D4156">
        <f t="shared" si="194"/>
        <v>6</v>
      </c>
    </row>
    <row r="4157" spans="1:4" x14ac:dyDescent="0.25">
      <c r="A4157" s="7">
        <f t="shared" si="195"/>
        <v>44734.874999989937</v>
      </c>
      <c r="B4157" s="8">
        <v>-4.9800999999999998E-2</v>
      </c>
      <c r="C4157">
        <f t="shared" si="193"/>
        <v>21</v>
      </c>
      <c r="D4157">
        <f t="shared" si="194"/>
        <v>6</v>
      </c>
    </row>
    <row r="4158" spans="1:4" x14ac:dyDescent="0.25">
      <c r="A4158" s="7">
        <f t="shared" si="195"/>
        <v>44734.916666656602</v>
      </c>
      <c r="B4158" s="8">
        <v>-4.9800999999999998E-2</v>
      </c>
      <c r="C4158">
        <f t="shared" si="193"/>
        <v>22</v>
      </c>
      <c r="D4158">
        <f t="shared" si="194"/>
        <v>6</v>
      </c>
    </row>
    <row r="4159" spans="1:4" x14ac:dyDescent="0.25">
      <c r="A4159" s="7">
        <f t="shared" si="195"/>
        <v>44734.958333323266</v>
      </c>
      <c r="B4159" s="8">
        <v>-4.9800999999999998E-2</v>
      </c>
      <c r="C4159">
        <f t="shared" si="193"/>
        <v>23</v>
      </c>
      <c r="D4159">
        <f t="shared" si="194"/>
        <v>6</v>
      </c>
    </row>
    <row r="4160" spans="1:4" x14ac:dyDescent="0.25">
      <c r="A4160" s="7">
        <f t="shared" si="195"/>
        <v>44734.99999998993</v>
      </c>
      <c r="B4160" s="8">
        <v>-4.9800999999999998E-2</v>
      </c>
      <c r="C4160">
        <f t="shared" si="193"/>
        <v>0</v>
      </c>
      <c r="D4160">
        <f t="shared" si="194"/>
        <v>6</v>
      </c>
    </row>
    <row r="4161" spans="1:4" x14ac:dyDescent="0.25">
      <c r="A4161" s="7">
        <f t="shared" si="195"/>
        <v>44735.041666656594</v>
      </c>
      <c r="B4161" s="8">
        <v>-4.9800999999999998E-2</v>
      </c>
      <c r="C4161">
        <f t="shared" si="193"/>
        <v>1</v>
      </c>
      <c r="D4161">
        <f t="shared" si="194"/>
        <v>6</v>
      </c>
    </row>
    <row r="4162" spans="1:4" x14ac:dyDescent="0.25">
      <c r="A4162" s="7">
        <f t="shared" si="195"/>
        <v>44735.083333323259</v>
      </c>
      <c r="B4162" s="8">
        <v>-4.9800999999999998E-2</v>
      </c>
      <c r="C4162">
        <f t="shared" si="193"/>
        <v>2</v>
      </c>
      <c r="D4162">
        <f t="shared" si="194"/>
        <v>6</v>
      </c>
    </row>
    <row r="4163" spans="1:4" x14ac:dyDescent="0.25">
      <c r="A4163" s="7">
        <f t="shared" si="195"/>
        <v>44735.124999989923</v>
      </c>
      <c r="B4163" s="8">
        <v>-4.9800999999999998E-2</v>
      </c>
      <c r="C4163">
        <f t="shared" si="193"/>
        <v>3</v>
      </c>
      <c r="D4163">
        <f t="shared" si="194"/>
        <v>6</v>
      </c>
    </row>
    <row r="4164" spans="1:4" x14ac:dyDescent="0.25">
      <c r="A4164" s="7">
        <f t="shared" si="195"/>
        <v>44735.166666656587</v>
      </c>
      <c r="B4164" s="8">
        <v>-4.9800999999999998E-2</v>
      </c>
      <c r="C4164">
        <f t="shared" si="193"/>
        <v>4</v>
      </c>
      <c r="D4164">
        <f t="shared" si="194"/>
        <v>6</v>
      </c>
    </row>
    <row r="4165" spans="1:4" x14ac:dyDescent="0.25">
      <c r="A4165" s="7">
        <f t="shared" si="195"/>
        <v>44735.208333323251</v>
      </c>
      <c r="B4165" s="8">
        <v>-4.9800999999999998E-2</v>
      </c>
      <c r="C4165">
        <f t="shared" si="193"/>
        <v>5</v>
      </c>
      <c r="D4165">
        <f t="shared" si="194"/>
        <v>6</v>
      </c>
    </row>
    <row r="4166" spans="1:4" x14ac:dyDescent="0.25">
      <c r="A4166" s="7">
        <f t="shared" si="195"/>
        <v>44735.249999989916</v>
      </c>
      <c r="B4166" s="8">
        <v>-4.9800999999999998E-2</v>
      </c>
      <c r="C4166">
        <f t="shared" si="193"/>
        <v>6</v>
      </c>
      <c r="D4166">
        <f t="shared" si="194"/>
        <v>6</v>
      </c>
    </row>
    <row r="4167" spans="1:4" x14ac:dyDescent="0.25">
      <c r="A4167" s="7">
        <f t="shared" si="195"/>
        <v>44735.29166665658</v>
      </c>
      <c r="B4167" s="8">
        <v>0.61346883275736619</v>
      </c>
      <c r="C4167">
        <f t="shared" si="193"/>
        <v>7</v>
      </c>
      <c r="D4167">
        <f t="shared" si="194"/>
        <v>6</v>
      </c>
    </row>
    <row r="4168" spans="1:4" x14ac:dyDescent="0.25">
      <c r="A4168" s="7">
        <f t="shared" si="195"/>
        <v>44735.333333323244</v>
      </c>
      <c r="B4168" s="8">
        <v>4.2235300626024843</v>
      </c>
      <c r="C4168">
        <f t="shared" si="193"/>
        <v>8</v>
      </c>
      <c r="D4168">
        <f t="shared" si="194"/>
        <v>6</v>
      </c>
    </row>
    <row r="4169" spans="1:4" x14ac:dyDescent="0.25">
      <c r="A4169" s="7">
        <f t="shared" si="195"/>
        <v>44735.374999989908</v>
      </c>
      <c r="B4169" s="8">
        <v>9.5775022748527245</v>
      </c>
      <c r="C4169">
        <f t="shared" si="193"/>
        <v>9</v>
      </c>
      <c r="D4169">
        <f t="shared" si="194"/>
        <v>6</v>
      </c>
    </row>
    <row r="4170" spans="1:4" x14ac:dyDescent="0.25">
      <c r="A4170" s="7">
        <f t="shared" si="195"/>
        <v>44735.416666656572</v>
      </c>
      <c r="B4170" s="8">
        <v>16.61674240647903</v>
      </c>
      <c r="C4170">
        <f t="shared" ref="C4170:C4233" si="196">HOUR(A4170)</f>
        <v>10</v>
      </c>
      <c r="D4170">
        <f t="shared" ref="D4170:D4233" si="197">MONTH(A4170)</f>
        <v>6</v>
      </c>
    </row>
    <row r="4171" spans="1:4" x14ac:dyDescent="0.25">
      <c r="A4171" s="7">
        <f t="shared" ref="A4171:A4234" si="198">+A4170+1/24</f>
        <v>44735.458333323237</v>
      </c>
      <c r="B4171" s="8">
        <v>20.451273793506857</v>
      </c>
      <c r="C4171">
        <f t="shared" si="196"/>
        <v>11</v>
      </c>
      <c r="D4171">
        <f t="shared" si="197"/>
        <v>6</v>
      </c>
    </row>
    <row r="4172" spans="1:4" x14ac:dyDescent="0.25">
      <c r="A4172" s="7">
        <f t="shared" si="198"/>
        <v>44735.499999989901</v>
      </c>
      <c r="B4172" s="8">
        <v>20.451316048749899</v>
      </c>
      <c r="C4172">
        <f t="shared" si="196"/>
        <v>12</v>
      </c>
      <c r="D4172">
        <f t="shared" si="197"/>
        <v>6</v>
      </c>
    </row>
    <row r="4173" spans="1:4" x14ac:dyDescent="0.25">
      <c r="A4173" s="7">
        <f t="shared" si="198"/>
        <v>44735.541666656565</v>
      </c>
      <c r="B4173" s="8">
        <v>20.45129234458917</v>
      </c>
      <c r="C4173">
        <f t="shared" si="196"/>
        <v>13</v>
      </c>
      <c r="D4173">
        <f t="shared" si="197"/>
        <v>6</v>
      </c>
    </row>
    <row r="4174" spans="1:4" x14ac:dyDescent="0.25">
      <c r="A4174" s="7">
        <f t="shared" si="198"/>
        <v>44735.583333323229</v>
      </c>
      <c r="B4174" s="8">
        <v>16.308909869089163</v>
      </c>
      <c r="C4174">
        <f t="shared" si="196"/>
        <v>14</v>
      </c>
      <c r="D4174">
        <f t="shared" si="197"/>
        <v>6</v>
      </c>
    </row>
    <row r="4175" spans="1:4" x14ac:dyDescent="0.25">
      <c r="A4175" s="7">
        <f t="shared" si="198"/>
        <v>44735.624999989894</v>
      </c>
      <c r="B4175" s="8">
        <v>8.019965771490984</v>
      </c>
      <c r="C4175">
        <f t="shared" si="196"/>
        <v>15</v>
      </c>
      <c r="D4175">
        <f t="shared" si="197"/>
        <v>6</v>
      </c>
    </row>
    <row r="4176" spans="1:4" x14ac:dyDescent="0.25">
      <c r="A4176" s="7">
        <f t="shared" si="198"/>
        <v>44735.666666656558</v>
      </c>
      <c r="B4176" s="8">
        <v>12.678307438048426</v>
      </c>
      <c r="C4176">
        <f t="shared" si="196"/>
        <v>16</v>
      </c>
      <c r="D4176">
        <f t="shared" si="197"/>
        <v>6</v>
      </c>
    </row>
    <row r="4177" spans="1:4" x14ac:dyDescent="0.25">
      <c r="A4177" s="7">
        <f t="shared" si="198"/>
        <v>44735.708333323222</v>
      </c>
      <c r="B4177" s="8">
        <v>6.2413364385426453</v>
      </c>
      <c r="C4177">
        <f t="shared" si="196"/>
        <v>17</v>
      </c>
      <c r="D4177">
        <f t="shared" si="197"/>
        <v>6</v>
      </c>
    </row>
    <row r="4178" spans="1:4" x14ac:dyDescent="0.25">
      <c r="A4178" s="7">
        <f t="shared" si="198"/>
        <v>44735.749999989886</v>
      </c>
      <c r="B4178" s="8">
        <v>1.8036753552982432</v>
      </c>
      <c r="C4178">
        <f t="shared" si="196"/>
        <v>18</v>
      </c>
      <c r="D4178">
        <f t="shared" si="197"/>
        <v>6</v>
      </c>
    </row>
    <row r="4179" spans="1:4" x14ac:dyDescent="0.25">
      <c r="A4179" s="7">
        <f t="shared" si="198"/>
        <v>44735.791666656551</v>
      </c>
      <c r="B4179" s="8">
        <v>1.0064446542561596</v>
      </c>
      <c r="C4179">
        <f t="shared" si="196"/>
        <v>19</v>
      </c>
      <c r="D4179">
        <f t="shared" si="197"/>
        <v>6</v>
      </c>
    </row>
    <row r="4180" spans="1:4" x14ac:dyDescent="0.25">
      <c r="A4180" s="7">
        <f t="shared" si="198"/>
        <v>44735.833333323215</v>
      </c>
      <c r="B4180" s="8">
        <v>-4.9800999999999998E-2</v>
      </c>
      <c r="C4180">
        <f t="shared" si="196"/>
        <v>20</v>
      </c>
      <c r="D4180">
        <f t="shared" si="197"/>
        <v>6</v>
      </c>
    </row>
    <row r="4181" spans="1:4" x14ac:dyDescent="0.25">
      <c r="A4181" s="7">
        <f t="shared" si="198"/>
        <v>44735.874999989879</v>
      </c>
      <c r="B4181" s="8">
        <v>-4.9800999999999998E-2</v>
      </c>
      <c r="C4181">
        <f t="shared" si="196"/>
        <v>21</v>
      </c>
      <c r="D4181">
        <f t="shared" si="197"/>
        <v>6</v>
      </c>
    </row>
    <row r="4182" spans="1:4" x14ac:dyDescent="0.25">
      <c r="A4182" s="7">
        <f t="shared" si="198"/>
        <v>44735.916666656543</v>
      </c>
      <c r="B4182" s="8">
        <v>-4.9800999999999998E-2</v>
      </c>
      <c r="C4182">
        <f t="shared" si="196"/>
        <v>22</v>
      </c>
      <c r="D4182">
        <f t="shared" si="197"/>
        <v>6</v>
      </c>
    </row>
    <row r="4183" spans="1:4" x14ac:dyDescent="0.25">
      <c r="A4183" s="7">
        <f t="shared" si="198"/>
        <v>44735.958333323208</v>
      </c>
      <c r="B4183" s="8">
        <v>-4.9800999999999998E-2</v>
      </c>
      <c r="C4183">
        <f t="shared" si="196"/>
        <v>23</v>
      </c>
      <c r="D4183">
        <f t="shared" si="197"/>
        <v>6</v>
      </c>
    </row>
    <row r="4184" spans="1:4" x14ac:dyDescent="0.25">
      <c r="A4184" s="7">
        <f t="shared" si="198"/>
        <v>44735.999999989872</v>
      </c>
      <c r="B4184" s="8">
        <v>-4.9800999999999998E-2</v>
      </c>
      <c r="C4184">
        <f t="shared" si="196"/>
        <v>0</v>
      </c>
      <c r="D4184">
        <f t="shared" si="197"/>
        <v>6</v>
      </c>
    </row>
    <row r="4185" spans="1:4" x14ac:dyDescent="0.25">
      <c r="A4185" s="7">
        <f t="shared" si="198"/>
        <v>44736.041666656536</v>
      </c>
      <c r="B4185" s="8">
        <v>-4.9800999999999998E-2</v>
      </c>
      <c r="C4185">
        <f t="shared" si="196"/>
        <v>1</v>
      </c>
      <c r="D4185">
        <f t="shared" si="197"/>
        <v>6</v>
      </c>
    </row>
    <row r="4186" spans="1:4" x14ac:dyDescent="0.25">
      <c r="A4186" s="7">
        <f t="shared" si="198"/>
        <v>44736.0833333232</v>
      </c>
      <c r="B4186" s="8">
        <v>-4.9800999999999998E-2</v>
      </c>
      <c r="C4186">
        <f t="shared" si="196"/>
        <v>2</v>
      </c>
      <c r="D4186">
        <f t="shared" si="197"/>
        <v>6</v>
      </c>
    </row>
    <row r="4187" spans="1:4" x14ac:dyDescent="0.25">
      <c r="A4187" s="7">
        <f t="shared" si="198"/>
        <v>44736.124999989865</v>
      </c>
      <c r="B4187" s="8">
        <v>-4.9800999999999998E-2</v>
      </c>
      <c r="C4187">
        <f t="shared" si="196"/>
        <v>3</v>
      </c>
      <c r="D4187">
        <f t="shared" si="197"/>
        <v>6</v>
      </c>
    </row>
    <row r="4188" spans="1:4" x14ac:dyDescent="0.25">
      <c r="A4188" s="7">
        <f t="shared" si="198"/>
        <v>44736.166666656529</v>
      </c>
      <c r="B4188" s="8">
        <v>-4.9800999999999998E-2</v>
      </c>
      <c r="C4188">
        <f t="shared" si="196"/>
        <v>4</v>
      </c>
      <c r="D4188">
        <f t="shared" si="197"/>
        <v>6</v>
      </c>
    </row>
    <row r="4189" spans="1:4" x14ac:dyDescent="0.25">
      <c r="A4189" s="7">
        <f t="shared" si="198"/>
        <v>44736.208333323193</v>
      </c>
      <c r="B4189" s="8">
        <v>-4.9800999999999998E-2</v>
      </c>
      <c r="C4189">
        <f t="shared" si="196"/>
        <v>5</v>
      </c>
      <c r="D4189">
        <f t="shared" si="197"/>
        <v>6</v>
      </c>
    </row>
    <row r="4190" spans="1:4" x14ac:dyDescent="0.25">
      <c r="A4190" s="7">
        <f t="shared" si="198"/>
        <v>44736.249999989857</v>
      </c>
      <c r="B4190" s="8">
        <v>-4.9800999999999998E-2</v>
      </c>
      <c r="C4190">
        <f t="shared" si="196"/>
        <v>6</v>
      </c>
      <c r="D4190">
        <f t="shared" si="197"/>
        <v>6</v>
      </c>
    </row>
    <row r="4191" spans="1:4" x14ac:dyDescent="0.25">
      <c r="A4191" s="7">
        <f t="shared" si="198"/>
        <v>44736.291666656522</v>
      </c>
      <c r="B4191" s="8">
        <v>1.6419428972566841</v>
      </c>
      <c r="C4191">
        <f t="shared" si="196"/>
        <v>7</v>
      </c>
      <c r="D4191">
        <f t="shared" si="197"/>
        <v>6</v>
      </c>
    </row>
    <row r="4192" spans="1:4" x14ac:dyDescent="0.25">
      <c r="A4192" s="7">
        <f t="shared" si="198"/>
        <v>44736.333333323186</v>
      </c>
      <c r="B4192" s="8">
        <v>5.7065200723170619</v>
      </c>
      <c r="C4192">
        <f t="shared" si="196"/>
        <v>8</v>
      </c>
      <c r="D4192">
        <f t="shared" si="197"/>
        <v>6</v>
      </c>
    </row>
    <row r="4193" spans="1:4" x14ac:dyDescent="0.25">
      <c r="A4193" s="7">
        <f t="shared" si="198"/>
        <v>44736.37499998985</v>
      </c>
      <c r="B4193" s="8">
        <v>10.126934832707242</v>
      </c>
      <c r="C4193">
        <f t="shared" si="196"/>
        <v>9</v>
      </c>
      <c r="D4193">
        <f t="shared" si="197"/>
        <v>6</v>
      </c>
    </row>
    <row r="4194" spans="1:4" x14ac:dyDescent="0.25">
      <c r="A4194" s="7">
        <f t="shared" si="198"/>
        <v>44736.416666656514</v>
      </c>
      <c r="B4194" s="8">
        <v>10.03645192874008</v>
      </c>
      <c r="C4194">
        <f t="shared" si="196"/>
        <v>10</v>
      </c>
      <c r="D4194">
        <f t="shared" si="197"/>
        <v>6</v>
      </c>
    </row>
    <row r="4195" spans="1:4" x14ac:dyDescent="0.25">
      <c r="A4195" s="7">
        <f t="shared" si="198"/>
        <v>44736.458333323179</v>
      </c>
      <c r="B4195" s="8">
        <v>7.5863177326431375</v>
      </c>
      <c r="C4195">
        <f t="shared" si="196"/>
        <v>11</v>
      </c>
      <c r="D4195">
        <f t="shared" si="197"/>
        <v>6</v>
      </c>
    </row>
    <row r="4196" spans="1:4" x14ac:dyDescent="0.25">
      <c r="A4196" s="7">
        <f t="shared" si="198"/>
        <v>44736.499999989843</v>
      </c>
      <c r="B4196" s="8">
        <v>14.61718205060647</v>
      </c>
      <c r="C4196">
        <f t="shared" si="196"/>
        <v>12</v>
      </c>
      <c r="D4196">
        <f t="shared" si="197"/>
        <v>6</v>
      </c>
    </row>
    <row r="4197" spans="1:4" x14ac:dyDescent="0.25">
      <c r="A4197" s="7">
        <f t="shared" si="198"/>
        <v>44736.541666656507</v>
      </c>
      <c r="B4197" s="8">
        <v>8.2552790362839019</v>
      </c>
      <c r="C4197">
        <f t="shared" si="196"/>
        <v>13</v>
      </c>
      <c r="D4197">
        <f t="shared" si="197"/>
        <v>6</v>
      </c>
    </row>
    <row r="4198" spans="1:4" x14ac:dyDescent="0.25">
      <c r="A4198" s="7">
        <f t="shared" si="198"/>
        <v>44736.583333323171</v>
      </c>
      <c r="B4198" s="8">
        <v>5.432499974284271</v>
      </c>
      <c r="C4198">
        <f t="shared" si="196"/>
        <v>14</v>
      </c>
      <c r="D4198">
        <f t="shared" si="197"/>
        <v>6</v>
      </c>
    </row>
    <row r="4199" spans="1:4" x14ac:dyDescent="0.25">
      <c r="A4199" s="7">
        <f t="shared" si="198"/>
        <v>44736.624999989835</v>
      </c>
      <c r="B4199" s="8">
        <v>3.7841847802540927</v>
      </c>
      <c r="C4199">
        <f t="shared" si="196"/>
        <v>15</v>
      </c>
      <c r="D4199">
        <f t="shared" si="197"/>
        <v>6</v>
      </c>
    </row>
    <row r="4200" spans="1:4" x14ac:dyDescent="0.25">
      <c r="A4200" s="7">
        <f t="shared" si="198"/>
        <v>44736.6666666565</v>
      </c>
      <c r="B4200" s="8">
        <v>12.724761409384104</v>
      </c>
      <c r="C4200">
        <f t="shared" si="196"/>
        <v>16</v>
      </c>
      <c r="D4200">
        <f t="shared" si="197"/>
        <v>6</v>
      </c>
    </row>
    <row r="4201" spans="1:4" x14ac:dyDescent="0.25">
      <c r="A4201" s="7">
        <f t="shared" si="198"/>
        <v>44736.708333323164</v>
      </c>
      <c r="B4201" s="8">
        <v>10.224007493357199</v>
      </c>
      <c r="C4201">
        <f t="shared" si="196"/>
        <v>17</v>
      </c>
      <c r="D4201">
        <f t="shared" si="197"/>
        <v>6</v>
      </c>
    </row>
    <row r="4202" spans="1:4" x14ac:dyDescent="0.25">
      <c r="A4202" s="7">
        <f t="shared" si="198"/>
        <v>44736.749999989828</v>
      </c>
      <c r="B4202" s="8">
        <v>2.0157791548899477</v>
      </c>
      <c r="C4202">
        <f t="shared" si="196"/>
        <v>18</v>
      </c>
      <c r="D4202">
        <f t="shared" si="197"/>
        <v>6</v>
      </c>
    </row>
    <row r="4203" spans="1:4" x14ac:dyDescent="0.25">
      <c r="A4203" s="7">
        <f t="shared" si="198"/>
        <v>44736.791666656492</v>
      </c>
      <c r="B4203" s="8">
        <v>0.71668911596172957</v>
      </c>
      <c r="C4203">
        <f t="shared" si="196"/>
        <v>19</v>
      </c>
      <c r="D4203">
        <f t="shared" si="197"/>
        <v>6</v>
      </c>
    </row>
    <row r="4204" spans="1:4" x14ac:dyDescent="0.25">
      <c r="A4204" s="7">
        <f t="shared" si="198"/>
        <v>44736.833333323157</v>
      </c>
      <c r="B4204" s="8">
        <v>-4.9800999999999998E-2</v>
      </c>
      <c r="C4204">
        <f t="shared" si="196"/>
        <v>20</v>
      </c>
      <c r="D4204">
        <f t="shared" si="197"/>
        <v>6</v>
      </c>
    </row>
    <row r="4205" spans="1:4" x14ac:dyDescent="0.25">
      <c r="A4205" s="7">
        <f t="shared" si="198"/>
        <v>44736.874999989821</v>
      </c>
      <c r="B4205" s="8">
        <v>-4.9800999999999998E-2</v>
      </c>
      <c r="C4205">
        <f t="shared" si="196"/>
        <v>21</v>
      </c>
      <c r="D4205">
        <f t="shared" si="197"/>
        <v>6</v>
      </c>
    </row>
    <row r="4206" spans="1:4" x14ac:dyDescent="0.25">
      <c r="A4206" s="7">
        <f t="shared" si="198"/>
        <v>44736.916666656485</v>
      </c>
      <c r="B4206" s="8">
        <v>-4.9800999999999998E-2</v>
      </c>
      <c r="C4206">
        <f t="shared" si="196"/>
        <v>22</v>
      </c>
      <c r="D4206">
        <f t="shared" si="197"/>
        <v>6</v>
      </c>
    </row>
    <row r="4207" spans="1:4" x14ac:dyDescent="0.25">
      <c r="A4207" s="7">
        <f t="shared" si="198"/>
        <v>44736.958333323149</v>
      </c>
      <c r="B4207" s="8">
        <v>-4.9800999999999998E-2</v>
      </c>
      <c r="C4207">
        <f t="shared" si="196"/>
        <v>23</v>
      </c>
      <c r="D4207">
        <f t="shared" si="197"/>
        <v>6</v>
      </c>
    </row>
    <row r="4208" spans="1:4" x14ac:dyDescent="0.25">
      <c r="A4208" s="7">
        <f t="shared" si="198"/>
        <v>44736.999999989814</v>
      </c>
      <c r="B4208" s="8">
        <v>-4.9800999999999998E-2</v>
      </c>
      <c r="C4208">
        <f t="shared" si="196"/>
        <v>0</v>
      </c>
      <c r="D4208">
        <f t="shared" si="197"/>
        <v>6</v>
      </c>
    </row>
    <row r="4209" spans="1:4" x14ac:dyDescent="0.25">
      <c r="A4209" s="7">
        <f t="shared" si="198"/>
        <v>44737.041666656478</v>
      </c>
      <c r="B4209" s="8">
        <v>-4.9800999999999998E-2</v>
      </c>
      <c r="C4209">
        <f t="shared" si="196"/>
        <v>1</v>
      </c>
      <c r="D4209">
        <f t="shared" si="197"/>
        <v>6</v>
      </c>
    </row>
    <row r="4210" spans="1:4" x14ac:dyDescent="0.25">
      <c r="A4210" s="7">
        <f t="shared" si="198"/>
        <v>44737.083333323142</v>
      </c>
      <c r="B4210" s="8">
        <v>-4.9800999999999998E-2</v>
      </c>
      <c r="C4210">
        <f t="shared" si="196"/>
        <v>2</v>
      </c>
      <c r="D4210">
        <f t="shared" si="197"/>
        <v>6</v>
      </c>
    </row>
    <row r="4211" spans="1:4" x14ac:dyDescent="0.25">
      <c r="A4211" s="7">
        <f t="shared" si="198"/>
        <v>44737.124999989806</v>
      </c>
      <c r="B4211" s="8">
        <v>-4.9800999999999998E-2</v>
      </c>
      <c r="C4211">
        <f t="shared" si="196"/>
        <v>3</v>
      </c>
      <c r="D4211">
        <f t="shared" si="197"/>
        <v>6</v>
      </c>
    </row>
    <row r="4212" spans="1:4" x14ac:dyDescent="0.25">
      <c r="A4212" s="7">
        <f t="shared" si="198"/>
        <v>44737.166666656471</v>
      </c>
      <c r="B4212" s="8">
        <v>-4.9800999999999998E-2</v>
      </c>
      <c r="C4212">
        <f t="shared" si="196"/>
        <v>4</v>
      </c>
      <c r="D4212">
        <f t="shared" si="197"/>
        <v>6</v>
      </c>
    </row>
    <row r="4213" spans="1:4" x14ac:dyDescent="0.25">
      <c r="A4213" s="7">
        <f t="shared" si="198"/>
        <v>44737.208333323135</v>
      </c>
      <c r="B4213" s="8">
        <v>-4.9800999999999998E-2</v>
      </c>
      <c r="C4213">
        <f t="shared" si="196"/>
        <v>5</v>
      </c>
      <c r="D4213">
        <f t="shared" si="197"/>
        <v>6</v>
      </c>
    </row>
    <row r="4214" spans="1:4" x14ac:dyDescent="0.25">
      <c r="A4214" s="7">
        <f t="shared" si="198"/>
        <v>44737.249999989799</v>
      </c>
      <c r="B4214" s="8">
        <v>-4.9800999999999998E-2</v>
      </c>
      <c r="C4214">
        <f t="shared" si="196"/>
        <v>6</v>
      </c>
      <c r="D4214">
        <f t="shared" si="197"/>
        <v>6</v>
      </c>
    </row>
    <row r="4215" spans="1:4" x14ac:dyDescent="0.25">
      <c r="A4215" s="7">
        <f t="shared" si="198"/>
        <v>44737.291666656463</v>
      </c>
      <c r="B4215" s="8">
        <v>0.67152238361523087</v>
      </c>
      <c r="C4215">
        <f t="shared" si="196"/>
        <v>7</v>
      </c>
      <c r="D4215">
        <f t="shared" si="197"/>
        <v>6</v>
      </c>
    </row>
    <row r="4216" spans="1:4" x14ac:dyDescent="0.25">
      <c r="A4216" s="7">
        <f t="shared" si="198"/>
        <v>44737.333333323128</v>
      </c>
      <c r="B4216" s="8">
        <v>2.182330771869379</v>
      </c>
      <c r="C4216">
        <f t="shared" si="196"/>
        <v>8</v>
      </c>
      <c r="D4216">
        <f t="shared" si="197"/>
        <v>6</v>
      </c>
    </row>
    <row r="4217" spans="1:4" x14ac:dyDescent="0.25">
      <c r="A4217" s="7">
        <f t="shared" si="198"/>
        <v>44737.374999989792</v>
      </c>
      <c r="B4217" s="8">
        <v>2.4671589365791289</v>
      </c>
      <c r="C4217">
        <f t="shared" si="196"/>
        <v>9</v>
      </c>
      <c r="D4217">
        <f t="shared" si="197"/>
        <v>6</v>
      </c>
    </row>
    <row r="4218" spans="1:4" x14ac:dyDescent="0.25">
      <c r="A4218" s="7">
        <f t="shared" si="198"/>
        <v>44737.416666656456</v>
      </c>
      <c r="B4218" s="8">
        <v>3.5325578998008731</v>
      </c>
      <c r="C4218">
        <f t="shared" si="196"/>
        <v>10</v>
      </c>
      <c r="D4218">
        <f t="shared" si="197"/>
        <v>6</v>
      </c>
    </row>
    <row r="4219" spans="1:4" x14ac:dyDescent="0.25">
      <c r="A4219" s="7">
        <f t="shared" si="198"/>
        <v>44737.45833332312</v>
      </c>
      <c r="B4219" s="8">
        <v>3.8520363944187039</v>
      </c>
      <c r="C4219">
        <f t="shared" si="196"/>
        <v>11</v>
      </c>
      <c r="D4219">
        <f t="shared" si="197"/>
        <v>6</v>
      </c>
    </row>
    <row r="4220" spans="1:4" x14ac:dyDescent="0.25">
      <c r="A4220" s="7">
        <f t="shared" si="198"/>
        <v>44737.499999989785</v>
      </c>
      <c r="B4220" s="8">
        <v>6.8855846086993999</v>
      </c>
      <c r="C4220">
        <f t="shared" si="196"/>
        <v>12</v>
      </c>
      <c r="D4220">
        <f t="shared" si="197"/>
        <v>6</v>
      </c>
    </row>
    <row r="4221" spans="1:4" x14ac:dyDescent="0.25">
      <c r="A4221" s="7">
        <f t="shared" si="198"/>
        <v>44737.541666656449</v>
      </c>
      <c r="B4221" s="8">
        <v>9.0864850139611164</v>
      </c>
      <c r="C4221">
        <f t="shared" si="196"/>
        <v>13</v>
      </c>
      <c r="D4221">
        <f t="shared" si="197"/>
        <v>6</v>
      </c>
    </row>
    <row r="4222" spans="1:4" x14ac:dyDescent="0.25">
      <c r="A4222" s="7">
        <f t="shared" si="198"/>
        <v>44737.583333323113</v>
      </c>
      <c r="B4222" s="8">
        <v>3.9258789775537699</v>
      </c>
      <c r="C4222">
        <f t="shared" si="196"/>
        <v>14</v>
      </c>
      <c r="D4222">
        <f t="shared" si="197"/>
        <v>6</v>
      </c>
    </row>
    <row r="4223" spans="1:4" x14ac:dyDescent="0.25">
      <c r="A4223" s="7">
        <f t="shared" si="198"/>
        <v>44737.624999989777</v>
      </c>
      <c r="B4223" s="8">
        <v>10.214885513939084</v>
      </c>
      <c r="C4223">
        <f t="shared" si="196"/>
        <v>15</v>
      </c>
      <c r="D4223">
        <f t="shared" si="197"/>
        <v>6</v>
      </c>
    </row>
    <row r="4224" spans="1:4" x14ac:dyDescent="0.25">
      <c r="A4224" s="7">
        <f t="shared" si="198"/>
        <v>44737.666666656442</v>
      </c>
      <c r="B4224" s="8">
        <v>2.563334961584101</v>
      </c>
      <c r="C4224">
        <f t="shared" si="196"/>
        <v>16</v>
      </c>
      <c r="D4224">
        <f t="shared" si="197"/>
        <v>6</v>
      </c>
    </row>
    <row r="4225" spans="1:4" x14ac:dyDescent="0.25">
      <c r="A4225" s="7">
        <f t="shared" si="198"/>
        <v>44737.708333323106</v>
      </c>
      <c r="B4225" s="8">
        <v>2.1099753671661663</v>
      </c>
      <c r="C4225">
        <f t="shared" si="196"/>
        <v>17</v>
      </c>
      <c r="D4225">
        <f t="shared" si="197"/>
        <v>6</v>
      </c>
    </row>
    <row r="4226" spans="1:4" x14ac:dyDescent="0.25">
      <c r="A4226" s="7">
        <f t="shared" si="198"/>
        <v>44737.74999998977</v>
      </c>
      <c r="B4226" s="8">
        <v>1.2831154958279165</v>
      </c>
      <c r="C4226">
        <f t="shared" si="196"/>
        <v>18</v>
      </c>
      <c r="D4226">
        <f t="shared" si="197"/>
        <v>6</v>
      </c>
    </row>
    <row r="4227" spans="1:4" x14ac:dyDescent="0.25">
      <c r="A4227" s="7">
        <f t="shared" si="198"/>
        <v>44737.791666656434</v>
      </c>
      <c r="B4227" s="8">
        <v>1.3412545877875444</v>
      </c>
      <c r="C4227">
        <f t="shared" si="196"/>
        <v>19</v>
      </c>
      <c r="D4227">
        <f t="shared" si="197"/>
        <v>6</v>
      </c>
    </row>
    <row r="4228" spans="1:4" x14ac:dyDescent="0.25">
      <c r="A4228" s="7">
        <f t="shared" si="198"/>
        <v>44737.833333323098</v>
      </c>
      <c r="B4228" s="8">
        <v>0.36272003686682164</v>
      </c>
      <c r="C4228">
        <f t="shared" si="196"/>
        <v>20</v>
      </c>
      <c r="D4228">
        <f t="shared" si="197"/>
        <v>6</v>
      </c>
    </row>
    <row r="4229" spans="1:4" x14ac:dyDescent="0.25">
      <c r="A4229" s="7">
        <f t="shared" si="198"/>
        <v>44737.874999989763</v>
      </c>
      <c r="B4229" s="8">
        <v>-4.9800999999999998E-2</v>
      </c>
      <c r="C4229">
        <f t="shared" si="196"/>
        <v>21</v>
      </c>
      <c r="D4229">
        <f t="shared" si="197"/>
        <v>6</v>
      </c>
    </row>
    <row r="4230" spans="1:4" x14ac:dyDescent="0.25">
      <c r="A4230" s="7">
        <f t="shared" si="198"/>
        <v>44737.916666656427</v>
      </c>
      <c r="B4230" s="8">
        <v>-4.9800999999999998E-2</v>
      </c>
      <c r="C4230">
        <f t="shared" si="196"/>
        <v>22</v>
      </c>
      <c r="D4230">
        <f t="shared" si="197"/>
        <v>6</v>
      </c>
    </row>
    <row r="4231" spans="1:4" x14ac:dyDescent="0.25">
      <c r="A4231" s="7">
        <f t="shared" si="198"/>
        <v>44737.958333323091</v>
      </c>
      <c r="B4231" s="8">
        <v>-4.9800999999999998E-2</v>
      </c>
      <c r="C4231">
        <f t="shared" si="196"/>
        <v>23</v>
      </c>
      <c r="D4231">
        <f t="shared" si="197"/>
        <v>6</v>
      </c>
    </row>
    <row r="4232" spans="1:4" x14ac:dyDescent="0.25">
      <c r="A4232" s="7">
        <f t="shared" si="198"/>
        <v>44737.999999989755</v>
      </c>
      <c r="B4232" s="8">
        <v>-4.9800999999999998E-2</v>
      </c>
      <c r="C4232">
        <f t="shared" si="196"/>
        <v>0</v>
      </c>
      <c r="D4232">
        <f t="shared" si="197"/>
        <v>6</v>
      </c>
    </row>
    <row r="4233" spans="1:4" x14ac:dyDescent="0.25">
      <c r="A4233" s="7">
        <f t="shared" si="198"/>
        <v>44738.04166665642</v>
      </c>
      <c r="B4233" s="8">
        <v>-4.9800999999999998E-2</v>
      </c>
      <c r="C4233">
        <f t="shared" si="196"/>
        <v>1</v>
      </c>
      <c r="D4233">
        <f t="shared" si="197"/>
        <v>6</v>
      </c>
    </row>
    <row r="4234" spans="1:4" x14ac:dyDescent="0.25">
      <c r="A4234" s="7">
        <f t="shared" si="198"/>
        <v>44738.083333323084</v>
      </c>
      <c r="B4234" s="8">
        <v>-4.9800999999999998E-2</v>
      </c>
      <c r="C4234">
        <f t="shared" ref="C4234:C4297" si="199">HOUR(A4234)</f>
        <v>2</v>
      </c>
      <c r="D4234">
        <f t="shared" ref="D4234:D4297" si="200">MONTH(A4234)</f>
        <v>6</v>
      </c>
    </row>
    <row r="4235" spans="1:4" x14ac:dyDescent="0.25">
      <c r="A4235" s="7">
        <f t="shared" ref="A4235:A4298" si="201">+A4234+1/24</f>
        <v>44738.124999989748</v>
      </c>
      <c r="B4235" s="8">
        <v>-4.9800999999999998E-2</v>
      </c>
      <c r="C4235">
        <f t="shared" si="199"/>
        <v>3</v>
      </c>
      <c r="D4235">
        <f t="shared" si="200"/>
        <v>6</v>
      </c>
    </row>
    <row r="4236" spans="1:4" x14ac:dyDescent="0.25">
      <c r="A4236" s="7">
        <f t="shared" si="201"/>
        <v>44738.166666656412</v>
      </c>
      <c r="B4236" s="8">
        <v>-4.9800999999999998E-2</v>
      </c>
      <c r="C4236">
        <f t="shared" si="199"/>
        <v>4</v>
      </c>
      <c r="D4236">
        <f t="shared" si="200"/>
        <v>6</v>
      </c>
    </row>
    <row r="4237" spans="1:4" x14ac:dyDescent="0.25">
      <c r="A4237" s="7">
        <f t="shared" si="201"/>
        <v>44738.208333323077</v>
      </c>
      <c r="B4237" s="8">
        <v>-4.9800999999999998E-2</v>
      </c>
      <c r="C4237">
        <f t="shared" si="199"/>
        <v>5</v>
      </c>
      <c r="D4237">
        <f t="shared" si="200"/>
        <v>6</v>
      </c>
    </row>
    <row r="4238" spans="1:4" x14ac:dyDescent="0.25">
      <c r="A4238" s="7">
        <f t="shared" si="201"/>
        <v>44738.249999989741</v>
      </c>
      <c r="B4238" s="8">
        <v>-4.9800999999999998E-2</v>
      </c>
      <c r="C4238">
        <f t="shared" si="199"/>
        <v>6</v>
      </c>
      <c r="D4238">
        <f t="shared" si="200"/>
        <v>6</v>
      </c>
    </row>
    <row r="4239" spans="1:4" x14ac:dyDescent="0.25">
      <c r="A4239" s="7">
        <f t="shared" si="201"/>
        <v>44738.291666656405</v>
      </c>
      <c r="B4239" s="8">
        <v>0.54957375220321059</v>
      </c>
      <c r="C4239">
        <f t="shared" si="199"/>
        <v>7</v>
      </c>
      <c r="D4239">
        <f t="shared" si="200"/>
        <v>6</v>
      </c>
    </row>
    <row r="4240" spans="1:4" x14ac:dyDescent="0.25">
      <c r="A4240" s="7">
        <f t="shared" si="201"/>
        <v>44738.333333323069</v>
      </c>
      <c r="B4240" s="8">
        <v>1.3708270742210966</v>
      </c>
      <c r="C4240">
        <f t="shared" si="199"/>
        <v>8</v>
      </c>
      <c r="D4240">
        <f t="shared" si="200"/>
        <v>6</v>
      </c>
    </row>
    <row r="4241" spans="1:4" x14ac:dyDescent="0.25">
      <c r="A4241" s="7">
        <f t="shared" si="201"/>
        <v>44738.374999989734</v>
      </c>
      <c r="B4241" s="8">
        <v>2.4518645998301949</v>
      </c>
      <c r="C4241">
        <f t="shared" si="199"/>
        <v>9</v>
      </c>
      <c r="D4241">
        <f t="shared" si="200"/>
        <v>6</v>
      </c>
    </row>
    <row r="4242" spans="1:4" x14ac:dyDescent="0.25">
      <c r="A4242" s="7">
        <f t="shared" si="201"/>
        <v>44738.416666656398</v>
      </c>
      <c r="B4242" s="8">
        <v>2.6545702150005024</v>
      </c>
      <c r="C4242">
        <f t="shared" si="199"/>
        <v>10</v>
      </c>
      <c r="D4242">
        <f t="shared" si="200"/>
        <v>6</v>
      </c>
    </row>
    <row r="4243" spans="1:4" x14ac:dyDescent="0.25">
      <c r="A4243" s="7">
        <f t="shared" si="201"/>
        <v>44738.458333323062</v>
      </c>
      <c r="B4243" s="8">
        <v>3.0195297797484182</v>
      </c>
      <c r="C4243">
        <f t="shared" si="199"/>
        <v>11</v>
      </c>
      <c r="D4243">
        <f t="shared" si="200"/>
        <v>6</v>
      </c>
    </row>
    <row r="4244" spans="1:4" x14ac:dyDescent="0.25">
      <c r="A4244" s="7">
        <f t="shared" si="201"/>
        <v>44738.499999989726</v>
      </c>
      <c r="B4244" s="8">
        <v>3.7074801773648622</v>
      </c>
      <c r="C4244">
        <f t="shared" si="199"/>
        <v>12</v>
      </c>
      <c r="D4244">
        <f t="shared" si="200"/>
        <v>6</v>
      </c>
    </row>
    <row r="4245" spans="1:4" x14ac:dyDescent="0.25">
      <c r="A4245" s="7">
        <f t="shared" si="201"/>
        <v>44738.541666656391</v>
      </c>
      <c r="B4245" s="8">
        <v>4.7351668514816874</v>
      </c>
      <c r="C4245">
        <f t="shared" si="199"/>
        <v>13</v>
      </c>
      <c r="D4245">
        <f t="shared" si="200"/>
        <v>6</v>
      </c>
    </row>
    <row r="4246" spans="1:4" x14ac:dyDescent="0.25">
      <c r="A4246" s="7">
        <f t="shared" si="201"/>
        <v>44738.583333323055</v>
      </c>
      <c r="B4246" s="8">
        <v>4.3064667985321998</v>
      </c>
      <c r="C4246">
        <f t="shared" si="199"/>
        <v>14</v>
      </c>
      <c r="D4246">
        <f t="shared" si="200"/>
        <v>6</v>
      </c>
    </row>
    <row r="4247" spans="1:4" x14ac:dyDescent="0.25">
      <c r="A4247" s="7">
        <f t="shared" si="201"/>
        <v>44738.624999989719</v>
      </c>
      <c r="B4247" s="8">
        <v>3.5672587298774645</v>
      </c>
      <c r="C4247">
        <f t="shared" si="199"/>
        <v>15</v>
      </c>
      <c r="D4247">
        <f t="shared" si="200"/>
        <v>6</v>
      </c>
    </row>
    <row r="4248" spans="1:4" x14ac:dyDescent="0.25">
      <c r="A4248" s="7">
        <f t="shared" si="201"/>
        <v>44738.666666656383</v>
      </c>
      <c r="B4248" s="8">
        <v>5.7814355263790578</v>
      </c>
      <c r="C4248">
        <f t="shared" si="199"/>
        <v>16</v>
      </c>
      <c r="D4248">
        <f t="shared" si="200"/>
        <v>6</v>
      </c>
    </row>
    <row r="4249" spans="1:4" x14ac:dyDescent="0.25">
      <c r="A4249" s="7">
        <f t="shared" si="201"/>
        <v>44738.708333323048</v>
      </c>
      <c r="B4249" s="8">
        <v>3.6739274531601254</v>
      </c>
      <c r="C4249">
        <f t="shared" si="199"/>
        <v>17</v>
      </c>
      <c r="D4249">
        <f t="shared" si="200"/>
        <v>6</v>
      </c>
    </row>
    <row r="4250" spans="1:4" x14ac:dyDescent="0.25">
      <c r="A4250" s="7">
        <f t="shared" si="201"/>
        <v>44738.749999989712</v>
      </c>
      <c r="B4250" s="8">
        <v>2.6386430802216592</v>
      </c>
      <c r="C4250">
        <f t="shared" si="199"/>
        <v>18</v>
      </c>
      <c r="D4250">
        <f t="shared" si="200"/>
        <v>6</v>
      </c>
    </row>
    <row r="4251" spans="1:4" x14ac:dyDescent="0.25">
      <c r="A4251" s="7">
        <f t="shared" si="201"/>
        <v>44738.791666656376</v>
      </c>
      <c r="B4251" s="8">
        <v>0.80482221616962069</v>
      </c>
      <c r="C4251">
        <f t="shared" si="199"/>
        <v>19</v>
      </c>
      <c r="D4251">
        <f t="shared" si="200"/>
        <v>6</v>
      </c>
    </row>
    <row r="4252" spans="1:4" x14ac:dyDescent="0.25">
      <c r="A4252" s="7">
        <f t="shared" si="201"/>
        <v>44738.83333332304</v>
      </c>
      <c r="B4252" s="8">
        <v>-4.9800999999999998E-2</v>
      </c>
      <c r="C4252">
        <f t="shared" si="199"/>
        <v>20</v>
      </c>
      <c r="D4252">
        <f t="shared" si="200"/>
        <v>6</v>
      </c>
    </row>
    <row r="4253" spans="1:4" x14ac:dyDescent="0.25">
      <c r="A4253" s="7">
        <f t="shared" si="201"/>
        <v>44738.874999989705</v>
      </c>
      <c r="B4253" s="8">
        <v>-4.9800999999999998E-2</v>
      </c>
      <c r="C4253">
        <f t="shared" si="199"/>
        <v>21</v>
      </c>
      <c r="D4253">
        <f t="shared" si="200"/>
        <v>6</v>
      </c>
    </row>
    <row r="4254" spans="1:4" x14ac:dyDescent="0.25">
      <c r="A4254" s="7">
        <f t="shared" si="201"/>
        <v>44738.916666656369</v>
      </c>
      <c r="B4254" s="8">
        <v>-4.9800999999999998E-2</v>
      </c>
      <c r="C4254">
        <f t="shared" si="199"/>
        <v>22</v>
      </c>
      <c r="D4254">
        <f t="shared" si="200"/>
        <v>6</v>
      </c>
    </row>
    <row r="4255" spans="1:4" x14ac:dyDescent="0.25">
      <c r="A4255" s="7">
        <f t="shared" si="201"/>
        <v>44738.958333323033</v>
      </c>
      <c r="B4255" s="8">
        <v>-4.9800999999999998E-2</v>
      </c>
      <c r="C4255">
        <f t="shared" si="199"/>
        <v>23</v>
      </c>
      <c r="D4255">
        <f t="shared" si="200"/>
        <v>6</v>
      </c>
    </row>
    <row r="4256" spans="1:4" x14ac:dyDescent="0.25">
      <c r="A4256" s="7">
        <f t="shared" si="201"/>
        <v>44738.999999989697</v>
      </c>
      <c r="B4256" s="8">
        <v>-4.9800999999999998E-2</v>
      </c>
      <c r="C4256">
        <f t="shared" si="199"/>
        <v>0</v>
      </c>
      <c r="D4256">
        <f t="shared" si="200"/>
        <v>6</v>
      </c>
    </row>
    <row r="4257" spans="1:4" x14ac:dyDescent="0.25">
      <c r="A4257" s="7">
        <f t="shared" si="201"/>
        <v>44739.041666656361</v>
      </c>
      <c r="B4257" s="8">
        <v>-4.9800999999999998E-2</v>
      </c>
      <c r="C4257">
        <f t="shared" si="199"/>
        <v>1</v>
      </c>
      <c r="D4257">
        <f t="shared" si="200"/>
        <v>6</v>
      </c>
    </row>
    <row r="4258" spans="1:4" x14ac:dyDescent="0.25">
      <c r="A4258" s="7">
        <f t="shared" si="201"/>
        <v>44739.083333323026</v>
      </c>
      <c r="B4258" s="8">
        <v>-4.9800999999999998E-2</v>
      </c>
      <c r="C4258">
        <f t="shared" si="199"/>
        <v>2</v>
      </c>
      <c r="D4258">
        <f t="shared" si="200"/>
        <v>6</v>
      </c>
    </row>
    <row r="4259" spans="1:4" x14ac:dyDescent="0.25">
      <c r="A4259" s="7">
        <f t="shared" si="201"/>
        <v>44739.12499998969</v>
      </c>
      <c r="B4259" s="8">
        <v>-4.9800999999999998E-2</v>
      </c>
      <c r="C4259">
        <f t="shared" si="199"/>
        <v>3</v>
      </c>
      <c r="D4259">
        <f t="shared" si="200"/>
        <v>6</v>
      </c>
    </row>
    <row r="4260" spans="1:4" x14ac:dyDescent="0.25">
      <c r="A4260" s="7">
        <f t="shared" si="201"/>
        <v>44739.166666656354</v>
      </c>
      <c r="B4260" s="8">
        <v>-4.9800999999999998E-2</v>
      </c>
      <c r="C4260">
        <f t="shared" si="199"/>
        <v>4</v>
      </c>
      <c r="D4260">
        <f t="shared" si="200"/>
        <v>6</v>
      </c>
    </row>
    <row r="4261" spans="1:4" x14ac:dyDescent="0.25">
      <c r="A4261" s="7">
        <f t="shared" si="201"/>
        <v>44739.208333323018</v>
      </c>
      <c r="B4261" s="8">
        <v>-4.9800999999999998E-2</v>
      </c>
      <c r="C4261">
        <f t="shared" si="199"/>
        <v>5</v>
      </c>
      <c r="D4261">
        <f t="shared" si="200"/>
        <v>6</v>
      </c>
    </row>
    <row r="4262" spans="1:4" x14ac:dyDescent="0.25">
      <c r="A4262" s="7">
        <f t="shared" si="201"/>
        <v>44739.249999989683</v>
      </c>
      <c r="B4262" s="8">
        <v>-4.9800999999999998E-2</v>
      </c>
      <c r="C4262">
        <f t="shared" si="199"/>
        <v>6</v>
      </c>
      <c r="D4262">
        <f t="shared" si="200"/>
        <v>6</v>
      </c>
    </row>
    <row r="4263" spans="1:4" x14ac:dyDescent="0.25">
      <c r="A4263" s="7">
        <f t="shared" si="201"/>
        <v>44739.291666656347</v>
      </c>
      <c r="B4263" s="8">
        <v>1.5190430075684327</v>
      </c>
      <c r="C4263">
        <f t="shared" si="199"/>
        <v>7</v>
      </c>
      <c r="D4263">
        <f t="shared" si="200"/>
        <v>6</v>
      </c>
    </row>
    <row r="4264" spans="1:4" x14ac:dyDescent="0.25">
      <c r="A4264" s="7">
        <f t="shared" si="201"/>
        <v>44739.333333323011</v>
      </c>
      <c r="B4264" s="8">
        <v>4.9098603323638539</v>
      </c>
      <c r="C4264">
        <f t="shared" si="199"/>
        <v>8</v>
      </c>
      <c r="D4264">
        <f t="shared" si="200"/>
        <v>6</v>
      </c>
    </row>
    <row r="4265" spans="1:4" x14ac:dyDescent="0.25">
      <c r="A4265" s="7">
        <f t="shared" si="201"/>
        <v>44739.374999989675</v>
      </c>
      <c r="B4265" s="8">
        <v>10.639197205306566</v>
      </c>
      <c r="C4265">
        <f t="shared" si="199"/>
        <v>9</v>
      </c>
      <c r="D4265">
        <f t="shared" si="200"/>
        <v>6</v>
      </c>
    </row>
    <row r="4266" spans="1:4" x14ac:dyDescent="0.25">
      <c r="A4266" s="7">
        <f t="shared" si="201"/>
        <v>44739.41666665634</v>
      </c>
      <c r="B4266" s="8">
        <v>12.696230875406965</v>
      </c>
      <c r="C4266">
        <f t="shared" si="199"/>
        <v>10</v>
      </c>
      <c r="D4266">
        <f t="shared" si="200"/>
        <v>6</v>
      </c>
    </row>
    <row r="4267" spans="1:4" x14ac:dyDescent="0.25">
      <c r="A4267" s="7">
        <f t="shared" si="201"/>
        <v>44739.458333323004</v>
      </c>
      <c r="B4267" s="8">
        <v>17.545101432829551</v>
      </c>
      <c r="C4267">
        <f t="shared" si="199"/>
        <v>11</v>
      </c>
      <c r="D4267">
        <f t="shared" si="200"/>
        <v>6</v>
      </c>
    </row>
    <row r="4268" spans="1:4" x14ac:dyDescent="0.25">
      <c r="A4268" s="7">
        <f t="shared" si="201"/>
        <v>44739.499999989668</v>
      </c>
      <c r="B4268" s="8">
        <v>20.451312956902846</v>
      </c>
      <c r="C4268">
        <f t="shared" si="199"/>
        <v>12</v>
      </c>
      <c r="D4268">
        <f t="shared" si="200"/>
        <v>6</v>
      </c>
    </row>
    <row r="4269" spans="1:4" x14ac:dyDescent="0.25">
      <c r="A4269" s="7">
        <f t="shared" si="201"/>
        <v>44739.541666656332</v>
      </c>
      <c r="B4269" s="8">
        <v>18.767806359730542</v>
      </c>
      <c r="C4269">
        <f t="shared" si="199"/>
        <v>13</v>
      </c>
      <c r="D4269">
        <f t="shared" si="200"/>
        <v>6</v>
      </c>
    </row>
    <row r="4270" spans="1:4" x14ac:dyDescent="0.25">
      <c r="A4270" s="7">
        <f t="shared" si="201"/>
        <v>44739.583333322997</v>
      </c>
      <c r="B4270" s="8">
        <v>20.451297497667586</v>
      </c>
      <c r="C4270">
        <f t="shared" si="199"/>
        <v>14</v>
      </c>
      <c r="D4270">
        <f t="shared" si="200"/>
        <v>6</v>
      </c>
    </row>
    <row r="4271" spans="1:4" x14ac:dyDescent="0.25">
      <c r="A4271" s="7">
        <f t="shared" si="201"/>
        <v>44739.624999989661</v>
      </c>
      <c r="B4271" s="8">
        <v>19.084537232935123</v>
      </c>
      <c r="C4271">
        <f t="shared" si="199"/>
        <v>15</v>
      </c>
      <c r="D4271">
        <f t="shared" si="200"/>
        <v>6</v>
      </c>
    </row>
    <row r="4272" spans="1:4" x14ac:dyDescent="0.25">
      <c r="A4272" s="7">
        <f t="shared" si="201"/>
        <v>44739.666666656325</v>
      </c>
      <c r="B4272" s="8">
        <v>13.560778301073722</v>
      </c>
      <c r="C4272">
        <f t="shared" si="199"/>
        <v>16</v>
      </c>
      <c r="D4272">
        <f t="shared" si="200"/>
        <v>6</v>
      </c>
    </row>
    <row r="4273" spans="1:4" x14ac:dyDescent="0.25">
      <c r="A4273" s="7">
        <f t="shared" si="201"/>
        <v>44739.708333322989</v>
      </c>
      <c r="B4273" s="8">
        <v>11.520301471935021</v>
      </c>
      <c r="C4273">
        <f t="shared" si="199"/>
        <v>17</v>
      </c>
      <c r="D4273">
        <f t="shared" si="200"/>
        <v>6</v>
      </c>
    </row>
    <row r="4274" spans="1:4" x14ac:dyDescent="0.25">
      <c r="A4274" s="7">
        <f t="shared" si="201"/>
        <v>44739.749999989654</v>
      </c>
      <c r="B4274" s="8">
        <v>5.0928884022816412</v>
      </c>
      <c r="C4274">
        <f t="shared" si="199"/>
        <v>18</v>
      </c>
      <c r="D4274">
        <f t="shared" si="200"/>
        <v>6</v>
      </c>
    </row>
    <row r="4275" spans="1:4" x14ac:dyDescent="0.25">
      <c r="A4275" s="7">
        <f t="shared" si="201"/>
        <v>44739.791666656318</v>
      </c>
      <c r="B4275" s="8">
        <v>1.6262476510067165</v>
      </c>
      <c r="C4275">
        <f t="shared" si="199"/>
        <v>19</v>
      </c>
      <c r="D4275">
        <f t="shared" si="200"/>
        <v>6</v>
      </c>
    </row>
    <row r="4276" spans="1:4" x14ac:dyDescent="0.25">
      <c r="A4276" s="7">
        <f t="shared" si="201"/>
        <v>44739.833333322982</v>
      </c>
      <c r="B4276" s="8">
        <v>-4.9800999999999998E-2</v>
      </c>
      <c r="C4276">
        <f t="shared" si="199"/>
        <v>20</v>
      </c>
      <c r="D4276">
        <f t="shared" si="200"/>
        <v>6</v>
      </c>
    </row>
    <row r="4277" spans="1:4" x14ac:dyDescent="0.25">
      <c r="A4277" s="7">
        <f t="shared" si="201"/>
        <v>44739.874999989646</v>
      </c>
      <c r="B4277" s="8">
        <v>-4.9800999999999998E-2</v>
      </c>
      <c r="C4277">
        <f t="shared" si="199"/>
        <v>21</v>
      </c>
      <c r="D4277">
        <f t="shared" si="200"/>
        <v>6</v>
      </c>
    </row>
    <row r="4278" spans="1:4" x14ac:dyDescent="0.25">
      <c r="A4278" s="7">
        <f t="shared" si="201"/>
        <v>44739.916666656311</v>
      </c>
      <c r="B4278" s="8">
        <v>-4.9800999999999998E-2</v>
      </c>
      <c r="C4278">
        <f t="shared" si="199"/>
        <v>22</v>
      </c>
      <c r="D4278">
        <f t="shared" si="200"/>
        <v>6</v>
      </c>
    </row>
    <row r="4279" spans="1:4" x14ac:dyDescent="0.25">
      <c r="A4279" s="7">
        <f t="shared" si="201"/>
        <v>44739.958333322975</v>
      </c>
      <c r="B4279" s="8">
        <v>-4.9800999999999998E-2</v>
      </c>
      <c r="C4279">
        <f t="shared" si="199"/>
        <v>23</v>
      </c>
      <c r="D4279">
        <f t="shared" si="200"/>
        <v>6</v>
      </c>
    </row>
    <row r="4280" spans="1:4" x14ac:dyDescent="0.25">
      <c r="A4280" s="7">
        <f t="shared" si="201"/>
        <v>44739.999999989639</v>
      </c>
      <c r="B4280" s="8">
        <v>-4.9800999999999998E-2</v>
      </c>
      <c r="C4280">
        <f t="shared" si="199"/>
        <v>0</v>
      </c>
      <c r="D4280">
        <f t="shared" si="200"/>
        <v>6</v>
      </c>
    </row>
    <row r="4281" spans="1:4" x14ac:dyDescent="0.25">
      <c r="A4281" s="7">
        <f t="shared" si="201"/>
        <v>44740.041666656303</v>
      </c>
      <c r="B4281" s="8">
        <v>-4.9800999999999998E-2</v>
      </c>
      <c r="C4281">
        <f t="shared" si="199"/>
        <v>1</v>
      </c>
      <c r="D4281">
        <f t="shared" si="200"/>
        <v>6</v>
      </c>
    </row>
    <row r="4282" spans="1:4" x14ac:dyDescent="0.25">
      <c r="A4282" s="7">
        <f t="shared" si="201"/>
        <v>44740.083333322968</v>
      </c>
      <c r="B4282" s="8">
        <v>-4.9800999999999998E-2</v>
      </c>
      <c r="C4282">
        <f t="shared" si="199"/>
        <v>2</v>
      </c>
      <c r="D4282">
        <f t="shared" si="200"/>
        <v>6</v>
      </c>
    </row>
    <row r="4283" spans="1:4" x14ac:dyDescent="0.25">
      <c r="A4283" s="7">
        <f t="shared" si="201"/>
        <v>44740.124999989632</v>
      </c>
      <c r="B4283" s="8">
        <v>-4.9800999999999998E-2</v>
      </c>
      <c r="C4283">
        <f t="shared" si="199"/>
        <v>3</v>
      </c>
      <c r="D4283">
        <f t="shared" si="200"/>
        <v>6</v>
      </c>
    </row>
    <row r="4284" spans="1:4" x14ac:dyDescent="0.25">
      <c r="A4284" s="7">
        <f t="shared" si="201"/>
        <v>44740.166666656296</v>
      </c>
      <c r="B4284" s="8">
        <v>-4.9800999999999998E-2</v>
      </c>
      <c r="C4284">
        <f t="shared" si="199"/>
        <v>4</v>
      </c>
      <c r="D4284">
        <f t="shared" si="200"/>
        <v>6</v>
      </c>
    </row>
    <row r="4285" spans="1:4" x14ac:dyDescent="0.25">
      <c r="A4285" s="7">
        <f t="shared" si="201"/>
        <v>44740.20833332296</v>
      </c>
      <c r="B4285" s="8">
        <v>-4.9800999999999998E-2</v>
      </c>
      <c r="C4285">
        <f t="shared" si="199"/>
        <v>5</v>
      </c>
      <c r="D4285">
        <f t="shared" si="200"/>
        <v>6</v>
      </c>
    </row>
    <row r="4286" spans="1:4" x14ac:dyDescent="0.25">
      <c r="A4286" s="7">
        <f t="shared" si="201"/>
        <v>44740.249999989624</v>
      </c>
      <c r="B4286" s="8">
        <v>-4.9800999999999998E-2</v>
      </c>
      <c r="C4286">
        <f t="shared" si="199"/>
        <v>6</v>
      </c>
      <c r="D4286">
        <f t="shared" si="200"/>
        <v>6</v>
      </c>
    </row>
    <row r="4287" spans="1:4" x14ac:dyDescent="0.25">
      <c r="A4287" s="7">
        <f t="shared" si="201"/>
        <v>44740.291666656289</v>
      </c>
      <c r="B4287" s="8">
        <v>1.7610387844556958</v>
      </c>
      <c r="C4287">
        <f t="shared" si="199"/>
        <v>7</v>
      </c>
      <c r="D4287">
        <f t="shared" si="200"/>
        <v>6</v>
      </c>
    </row>
    <row r="4288" spans="1:4" x14ac:dyDescent="0.25">
      <c r="A4288" s="7">
        <f t="shared" si="201"/>
        <v>44740.333333322953</v>
      </c>
      <c r="B4288" s="8">
        <v>5.7850457731197267</v>
      </c>
      <c r="C4288">
        <f t="shared" si="199"/>
        <v>8</v>
      </c>
      <c r="D4288">
        <f t="shared" si="200"/>
        <v>6</v>
      </c>
    </row>
    <row r="4289" spans="1:4" x14ac:dyDescent="0.25">
      <c r="A4289" s="7">
        <f t="shared" si="201"/>
        <v>44740.374999989617</v>
      </c>
      <c r="B4289" s="8">
        <v>11.387609702634126</v>
      </c>
      <c r="C4289">
        <f t="shared" si="199"/>
        <v>9</v>
      </c>
      <c r="D4289">
        <f t="shared" si="200"/>
        <v>6</v>
      </c>
    </row>
    <row r="4290" spans="1:4" x14ac:dyDescent="0.25">
      <c r="A4290" s="7">
        <f t="shared" si="201"/>
        <v>44740.416666656281</v>
      </c>
      <c r="B4290" s="8">
        <v>15.607585171742874</v>
      </c>
      <c r="C4290">
        <f t="shared" si="199"/>
        <v>10</v>
      </c>
      <c r="D4290">
        <f t="shared" si="200"/>
        <v>6</v>
      </c>
    </row>
    <row r="4291" spans="1:4" x14ac:dyDescent="0.25">
      <c r="A4291" s="7">
        <f t="shared" si="201"/>
        <v>44740.458333322946</v>
      </c>
      <c r="B4291" s="8">
        <v>8.6976017673430519</v>
      </c>
      <c r="C4291">
        <f t="shared" si="199"/>
        <v>11</v>
      </c>
      <c r="D4291">
        <f t="shared" si="200"/>
        <v>6</v>
      </c>
    </row>
    <row r="4292" spans="1:4" x14ac:dyDescent="0.25">
      <c r="A4292" s="7">
        <f t="shared" si="201"/>
        <v>44740.49999998961</v>
      </c>
      <c r="B4292" s="8">
        <v>20.084961030365996</v>
      </c>
      <c r="C4292">
        <f t="shared" si="199"/>
        <v>12</v>
      </c>
      <c r="D4292">
        <f t="shared" si="200"/>
        <v>6</v>
      </c>
    </row>
    <row r="4293" spans="1:4" x14ac:dyDescent="0.25">
      <c r="A4293" s="7">
        <f t="shared" si="201"/>
        <v>44740.541666656274</v>
      </c>
      <c r="B4293" s="8">
        <v>19.520540228620657</v>
      </c>
      <c r="C4293">
        <f t="shared" si="199"/>
        <v>13</v>
      </c>
      <c r="D4293">
        <f t="shared" si="200"/>
        <v>6</v>
      </c>
    </row>
    <row r="4294" spans="1:4" x14ac:dyDescent="0.25">
      <c r="A4294" s="7">
        <f t="shared" si="201"/>
        <v>44740.583333322938</v>
      </c>
      <c r="B4294" s="8">
        <v>16.335678050246852</v>
      </c>
      <c r="C4294">
        <f t="shared" si="199"/>
        <v>14</v>
      </c>
      <c r="D4294">
        <f t="shared" si="200"/>
        <v>6</v>
      </c>
    </row>
    <row r="4295" spans="1:4" x14ac:dyDescent="0.25">
      <c r="A4295" s="7">
        <f t="shared" si="201"/>
        <v>44740.624999989603</v>
      </c>
      <c r="B4295" s="8">
        <v>13.720064077481723</v>
      </c>
      <c r="C4295">
        <f t="shared" si="199"/>
        <v>15</v>
      </c>
      <c r="D4295">
        <f t="shared" si="200"/>
        <v>6</v>
      </c>
    </row>
    <row r="4296" spans="1:4" x14ac:dyDescent="0.25">
      <c r="A4296" s="7">
        <f t="shared" si="201"/>
        <v>44740.666666656267</v>
      </c>
      <c r="B4296" s="8">
        <v>17.027480889289677</v>
      </c>
      <c r="C4296">
        <f t="shared" si="199"/>
        <v>16</v>
      </c>
      <c r="D4296">
        <f t="shared" si="200"/>
        <v>6</v>
      </c>
    </row>
    <row r="4297" spans="1:4" x14ac:dyDescent="0.25">
      <c r="A4297" s="7">
        <f t="shared" si="201"/>
        <v>44740.708333322931</v>
      </c>
      <c r="B4297" s="8">
        <v>12.61905115868746</v>
      </c>
      <c r="C4297">
        <f t="shared" si="199"/>
        <v>17</v>
      </c>
      <c r="D4297">
        <f t="shared" si="200"/>
        <v>6</v>
      </c>
    </row>
    <row r="4298" spans="1:4" x14ac:dyDescent="0.25">
      <c r="A4298" s="7">
        <f t="shared" si="201"/>
        <v>44740.749999989595</v>
      </c>
      <c r="B4298" s="8">
        <v>6.910095741509366</v>
      </c>
      <c r="C4298">
        <f t="shared" ref="C4298:C4361" si="202">HOUR(A4298)</f>
        <v>18</v>
      </c>
      <c r="D4298">
        <f t="shared" ref="D4298:D4361" si="203">MONTH(A4298)</f>
        <v>6</v>
      </c>
    </row>
    <row r="4299" spans="1:4" x14ac:dyDescent="0.25">
      <c r="A4299" s="7">
        <f t="shared" ref="A4299:A4362" si="204">+A4298+1/24</f>
        <v>44740.79166665626</v>
      </c>
      <c r="B4299" s="8">
        <v>2.2057412071289502</v>
      </c>
      <c r="C4299">
        <f t="shared" si="202"/>
        <v>19</v>
      </c>
      <c r="D4299">
        <f t="shared" si="203"/>
        <v>6</v>
      </c>
    </row>
    <row r="4300" spans="1:4" x14ac:dyDescent="0.25">
      <c r="A4300" s="7">
        <f t="shared" si="204"/>
        <v>44740.833333322924</v>
      </c>
      <c r="B4300" s="8">
        <v>0.38040849384943332</v>
      </c>
      <c r="C4300">
        <f t="shared" si="202"/>
        <v>20</v>
      </c>
      <c r="D4300">
        <f t="shared" si="203"/>
        <v>6</v>
      </c>
    </row>
    <row r="4301" spans="1:4" x14ac:dyDescent="0.25">
      <c r="A4301" s="7">
        <f t="shared" si="204"/>
        <v>44740.874999989588</v>
      </c>
      <c r="B4301" s="8">
        <v>-4.9800999999999998E-2</v>
      </c>
      <c r="C4301">
        <f t="shared" si="202"/>
        <v>21</v>
      </c>
      <c r="D4301">
        <f t="shared" si="203"/>
        <v>6</v>
      </c>
    </row>
    <row r="4302" spans="1:4" x14ac:dyDescent="0.25">
      <c r="A4302" s="7">
        <f t="shared" si="204"/>
        <v>44740.916666656252</v>
      </c>
      <c r="B4302" s="8">
        <v>-4.9800999999999998E-2</v>
      </c>
      <c r="C4302">
        <f t="shared" si="202"/>
        <v>22</v>
      </c>
      <c r="D4302">
        <f t="shared" si="203"/>
        <v>6</v>
      </c>
    </row>
    <row r="4303" spans="1:4" x14ac:dyDescent="0.25">
      <c r="A4303" s="7">
        <f t="shared" si="204"/>
        <v>44740.958333322917</v>
      </c>
      <c r="B4303" s="8">
        <v>-4.9800999999999998E-2</v>
      </c>
      <c r="C4303">
        <f t="shared" si="202"/>
        <v>23</v>
      </c>
      <c r="D4303">
        <f t="shared" si="203"/>
        <v>6</v>
      </c>
    </row>
    <row r="4304" spans="1:4" x14ac:dyDescent="0.25">
      <c r="A4304" s="7">
        <f t="shared" si="204"/>
        <v>44740.999999989581</v>
      </c>
      <c r="B4304" s="8">
        <v>-4.9800999999999998E-2</v>
      </c>
      <c r="C4304">
        <f t="shared" si="202"/>
        <v>0</v>
      </c>
      <c r="D4304">
        <f t="shared" si="203"/>
        <v>6</v>
      </c>
    </row>
    <row r="4305" spans="1:4" x14ac:dyDescent="0.25">
      <c r="A4305" s="7">
        <f t="shared" si="204"/>
        <v>44741.041666656245</v>
      </c>
      <c r="B4305" s="8">
        <v>-4.9800999999999998E-2</v>
      </c>
      <c r="C4305">
        <f t="shared" si="202"/>
        <v>1</v>
      </c>
      <c r="D4305">
        <f t="shared" si="203"/>
        <v>6</v>
      </c>
    </row>
    <row r="4306" spans="1:4" x14ac:dyDescent="0.25">
      <c r="A4306" s="7">
        <f t="shared" si="204"/>
        <v>44741.083333322909</v>
      </c>
      <c r="B4306" s="8">
        <v>-4.9800999999999998E-2</v>
      </c>
      <c r="C4306">
        <f t="shared" si="202"/>
        <v>2</v>
      </c>
      <c r="D4306">
        <f t="shared" si="203"/>
        <v>6</v>
      </c>
    </row>
    <row r="4307" spans="1:4" x14ac:dyDescent="0.25">
      <c r="A4307" s="7">
        <f t="shared" si="204"/>
        <v>44741.124999989574</v>
      </c>
      <c r="B4307" s="8">
        <v>-4.9800999999999998E-2</v>
      </c>
      <c r="C4307">
        <f t="shared" si="202"/>
        <v>3</v>
      </c>
      <c r="D4307">
        <f t="shared" si="203"/>
        <v>6</v>
      </c>
    </row>
    <row r="4308" spans="1:4" x14ac:dyDescent="0.25">
      <c r="A4308" s="7">
        <f t="shared" si="204"/>
        <v>44741.166666656238</v>
      </c>
      <c r="B4308" s="8">
        <v>-4.9800999999999998E-2</v>
      </c>
      <c r="C4308">
        <f t="shared" si="202"/>
        <v>4</v>
      </c>
      <c r="D4308">
        <f t="shared" si="203"/>
        <v>6</v>
      </c>
    </row>
    <row r="4309" spans="1:4" x14ac:dyDescent="0.25">
      <c r="A4309" s="7">
        <f t="shared" si="204"/>
        <v>44741.208333322902</v>
      </c>
      <c r="B4309" s="8">
        <v>-4.9800999999999998E-2</v>
      </c>
      <c r="C4309">
        <f t="shared" si="202"/>
        <v>5</v>
      </c>
      <c r="D4309">
        <f t="shared" si="203"/>
        <v>6</v>
      </c>
    </row>
    <row r="4310" spans="1:4" x14ac:dyDescent="0.25">
      <c r="A4310" s="7">
        <f t="shared" si="204"/>
        <v>44741.249999989566</v>
      </c>
      <c r="B4310" s="8">
        <v>0.20670028156106707</v>
      </c>
      <c r="C4310">
        <f t="shared" si="202"/>
        <v>6</v>
      </c>
      <c r="D4310">
        <f t="shared" si="203"/>
        <v>6</v>
      </c>
    </row>
    <row r="4311" spans="1:4" x14ac:dyDescent="0.25">
      <c r="A4311" s="7">
        <f t="shared" si="204"/>
        <v>44741.291666656231</v>
      </c>
      <c r="B4311" s="8">
        <v>1.9120992170905693</v>
      </c>
      <c r="C4311">
        <f t="shared" si="202"/>
        <v>7</v>
      </c>
      <c r="D4311">
        <f t="shared" si="203"/>
        <v>6</v>
      </c>
    </row>
    <row r="4312" spans="1:4" x14ac:dyDescent="0.25">
      <c r="A4312" s="7">
        <f t="shared" si="204"/>
        <v>44741.333333322895</v>
      </c>
      <c r="B4312" s="8">
        <v>6.0567624450990225</v>
      </c>
      <c r="C4312">
        <f t="shared" si="202"/>
        <v>8</v>
      </c>
      <c r="D4312">
        <f t="shared" si="203"/>
        <v>6</v>
      </c>
    </row>
    <row r="4313" spans="1:4" x14ac:dyDescent="0.25">
      <c r="A4313" s="7">
        <f t="shared" si="204"/>
        <v>44741.374999989559</v>
      </c>
      <c r="B4313" s="8">
        <v>8.7490542247455991</v>
      </c>
      <c r="C4313">
        <f t="shared" si="202"/>
        <v>9</v>
      </c>
      <c r="D4313">
        <f t="shared" si="203"/>
        <v>6</v>
      </c>
    </row>
    <row r="4314" spans="1:4" x14ac:dyDescent="0.25">
      <c r="A4314" s="7">
        <f t="shared" si="204"/>
        <v>44741.416666656223</v>
      </c>
      <c r="B4314" s="8">
        <v>13.275953228211021</v>
      </c>
      <c r="C4314">
        <f t="shared" si="202"/>
        <v>10</v>
      </c>
      <c r="D4314">
        <f t="shared" si="203"/>
        <v>6</v>
      </c>
    </row>
    <row r="4315" spans="1:4" x14ac:dyDescent="0.25">
      <c r="A4315" s="7">
        <f t="shared" si="204"/>
        <v>44741.458333322887</v>
      </c>
      <c r="B4315" s="8">
        <v>6.6997800601292106</v>
      </c>
      <c r="C4315">
        <f t="shared" si="202"/>
        <v>11</v>
      </c>
      <c r="D4315">
        <f t="shared" si="203"/>
        <v>6</v>
      </c>
    </row>
    <row r="4316" spans="1:4" x14ac:dyDescent="0.25">
      <c r="A4316" s="7">
        <f t="shared" si="204"/>
        <v>44741.499999989552</v>
      </c>
      <c r="B4316" s="8">
        <v>8.7899985246351982</v>
      </c>
      <c r="C4316">
        <f t="shared" si="202"/>
        <v>12</v>
      </c>
      <c r="D4316">
        <f t="shared" si="203"/>
        <v>6</v>
      </c>
    </row>
    <row r="4317" spans="1:4" x14ac:dyDescent="0.25">
      <c r="A4317" s="7">
        <f t="shared" si="204"/>
        <v>44741.541666656216</v>
      </c>
      <c r="B4317" s="8">
        <v>20.451315018134213</v>
      </c>
      <c r="C4317">
        <f t="shared" si="202"/>
        <v>13</v>
      </c>
      <c r="D4317">
        <f t="shared" si="203"/>
        <v>6</v>
      </c>
    </row>
    <row r="4318" spans="1:4" x14ac:dyDescent="0.25">
      <c r="A4318" s="7">
        <f t="shared" si="204"/>
        <v>44741.58333332288</v>
      </c>
      <c r="B4318" s="8">
        <v>14.042819929974325</v>
      </c>
      <c r="C4318">
        <f t="shared" si="202"/>
        <v>14</v>
      </c>
      <c r="D4318">
        <f t="shared" si="203"/>
        <v>6</v>
      </c>
    </row>
    <row r="4319" spans="1:4" x14ac:dyDescent="0.25">
      <c r="A4319" s="7">
        <f t="shared" si="204"/>
        <v>44741.624999989544</v>
      </c>
      <c r="B4319" s="8">
        <v>20.451277915969595</v>
      </c>
      <c r="C4319">
        <f t="shared" si="202"/>
        <v>15</v>
      </c>
      <c r="D4319">
        <f t="shared" si="203"/>
        <v>6</v>
      </c>
    </row>
    <row r="4320" spans="1:4" x14ac:dyDescent="0.25">
      <c r="A4320" s="7">
        <f t="shared" si="204"/>
        <v>44741.666666656209</v>
      </c>
      <c r="B4320" s="8">
        <v>15.355325493259745</v>
      </c>
      <c r="C4320">
        <f t="shared" si="202"/>
        <v>16</v>
      </c>
      <c r="D4320">
        <f t="shared" si="203"/>
        <v>6</v>
      </c>
    </row>
    <row r="4321" spans="1:4" x14ac:dyDescent="0.25">
      <c r="A4321" s="7">
        <f t="shared" si="204"/>
        <v>44741.708333322873</v>
      </c>
      <c r="B4321" s="8">
        <v>12.402891886379647</v>
      </c>
      <c r="C4321">
        <f t="shared" si="202"/>
        <v>17</v>
      </c>
      <c r="D4321">
        <f t="shared" si="203"/>
        <v>6</v>
      </c>
    </row>
    <row r="4322" spans="1:4" x14ac:dyDescent="0.25">
      <c r="A4322" s="7">
        <f t="shared" si="204"/>
        <v>44741.749999989537</v>
      </c>
      <c r="B4322" s="8">
        <v>6.6134587822935993</v>
      </c>
      <c r="C4322">
        <f t="shared" si="202"/>
        <v>18</v>
      </c>
      <c r="D4322">
        <f t="shared" si="203"/>
        <v>6</v>
      </c>
    </row>
    <row r="4323" spans="1:4" x14ac:dyDescent="0.25">
      <c r="A4323" s="7">
        <f t="shared" si="204"/>
        <v>44741.791666656201</v>
      </c>
      <c r="B4323" s="8">
        <v>2.0729041210166272</v>
      </c>
      <c r="C4323">
        <f t="shared" si="202"/>
        <v>19</v>
      </c>
      <c r="D4323">
        <f t="shared" si="203"/>
        <v>6</v>
      </c>
    </row>
    <row r="4324" spans="1:4" x14ac:dyDescent="0.25">
      <c r="A4324" s="7">
        <f t="shared" si="204"/>
        <v>44741.833333322866</v>
      </c>
      <c r="B4324" s="8">
        <v>0.34283018478341998</v>
      </c>
      <c r="C4324">
        <f t="shared" si="202"/>
        <v>20</v>
      </c>
      <c r="D4324">
        <f t="shared" si="203"/>
        <v>6</v>
      </c>
    </row>
    <row r="4325" spans="1:4" x14ac:dyDescent="0.25">
      <c r="A4325" s="7">
        <f t="shared" si="204"/>
        <v>44741.87499998953</v>
      </c>
      <c r="B4325" s="8">
        <v>-4.9800999999999998E-2</v>
      </c>
      <c r="C4325">
        <f t="shared" si="202"/>
        <v>21</v>
      </c>
      <c r="D4325">
        <f t="shared" si="203"/>
        <v>6</v>
      </c>
    </row>
    <row r="4326" spans="1:4" x14ac:dyDescent="0.25">
      <c r="A4326" s="7">
        <f t="shared" si="204"/>
        <v>44741.916666656194</v>
      </c>
      <c r="B4326" s="8">
        <v>-4.9800999999999998E-2</v>
      </c>
      <c r="C4326">
        <f t="shared" si="202"/>
        <v>22</v>
      </c>
      <c r="D4326">
        <f t="shared" si="203"/>
        <v>6</v>
      </c>
    </row>
    <row r="4327" spans="1:4" x14ac:dyDescent="0.25">
      <c r="A4327" s="7">
        <f t="shared" si="204"/>
        <v>44741.958333322858</v>
      </c>
      <c r="B4327" s="8">
        <v>-4.9800999999999998E-2</v>
      </c>
      <c r="C4327">
        <f t="shared" si="202"/>
        <v>23</v>
      </c>
      <c r="D4327">
        <f t="shared" si="203"/>
        <v>6</v>
      </c>
    </row>
    <row r="4328" spans="1:4" x14ac:dyDescent="0.25">
      <c r="A4328" s="7">
        <f t="shared" si="204"/>
        <v>44741.999999989523</v>
      </c>
      <c r="B4328" s="8">
        <v>-4.9800999999999998E-2</v>
      </c>
      <c r="C4328">
        <f t="shared" si="202"/>
        <v>0</v>
      </c>
      <c r="D4328">
        <f t="shared" si="203"/>
        <v>6</v>
      </c>
    </row>
    <row r="4329" spans="1:4" x14ac:dyDescent="0.25">
      <c r="A4329" s="7">
        <f t="shared" si="204"/>
        <v>44742.041666656187</v>
      </c>
      <c r="B4329" s="8">
        <v>-4.9800999999999998E-2</v>
      </c>
      <c r="C4329">
        <f t="shared" si="202"/>
        <v>1</v>
      </c>
      <c r="D4329">
        <f t="shared" si="203"/>
        <v>6</v>
      </c>
    </row>
    <row r="4330" spans="1:4" x14ac:dyDescent="0.25">
      <c r="A4330" s="7">
        <f t="shared" si="204"/>
        <v>44742.083333322851</v>
      </c>
      <c r="B4330" s="8">
        <v>-4.9800999999999998E-2</v>
      </c>
      <c r="C4330">
        <f t="shared" si="202"/>
        <v>2</v>
      </c>
      <c r="D4330">
        <f t="shared" si="203"/>
        <v>6</v>
      </c>
    </row>
    <row r="4331" spans="1:4" x14ac:dyDescent="0.25">
      <c r="A4331" s="7">
        <f t="shared" si="204"/>
        <v>44742.124999989515</v>
      </c>
      <c r="B4331" s="8">
        <v>-4.9800999999999998E-2</v>
      </c>
      <c r="C4331">
        <f t="shared" si="202"/>
        <v>3</v>
      </c>
      <c r="D4331">
        <f t="shared" si="203"/>
        <v>6</v>
      </c>
    </row>
    <row r="4332" spans="1:4" x14ac:dyDescent="0.25">
      <c r="A4332" s="7">
        <f t="shared" si="204"/>
        <v>44742.16666665618</v>
      </c>
      <c r="B4332" s="8">
        <v>-4.9800999999999998E-2</v>
      </c>
      <c r="C4332">
        <f t="shared" si="202"/>
        <v>4</v>
      </c>
      <c r="D4332">
        <f t="shared" si="203"/>
        <v>6</v>
      </c>
    </row>
    <row r="4333" spans="1:4" x14ac:dyDescent="0.25">
      <c r="A4333" s="7">
        <f t="shared" si="204"/>
        <v>44742.208333322844</v>
      </c>
      <c r="B4333" s="8">
        <v>-4.9800999999999998E-2</v>
      </c>
      <c r="C4333">
        <f t="shared" si="202"/>
        <v>5</v>
      </c>
      <c r="D4333">
        <f t="shared" si="203"/>
        <v>6</v>
      </c>
    </row>
    <row r="4334" spans="1:4" x14ac:dyDescent="0.25">
      <c r="A4334" s="7">
        <f t="shared" si="204"/>
        <v>44742.249999989508</v>
      </c>
      <c r="B4334" s="8">
        <v>0.18735768640581127</v>
      </c>
      <c r="C4334">
        <f t="shared" si="202"/>
        <v>6</v>
      </c>
      <c r="D4334">
        <f t="shared" si="203"/>
        <v>6</v>
      </c>
    </row>
    <row r="4335" spans="1:4" x14ac:dyDescent="0.25">
      <c r="A4335" s="7">
        <f t="shared" si="204"/>
        <v>44742.291666656172</v>
      </c>
      <c r="B4335" s="8">
        <v>1.8267013709077236</v>
      </c>
      <c r="C4335">
        <f t="shared" si="202"/>
        <v>7</v>
      </c>
      <c r="D4335">
        <f t="shared" si="203"/>
        <v>6</v>
      </c>
    </row>
    <row r="4336" spans="1:4" x14ac:dyDescent="0.25">
      <c r="A4336" s="7">
        <f t="shared" si="204"/>
        <v>44742.333333322837</v>
      </c>
      <c r="B4336" s="8">
        <v>5.8806322859535136</v>
      </c>
      <c r="C4336">
        <f t="shared" si="202"/>
        <v>8</v>
      </c>
      <c r="D4336">
        <f t="shared" si="203"/>
        <v>6</v>
      </c>
    </row>
    <row r="4337" spans="1:4" x14ac:dyDescent="0.25">
      <c r="A4337" s="7">
        <f t="shared" si="204"/>
        <v>44742.374999989501</v>
      </c>
      <c r="B4337" s="8">
        <v>11.945859177664326</v>
      </c>
      <c r="C4337">
        <f t="shared" si="202"/>
        <v>9</v>
      </c>
      <c r="D4337">
        <f t="shared" si="203"/>
        <v>6</v>
      </c>
    </row>
    <row r="4338" spans="1:4" x14ac:dyDescent="0.25">
      <c r="A4338" s="7">
        <f t="shared" si="204"/>
        <v>44742.416666656165</v>
      </c>
      <c r="B4338" s="8">
        <v>16.892254836022097</v>
      </c>
      <c r="C4338">
        <f t="shared" si="202"/>
        <v>10</v>
      </c>
      <c r="D4338">
        <f t="shared" si="203"/>
        <v>6</v>
      </c>
    </row>
    <row r="4339" spans="1:4" x14ac:dyDescent="0.25">
      <c r="A4339" s="7">
        <f t="shared" si="204"/>
        <v>44742.458333322829</v>
      </c>
      <c r="B4339" s="8">
        <v>19.247117887684524</v>
      </c>
      <c r="C4339">
        <f t="shared" si="202"/>
        <v>11</v>
      </c>
      <c r="D4339">
        <f t="shared" si="203"/>
        <v>6</v>
      </c>
    </row>
    <row r="4340" spans="1:4" x14ac:dyDescent="0.25">
      <c r="A4340" s="7">
        <f t="shared" si="204"/>
        <v>44742.499999989494</v>
      </c>
      <c r="B4340" s="8">
        <v>20.451313987518528</v>
      </c>
      <c r="C4340">
        <f t="shared" si="202"/>
        <v>12</v>
      </c>
      <c r="D4340">
        <f t="shared" si="203"/>
        <v>6</v>
      </c>
    </row>
    <row r="4341" spans="1:4" x14ac:dyDescent="0.25">
      <c r="A4341" s="7">
        <f t="shared" si="204"/>
        <v>44742.541666656158</v>
      </c>
      <c r="B4341" s="8">
        <v>20.451301620130323</v>
      </c>
      <c r="C4341">
        <f t="shared" si="202"/>
        <v>13</v>
      </c>
      <c r="D4341">
        <f t="shared" si="203"/>
        <v>6</v>
      </c>
    </row>
    <row r="4342" spans="1:4" x14ac:dyDescent="0.25">
      <c r="A4342" s="7">
        <f t="shared" si="204"/>
        <v>44742.583333322822</v>
      </c>
      <c r="B4342" s="8">
        <v>20.451313987518528</v>
      </c>
      <c r="C4342">
        <f t="shared" si="202"/>
        <v>14</v>
      </c>
      <c r="D4342">
        <f t="shared" si="203"/>
        <v>6</v>
      </c>
    </row>
    <row r="4343" spans="1:4" x14ac:dyDescent="0.25">
      <c r="A4343" s="7">
        <f t="shared" si="204"/>
        <v>44742.624999989486</v>
      </c>
      <c r="B4343" s="8">
        <v>19.923039969654283</v>
      </c>
      <c r="C4343">
        <f t="shared" si="202"/>
        <v>15</v>
      </c>
      <c r="D4343">
        <f t="shared" si="203"/>
        <v>6</v>
      </c>
    </row>
    <row r="4344" spans="1:4" x14ac:dyDescent="0.25">
      <c r="A4344" s="7">
        <f t="shared" si="204"/>
        <v>44742.66666665615</v>
      </c>
      <c r="B4344" s="8">
        <v>17.02478170681357</v>
      </c>
      <c r="C4344">
        <f t="shared" si="202"/>
        <v>16</v>
      </c>
      <c r="D4344">
        <f t="shared" si="203"/>
        <v>6</v>
      </c>
    </row>
    <row r="4345" spans="1:4" x14ac:dyDescent="0.25">
      <c r="A4345" s="7">
        <f t="shared" si="204"/>
        <v>44742.708333322815</v>
      </c>
      <c r="B4345" s="8">
        <v>12.475637894427054</v>
      </c>
      <c r="C4345">
        <f t="shared" si="202"/>
        <v>17</v>
      </c>
      <c r="D4345">
        <f t="shared" si="203"/>
        <v>6</v>
      </c>
    </row>
    <row r="4346" spans="1:4" x14ac:dyDescent="0.25">
      <c r="A4346" s="7">
        <f t="shared" si="204"/>
        <v>44742.749999989479</v>
      </c>
      <c r="B4346" s="8">
        <v>7.0166923216941539</v>
      </c>
      <c r="C4346">
        <f t="shared" si="202"/>
        <v>18</v>
      </c>
      <c r="D4346">
        <f t="shared" si="203"/>
        <v>6</v>
      </c>
    </row>
    <row r="4347" spans="1:4" x14ac:dyDescent="0.25">
      <c r="A4347" s="7">
        <f t="shared" si="204"/>
        <v>44742.791666656143</v>
      </c>
      <c r="B4347" s="8">
        <v>2.1999759429932673</v>
      </c>
      <c r="C4347">
        <f t="shared" si="202"/>
        <v>19</v>
      </c>
      <c r="D4347">
        <f t="shared" si="203"/>
        <v>6</v>
      </c>
    </row>
    <row r="4348" spans="1:4" x14ac:dyDescent="0.25">
      <c r="A4348" s="7">
        <f t="shared" si="204"/>
        <v>44742.833333322807</v>
      </c>
      <c r="B4348" s="8">
        <v>0.38053113711581632</v>
      </c>
      <c r="C4348">
        <f t="shared" si="202"/>
        <v>20</v>
      </c>
      <c r="D4348">
        <f t="shared" si="203"/>
        <v>6</v>
      </c>
    </row>
    <row r="4349" spans="1:4" x14ac:dyDescent="0.25">
      <c r="A4349" s="7">
        <f t="shared" si="204"/>
        <v>44742.874999989472</v>
      </c>
      <c r="B4349" s="8">
        <v>-4.9800999999999998E-2</v>
      </c>
      <c r="C4349">
        <f t="shared" si="202"/>
        <v>21</v>
      </c>
      <c r="D4349">
        <f t="shared" si="203"/>
        <v>6</v>
      </c>
    </row>
    <row r="4350" spans="1:4" x14ac:dyDescent="0.25">
      <c r="A4350" s="7">
        <f t="shared" si="204"/>
        <v>44742.916666656136</v>
      </c>
      <c r="B4350" s="8">
        <v>-4.9800999999999998E-2</v>
      </c>
      <c r="C4350">
        <f t="shared" si="202"/>
        <v>22</v>
      </c>
      <c r="D4350">
        <f t="shared" si="203"/>
        <v>6</v>
      </c>
    </row>
    <row r="4351" spans="1:4" x14ac:dyDescent="0.25">
      <c r="A4351" s="7">
        <f t="shared" si="204"/>
        <v>44742.9583333228</v>
      </c>
      <c r="B4351" s="8">
        <v>-4.9800999999999998E-2</v>
      </c>
      <c r="C4351">
        <f t="shared" si="202"/>
        <v>23</v>
      </c>
      <c r="D4351">
        <f t="shared" si="203"/>
        <v>6</v>
      </c>
    </row>
    <row r="4352" spans="1:4" x14ac:dyDescent="0.25">
      <c r="A4352" s="7">
        <f t="shared" si="204"/>
        <v>44742.999999989464</v>
      </c>
      <c r="B4352" s="8">
        <v>-4.9800999999999998E-2</v>
      </c>
      <c r="C4352">
        <f t="shared" si="202"/>
        <v>0</v>
      </c>
      <c r="D4352">
        <f t="shared" si="203"/>
        <v>7</v>
      </c>
    </row>
    <row r="4353" spans="1:4" x14ac:dyDescent="0.25">
      <c r="A4353" s="7">
        <f t="shared" si="204"/>
        <v>44743.041666656129</v>
      </c>
      <c r="B4353" s="8">
        <v>-4.9800999999999998E-2</v>
      </c>
      <c r="C4353">
        <f t="shared" si="202"/>
        <v>1</v>
      </c>
      <c r="D4353">
        <f t="shared" si="203"/>
        <v>7</v>
      </c>
    </row>
    <row r="4354" spans="1:4" x14ac:dyDescent="0.25">
      <c r="A4354" s="7">
        <f t="shared" si="204"/>
        <v>44743.083333322793</v>
      </c>
      <c r="B4354" s="8">
        <v>-4.9800999999999998E-2</v>
      </c>
      <c r="C4354">
        <f t="shared" si="202"/>
        <v>2</v>
      </c>
      <c r="D4354">
        <f t="shared" si="203"/>
        <v>7</v>
      </c>
    </row>
    <row r="4355" spans="1:4" x14ac:dyDescent="0.25">
      <c r="A4355" s="7">
        <f t="shared" si="204"/>
        <v>44743.124999989457</v>
      </c>
      <c r="B4355" s="8">
        <v>-4.9800999999999998E-2</v>
      </c>
      <c r="C4355">
        <f t="shared" si="202"/>
        <v>3</v>
      </c>
      <c r="D4355">
        <f t="shared" si="203"/>
        <v>7</v>
      </c>
    </row>
    <row r="4356" spans="1:4" x14ac:dyDescent="0.25">
      <c r="A4356" s="7">
        <f t="shared" si="204"/>
        <v>44743.166666656121</v>
      </c>
      <c r="B4356" s="8">
        <v>-4.9800999999999998E-2</v>
      </c>
      <c r="C4356">
        <f t="shared" si="202"/>
        <v>4</v>
      </c>
      <c r="D4356">
        <f t="shared" si="203"/>
        <v>7</v>
      </c>
    </row>
    <row r="4357" spans="1:4" x14ac:dyDescent="0.25">
      <c r="A4357" s="7">
        <f t="shared" si="204"/>
        <v>44743.208333322786</v>
      </c>
      <c r="B4357" s="8">
        <v>-4.9800999999999998E-2</v>
      </c>
      <c r="C4357">
        <f t="shared" si="202"/>
        <v>5</v>
      </c>
      <c r="D4357">
        <f t="shared" si="203"/>
        <v>7</v>
      </c>
    </row>
    <row r="4358" spans="1:4" x14ac:dyDescent="0.25">
      <c r="A4358" s="7">
        <f t="shared" si="204"/>
        <v>44743.24999998945</v>
      </c>
      <c r="B4358" s="8">
        <v>0.24041893489091068</v>
      </c>
      <c r="C4358">
        <f t="shared" si="202"/>
        <v>6</v>
      </c>
      <c r="D4358">
        <f t="shared" si="203"/>
        <v>7</v>
      </c>
    </row>
    <row r="4359" spans="1:4" x14ac:dyDescent="0.25">
      <c r="A4359" s="7">
        <f t="shared" si="204"/>
        <v>44743.291666656114</v>
      </c>
      <c r="B4359" s="8">
        <v>1.9275532992705067</v>
      </c>
      <c r="C4359">
        <f t="shared" si="202"/>
        <v>7</v>
      </c>
      <c r="D4359">
        <f t="shared" si="203"/>
        <v>7</v>
      </c>
    </row>
    <row r="4360" spans="1:4" x14ac:dyDescent="0.25">
      <c r="A4360" s="7">
        <f t="shared" si="204"/>
        <v>44743.333333322778</v>
      </c>
      <c r="B4360" s="8">
        <v>4.5553367820310129</v>
      </c>
      <c r="C4360">
        <f t="shared" si="202"/>
        <v>8</v>
      </c>
      <c r="D4360">
        <f t="shared" si="203"/>
        <v>7</v>
      </c>
    </row>
    <row r="4361" spans="1:4" x14ac:dyDescent="0.25">
      <c r="A4361" s="7">
        <f t="shared" si="204"/>
        <v>44743.374999989443</v>
      </c>
      <c r="B4361" s="8">
        <v>2.6597851303609881</v>
      </c>
      <c r="C4361">
        <f t="shared" si="202"/>
        <v>9</v>
      </c>
      <c r="D4361">
        <f t="shared" si="203"/>
        <v>7</v>
      </c>
    </row>
    <row r="4362" spans="1:4" x14ac:dyDescent="0.25">
      <c r="A4362" s="7">
        <f t="shared" si="204"/>
        <v>44743.416666656107</v>
      </c>
      <c r="B4362" s="8">
        <v>2.7790819876183583</v>
      </c>
      <c r="C4362">
        <f t="shared" ref="C4362:C4425" si="205">HOUR(A4362)</f>
        <v>10</v>
      </c>
      <c r="D4362">
        <f t="shared" ref="D4362:D4425" si="206">MONTH(A4362)</f>
        <v>7</v>
      </c>
    </row>
    <row r="4363" spans="1:4" x14ac:dyDescent="0.25">
      <c r="A4363" s="7">
        <f t="shared" ref="A4363:A4426" si="207">+A4362+1/24</f>
        <v>44743.458333322771</v>
      </c>
      <c r="B4363" s="8">
        <v>14.726747834576546</v>
      </c>
      <c r="C4363">
        <f t="shared" si="205"/>
        <v>11</v>
      </c>
      <c r="D4363">
        <f t="shared" si="206"/>
        <v>7</v>
      </c>
    </row>
    <row r="4364" spans="1:4" x14ac:dyDescent="0.25">
      <c r="A4364" s="7">
        <f t="shared" si="207"/>
        <v>44743.499999989435</v>
      </c>
      <c r="B4364" s="8">
        <v>19.992963121343514</v>
      </c>
      <c r="C4364">
        <f t="shared" si="205"/>
        <v>12</v>
      </c>
      <c r="D4364">
        <f t="shared" si="206"/>
        <v>7</v>
      </c>
    </row>
    <row r="4365" spans="1:4" x14ac:dyDescent="0.25">
      <c r="A4365" s="7">
        <f t="shared" si="207"/>
        <v>44743.5416666561</v>
      </c>
      <c r="B4365" s="8">
        <v>20.451276885353909</v>
      </c>
      <c r="C4365">
        <f t="shared" si="205"/>
        <v>13</v>
      </c>
      <c r="D4365">
        <f t="shared" si="206"/>
        <v>7</v>
      </c>
    </row>
    <row r="4366" spans="1:4" x14ac:dyDescent="0.25">
      <c r="A4366" s="7">
        <f t="shared" si="207"/>
        <v>44743.583333322764</v>
      </c>
      <c r="B4366" s="8">
        <v>20.451273793506857</v>
      </c>
      <c r="C4366">
        <f t="shared" si="205"/>
        <v>14</v>
      </c>
      <c r="D4366">
        <f t="shared" si="206"/>
        <v>7</v>
      </c>
    </row>
    <row r="4367" spans="1:4" x14ac:dyDescent="0.25">
      <c r="A4367" s="7">
        <f t="shared" si="207"/>
        <v>44743.624999989428</v>
      </c>
      <c r="B4367" s="8">
        <v>19.711723560445069</v>
      </c>
      <c r="C4367">
        <f t="shared" si="205"/>
        <v>15</v>
      </c>
      <c r="D4367">
        <f t="shared" si="206"/>
        <v>7</v>
      </c>
    </row>
    <row r="4368" spans="1:4" x14ac:dyDescent="0.25">
      <c r="A4368" s="7">
        <f t="shared" si="207"/>
        <v>44743.666666656092</v>
      </c>
      <c r="B4368" s="8">
        <v>16.237956101716044</v>
      </c>
      <c r="C4368">
        <f t="shared" si="205"/>
        <v>16</v>
      </c>
      <c r="D4368">
        <f t="shared" si="206"/>
        <v>7</v>
      </c>
    </row>
    <row r="4369" spans="1:4" x14ac:dyDescent="0.25">
      <c r="A4369" s="7">
        <f t="shared" si="207"/>
        <v>44743.708333322757</v>
      </c>
      <c r="B4369" s="8">
        <v>11.745705366927332</v>
      </c>
      <c r="C4369">
        <f t="shared" si="205"/>
        <v>17</v>
      </c>
      <c r="D4369">
        <f t="shared" si="206"/>
        <v>7</v>
      </c>
    </row>
    <row r="4370" spans="1:4" x14ac:dyDescent="0.25">
      <c r="A4370" s="7">
        <f t="shared" si="207"/>
        <v>44743.749999989421</v>
      </c>
      <c r="B4370" s="8">
        <v>6.4954532864881438</v>
      </c>
      <c r="C4370">
        <f t="shared" si="205"/>
        <v>18</v>
      </c>
      <c r="D4370">
        <f t="shared" si="206"/>
        <v>7</v>
      </c>
    </row>
    <row r="4371" spans="1:4" x14ac:dyDescent="0.25">
      <c r="A4371" s="7">
        <f t="shared" si="207"/>
        <v>44743.791666656085</v>
      </c>
      <c r="B4371" s="8">
        <v>2.1226900728583229</v>
      </c>
      <c r="C4371">
        <f t="shared" si="205"/>
        <v>19</v>
      </c>
      <c r="D4371">
        <f t="shared" si="206"/>
        <v>7</v>
      </c>
    </row>
    <row r="4372" spans="1:4" x14ac:dyDescent="0.25">
      <c r="A4372" s="7">
        <f t="shared" si="207"/>
        <v>44743.833333322749</v>
      </c>
      <c r="B4372" s="8">
        <v>0.4364162725747755</v>
      </c>
      <c r="C4372">
        <f t="shared" si="205"/>
        <v>20</v>
      </c>
      <c r="D4372">
        <f t="shared" si="206"/>
        <v>7</v>
      </c>
    </row>
    <row r="4373" spans="1:4" x14ac:dyDescent="0.25">
      <c r="A4373" s="7">
        <f t="shared" si="207"/>
        <v>44743.874999989413</v>
      </c>
      <c r="B4373" s="8">
        <v>-4.9800999999999998E-2</v>
      </c>
      <c r="C4373">
        <f t="shared" si="205"/>
        <v>21</v>
      </c>
      <c r="D4373">
        <f t="shared" si="206"/>
        <v>7</v>
      </c>
    </row>
    <row r="4374" spans="1:4" x14ac:dyDescent="0.25">
      <c r="A4374" s="7">
        <f t="shared" si="207"/>
        <v>44743.916666656078</v>
      </c>
      <c r="B4374" s="8">
        <v>-4.9800999999999998E-2</v>
      </c>
      <c r="C4374">
        <f t="shared" si="205"/>
        <v>22</v>
      </c>
      <c r="D4374">
        <f t="shared" si="206"/>
        <v>7</v>
      </c>
    </row>
    <row r="4375" spans="1:4" x14ac:dyDescent="0.25">
      <c r="A4375" s="7">
        <f t="shared" si="207"/>
        <v>44743.958333322742</v>
      </c>
      <c r="B4375" s="8">
        <v>-4.9800999999999998E-2</v>
      </c>
      <c r="C4375">
        <f t="shared" si="205"/>
        <v>23</v>
      </c>
      <c r="D4375">
        <f t="shared" si="206"/>
        <v>7</v>
      </c>
    </row>
    <row r="4376" spans="1:4" x14ac:dyDescent="0.25">
      <c r="A4376" s="7">
        <f t="shared" si="207"/>
        <v>44743.999999989406</v>
      </c>
      <c r="B4376" s="8">
        <v>-4.9800999999999998E-2</v>
      </c>
      <c r="C4376">
        <f t="shared" si="205"/>
        <v>0</v>
      </c>
      <c r="D4376">
        <f t="shared" si="206"/>
        <v>7</v>
      </c>
    </row>
    <row r="4377" spans="1:4" x14ac:dyDescent="0.25">
      <c r="A4377" s="7">
        <f t="shared" si="207"/>
        <v>44744.04166665607</v>
      </c>
      <c r="B4377" s="8">
        <v>-4.9800999999999998E-2</v>
      </c>
      <c r="C4377">
        <f t="shared" si="205"/>
        <v>1</v>
      </c>
      <c r="D4377">
        <f t="shared" si="206"/>
        <v>7</v>
      </c>
    </row>
    <row r="4378" spans="1:4" x14ac:dyDescent="0.25">
      <c r="A4378" s="7">
        <f t="shared" si="207"/>
        <v>44744.083333322735</v>
      </c>
      <c r="B4378" s="8">
        <v>-4.9800999999999998E-2</v>
      </c>
      <c r="C4378">
        <f t="shared" si="205"/>
        <v>2</v>
      </c>
      <c r="D4378">
        <f t="shared" si="206"/>
        <v>7</v>
      </c>
    </row>
    <row r="4379" spans="1:4" x14ac:dyDescent="0.25">
      <c r="A4379" s="7">
        <f t="shared" si="207"/>
        <v>44744.124999989399</v>
      </c>
      <c r="B4379" s="8">
        <v>-4.9800999999999998E-2</v>
      </c>
      <c r="C4379">
        <f t="shared" si="205"/>
        <v>3</v>
      </c>
      <c r="D4379">
        <f t="shared" si="206"/>
        <v>7</v>
      </c>
    </row>
    <row r="4380" spans="1:4" x14ac:dyDescent="0.25">
      <c r="A4380" s="7">
        <f t="shared" si="207"/>
        <v>44744.166666656063</v>
      </c>
      <c r="B4380" s="8">
        <v>-4.9800999999999998E-2</v>
      </c>
      <c r="C4380">
        <f t="shared" si="205"/>
        <v>4</v>
      </c>
      <c r="D4380">
        <f t="shared" si="206"/>
        <v>7</v>
      </c>
    </row>
    <row r="4381" spans="1:4" x14ac:dyDescent="0.25">
      <c r="A4381" s="7">
        <f t="shared" si="207"/>
        <v>44744.208333322727</v>
      </c>
      <c r="B4381" s="8">
        <v>-4.9800999999999998E-2</v>
      </c>
      <c r="C4381">
        <f t="shared" si="205"/>
        <v>5</v>
      </c>
      <c r="D4381">
        <f t="shared" si="206"/>
        <v>7</v>
      </c>
    </row>
    <row r="4382" spans="1:4" x14ac:dyDescent="0.25">
      <c r="A4382" s="7">
        <f t="shared" si="207"/>
        <v>44744.249999989392</v>
      </c>
      <c r="B4382" s="8">
        <v>-4.9800999999999998E-2</v>
      </c>
      <c r="C4382">
        <f t="shared" si="205"/>
        <v>6</v>
      </c>
      <c r="D4382">
        <f t="shared" si="206"/>
        <v>7</v>
      </c>
    </row>
    <row r="4383" spans="1:4" x14ac:dyDescent="0.25">
      <c r="A4383" s="7">
        <f t="shared" si="207"/>
        <v>44744.291666656056</v>
      </c>
      <c r="B4383" s="8">
        <v>1.7427556622234792</v>
      </c>
      <c r="C4383">
        <f t="shared" si="205"/>
        <v>7</v>
      </c>
      <c r="D4383">
        <f t="shared" si="206"/>
        <v>7</v>
      </c>
    </row>
    <row r="4384" spans="1:4" x14ac:dyDescent="0.25">
      <c r="A4384" s="7">
        <f t="shared" si="207"/>
        <v>44744.33333332272</v>
      </c>
      <c r="B4384" s="8">
        <v>5.8202969519715149</v>
      </c>
      <c r="C4384">
        <f t="shared" si="205"/>
        <v>8</v>
      </c>
      <c r="D4384">
        <f t="shared" si="206"/>
        <v>7</v>
      </c>
    </row>
    <row r="4385" spans="1:4" x14ac:dyDescent="0.25">
      <c r="A4385" s="7">
        <f t="shared" si="207"/>
        <v>44744.374999989384</v>
      </c>
      <c r="B4385" s="8">
        <v>11.097534673477691</v>
      </c>
      <c r="C4385">
        <f t="shared" si="205"/>
        <v>9</v>
      </c>
      <c r="D4385">
        <f t="shared" si="206"/>
        <v>7</v>
      </c>
    </row>
    <row r="4386" spans="1:4" x14ac:dyDescent="0.25">
      <c r="A4386" s="7">
        <f t="shared" si="207"/>
        <v>44744.416666656049</v>
      </c>
      <c r="B4386" s="8">
        <v>16.433071232374498</v>
      </c>
      <c r="C4386">
        <f t="shared" si="205"/>
        <v>10</v>
      </c>
      <c r="D4386">
        <f t="shared" si="206"/>
        <v>7</v>
      </c>
    </row>
    <row r="4387" spans="1:4" x14ac:dyDescent="0.25">
      <c r="A4387" s="7">
        <f t="shared" si="207"/>
        <v>44744.458333322713</v>
      </c>
      <c r="B4387" s="8">
        <v>19.208802688404528</v>
      </c>
      <c r="C4387">
        <f t="shared" si="205"/>
        <v>11</v>
      </c>
      <c r="D4387">
        <f t="shared" si="206"/>
        <v>7</v>
      </c>
    </row>
    <row r="4388" spans="1:4" x14ac:dyDescent="0.25">
      <c r="A4388" s="7">
        <f t="shared" si="207"/>
        <v>44744.499999989377</v>
      </c>
      <c r="B4388" s="8">
        <v>20.451310895671476</v>
      </c>
      <c r="C4388">
        <f t="shared" si="205"/>
        <v>12</v>
      </c>
      <c r="D4388">
        <f t="shared" si="206"/>
        <v>7</v>
      </c>
    </row>
    <row r="4389" spans="1:4" x14ac:dyDescent="0.25">
      <c r="A4389" s="7">
        <f t="shared" si="207"/>
        <v>44744.541666656041</v>
      </c>
      <c r="B4389" s="8">
        <v>20.451310895671476</v>
      </c>
      <c r="C4389">
        <f t="shared" si="205"/>
        <v>13</v>
      </c>
      <c r="D4389">
        <f t="shared" si="206"/>
        <v>7</v>
      </c>
    </row>
    <row r="4390" spans="1:4" x14ac:dyDescent="0.25">
      <c r="A4390" s="7">
        <f t="shared" si="207"/>
        <v>44744.583333322706</v>
      </c>
      <c r="B4390" s="8">
        <v>19.523029165497253</v>
      </c>
      <c r="C4390">
        <f t="shared" si="205"/>
        <v>14</v>
      </c>
      <c r="D4390">
        <f t="shared" si="206"/>
        <v>7</v>
      </c>
    </row>
    <row r="4391" spans="1:4" x14ac:dyDescent="0.25">
      <c r="A4391" s="7">
        <f t="shared" si="207"/>
        <v>44744.62499998937</v>
      </c>
      <c r="B4391" s="8">
        <v>17.024103561693568</v>
      </c>
      <c r="C4391">
        <f t="shared" si="205"/>
        <v>15</v>
      </c>
      <c r="D4391">
        <f t="shared" si="206"/>
        <v>7</v>
      </c>
    </row>
    <row r="4392" spans="1:4" x14ac:dyDescent="0.25">
      <c r="A4392" s="7">
        <f t="shared" si="207"/>
        <v>44744.666666656034</v>
      </c>
      <c r="B4392" s="8">
        <v>12.445437763042012</v>
      </c>
      <c r="C4392">
        <f t="shared" si="205"/>
        <v>16</v>
      </c>
      <c r="D4392">
        <f t="shared" si="206"/>
        <v>7</v>
      </c>
    </row>
    <row r="4393" spans="1:4" x14ac:dyDescent="0.25">
      <c r="A4393" s="7">
        <f t="shared" si="207"/>
        <v>44744.708333322698</v>
      </c>
      <c r="B4393" s="8">
        <v>9.2853948715676555</v>
      </c>
      <c r="C4393">
        <f t="shared" si="205"/>
        <v>17</v>
      </c>
      <c r="D4393">
        <f t="shared" si="206"/>
        <v>7</v>
      </c>
    </row>
    <row r="4394" spans="1:4" x14ac:dyDescent="0.25">
      <c r="A4394" s="7">
        <f t="shared" si="207"/>
        <v>44744.749999989363</v>
      </c>
      <c r="B4394" s="8">
        <v>5.791599458253585</v>
      </c>
      <c r="C4394">
        <f t="shared" si="205"/>
        <v>18</v>
      </c>
      <c r="D4394">
        <f t="shared" si="206"/>
        <v>7</v>
      </c>
    </row>
    <row r="4395" spans="1:4" x14ac:dyDescent="0.25">
      <c r="A4395" s="7">
        <f t="shared" si="207"/>
        <v>44744.791666656027</v>
      </c>
      <c r="B4395" s="8">
        <v>1.8872747771127003</v>
      </c>
      <c r="C4395">
        <f t="shared" si="205"/>
        <v>19</v>
      </c>
      <c r="D4395">
        <f t="shared" si="206"/>
        <v>7</v>
      </c>
    </row>
    <row r="4396" spans="1:4" x14ac:dyDescent="0.25">
      <c r="A4396" s="7">
        <f t="shared" si="207"/>
        <v>44744.833333322691</v>
      </c>
      <c r="B4396" s="8">
        <v>0.29398930752385194</v>
      </c>
      <c r="C4396">
        <f t="shared" si="205"/>
        <v>20</v>
      </c>
      <c r="D4396">
        <f t="shared" si="206"/>
        <v>7</v>
      </c>
    </row>
    <row r="4397" spans="1:4" x14ac:dyDescent="0.25">
      <c r="A4397" s="7">
        <f t="shared" si="207"/>
        <v>44744.874999989355</v>
      </c>
      <c r="B4397" s="8">
        <v>-4.9800999999999998E-2</v>
      </c>
      <c r="C4397">
        <f t="shared" si="205"/>
        <v>21</v>
      </c>
      <c r="D4397">
        <f t="shared" si="206"/>
        <v>7</v>
      </c>
    </row>
    <row r="4398" spans="1:4" x14ac:dyDescent="0.25">
      <c r="A4398" s="7">
        <f t="shared" si="207"/>
        <v>44744.91666665602</v>
      </c>
      <c r="B4398" s="8">
        <v>-4.9800999999999998E-2</v>
      </c>
      <c r="C4398">
        <f t="shared" si="205"/>
        <v>22</v>
      </c>
      <c r="D4398">
        <f t="shared" si="206"/>
        <v>7</v>
      </c>
    </row>
    <row r="4399" spans="1:4" x14ac:dyDescent="0.25">
      <c r="A4399" s="7">
        <f t="shared" si="207"/>
        <v>44744.958333322684</v>
      </c>
      <c r="B4399" s="8">
        <v>-4.9800999999999998E-2</v>
      </c>
      <c r="C4399">
        <f t="shared" si="205"/>
        <v>23</v>
      </c>
      <c r="D4399">
        <f t="shared" si="206"/>
        <v>7</v>
      </c>
    </row>
    <row r="4400" spans="1:4" x14ac:dyDescent="0.25">
      <c r="A4400" s="7">
        <f t="shared" si="207"/>
        <v>44744.999999989348</v>
      </c>
      <c r="B4400" s="8">
        <v>-4.9800999999999998E-2</v>
      </c>
      <c r="C4400">
        <f t="shared" si="205"/>
        <v>0</v>
      </c>
      <c r="D4400">
        <f t="shared" si="206"/>
        <v>7</v>
      </c>
    </row>
    <row r="4401" spans="1:4" x14ac:dyDescent="0.25">
      <c r="A4401" s="7">
        <f t="shared" si="207"/>
        <v>44745.041666656012</v>
      </c>
      <c r="B4401" s="8">
        <v>-4.9800999999999998E-2</v>
      </c>
      <c r="C4401">
        <f t="shared" si="205"/>
        <v>1</v>
      </c>
      <c r="D4401">
        <f t="shared" si="206"/>
        <v>7</v>
      </c>
    </row>
    <row r="4402" spans="1:4" x14ac:dyDescent="0.25">
      <c r="A4402" s="7">
        <f t="shared" si="207"/>
        <v>44745.083333322676</v>
      </c>
      <c r="B4402" s="8">
        <v>-4.9800999999999998E-2</v>
      </c>
      <c r="C4402">
        <f t="shared" si="205"/>
        <v>2</v>
      </c>
      <c r="D4402">
        <f t="shared" si="206"/>
        <v>7</v>
      </c>
    </row>
    <row r="4403" spans="1:4" x14ac:dyDescent="0.25">
      <c r="A4403" s="7">
        <f t="shared" si="207"/>
        <v>44745.124999989341</v>
      </c>
      <c r="B4403" s="8">
        <v>-4.9800999999999998E-2</v>
      </c>
      <c r="C4403">
        <f t="shared" si="205"/>
        <v>3</v>
      </c>
      <c r="D4403">
        <f t="shared" si="206"/>
        <v>7</v>
      </c>
    </row>
    <row r="4404" spans="1:4" x14ac:dyDescent="0.25">
      <c r="A4404" s="7">
        <f t="shared" si="207"/>
        <v>44745.166666656005</v>
      </c>
      <c r="B4404" s="8">
        <v>-4.9800999999999998E-2</v>
      </c>
      <c r="C4404">
        <f t="shared" si="205"/>
        <v>4</v>
      </c>
      <c r="D4404">
        <f t="shared" si="206"/>
        <v>7</v>
      </c>
    </row>
    <row r="4405" spans="1:4" x14ac:dyDescent="0.25">
      <c r="A4405" s="7">
        <f t="shared" si="207"/>
        <v>44745.208333322669</v>
      </c>
      <c r="B4405" s="8">
        <v>-4.9800999999999998E-2</v>
      </c>
      <c r="C4405">
        <f t="shared" si="205"/>
        <v>5</v>
      </c>
      <c r="D4405">
        <f t="shared" si="206"/>
        <v>7</v>
      </c>
    </row>
    <row r="4406" spans="1:4" x14ac:dyDescent="0.25">
      <c r="A4406" s="7">
        <f t="shared" si="207"/>
        <v>44745.249999989333</v>
      </c>
      <c r="B4406" s="8">
        <v>0.22223681299571549</v>
      </c>
      <c r="C4406">
        <f t="shared" si="205"/>
        <v>6</v>
      </c>
      <c r="D4406">
        <f t="shared" si="206"/>
        <v>7</v>
      </c>
    </row>
    <row r="4407" spans="1:4" x14ac:dyDescent="0.25">
      <c r="A4407" s="7">
        <f t="shared" si="207"/>
        <v>44745.291666655998</v>
      </c>
      <c r="B4407" s="8">
        <v>1.7870906877130783</v>
      </c>
      <c r="C4407">
        <f t="shared" si="205"/>
        <v>7</v>
      </c>
      <c r="D4407">
        <f t="shared" si="206"/>
        <v>7</v>
      </c>
    </row>
    <row r="4408" spans="1:4" x14ac:dyDescent="0.25">
      <c r="A4408" s="7">
        <f t="shared" si="207"/>
        <v>44745.333333322662</v>
      </c>
      <c r="B4408" s="8">
        <v>6.1605949140196161</v>
      </c>
      <c r="C4408">
        <f t="shared" si="205"/>
        <v>8</v>
      </c>
      <c r="D4408">
        <f t="shared" si="206"/>
        <v>7</v>
      </c>
    </row>
    <row r="4409" spans="1:4" x14ac:dyDescent="0.25">
      <c r="A4409" s="7">
        <f t="shared" si="207"/>
        <v>44745.374999989326</v>
      </c>
      <c r="B4409" s="8">
        <v>11.446281622902326</v>
      </c>
      <c r="C4409">
        <f t="shared" si="205"/>
        <v>9</v>
      </c>
      <c r="D4409">
        <f t="shared" si="206"/>
        <v>7</v>
      </c>
    </row>
    <row r="4410" spans="1:4" x14ac:dyDescent="0.25">
      <c r="A4410" s="7">
        <f t="shared" si="207"/>
        <v>44745.41666665599</v>
      </c>
      <c r="B4410" s="8">
        <v>15.885946223036211</v>
      </c>
      <c r="C4410">
        <f t="shared" si="205"/>
        <v>10</v>
      </c>
      <c r="D4410">
        <f t="shared" si="206"/>
        <v>7</v>
      </c>
    </row>
    <row r="4411" spans="1:4" x14ac:dyDescent="0.25">
      <c r="A4411" s="7">
        <f t="shared" si="207"/>
        <v>44745.458333322655</v>
      </c>
      <c r="B4411" s="8">
        <v>19.645953789961915</v>
      </c>
      <c r="C4411">
        <f t="shared" si="205"/>
        <v>11</v>
      </c>
      <c r="D4411">
        <f t="shared" si="206"/>
        <v>7</v>
      </c>
    </row>
    <row r="4412" spans="1:4" x14ac:dyDescent="0.25">
      <c r="A4412" s="7">
        <f t="shared" si="207"/>
        <v>44745.499999989319</v>
      </c>
      <c r="B4412" s="8">
        <v>20.451300589514638</v>
      </c>
      <c r="C4412">
        <f t="shared" si="205"/>
        <v>12</v>
      </c>
      <c r="D4412">
        <f t="shared" si="206"/>
        <v>7</v>
      </c>
    </row>
    <row r="4413" spans="1:4" x14ac:dyDescent="0.25">
      <c r="A4413" s="7">
        <f t="shared" si="207"/>
        <v>44745.541666655983</v>
      </c>
      <c r="B4413" s="8">
        <v>20.45130574259306</v>
      </c>
      <c r="C4413">
        <f t="shared" si="205"/>
        <v>13</v>
      </c>
      <c r="D4413">
        <f t="shared" si="206"/>
        <v>7</v>
      </c>
    </row>
    <row r="4414" spans="1:4" x14ac:dyDescent="0.25">
      <c r="A4414" s="7">
        <f t="shared" si="207"/>
        <v>44745.583333322647</v>
      </c>
      <c r="B4414" s="8">
        <v>20.4512964670519</v>
      </c>
      <c r="C4414">
        <f t="shared" si="205"/>
        <v>14</v>
      </c>
      <c r="D4414">
        <f t="shared" si="206"/>
        <v>7</v>
      </c>
    </row>
    <row r="4415" spans="1:4" x14ac:dyDescent="0.25">
      <c r="A4415" s="7">
        <f t="shared" si="207"/>
        <v>44745.624999989312</v>
      </c>
      <c r="B4415" s="8">
        <v>20.028466801037855</v>
      </c>
      <c r="C4415">
        <f t="shared" si="205"/>
        <v>15</v>
      </c>
      <c r="D4415">
        <f t="shared" si="206"/>
        <v>7</v>
      </c>
    </row>
    <row r="4416" spans="1:4" x14ac:dyDescent="0.25">
      <c r="A4416" s="7">
        <f t="shared" si="207"/>
        <v>44745.666666655976</v>
      </c>
      <c r="B4416" s="8">
        <v>16.351313520787151</v>
      </c>
      <c r="C4416">
        <f t="shared" si="205"/>
        <v>16</v>
      </c>
      <c r="D4416">
        <f t="shared" si="206"/>
        <v>7</v>
      </c>
    </row>
    <row r="4417" spans="1:4" x14ac:dyDescent="0.25">
      <c r="A4417" s="7">
        <f t="shared" si="207"/>
        <v>44745.70833332264</v>
      </c>
      <c r="B4417" s="8">
        <v>11.633257981505098</v>
      </c>
      <c r="C4417">
        <f t="shared" si="205"/>
        <v>17</v>
      </c>
      <c r="D4417">
        <f t="shared" si="206"/>
        <v>7</v>
      </c>
    </row>
    <row r="4418" spans="1:4" x14ac:dyDescent="0.25">
      <c r="A4418" s="7">
        <f t="shared" si="207"/>
        <v>44745.749999989304</v>
      </c>
      <c r="B4418" s="8">
        <v>5.8558841115362519</v>
      </c>
      <c r="C4418">
        <f t="shared" si="205"/>
        <v>18</v>
      </c>
      <c r="D4418">
        <f t="shared" si="206"/>
        <v>7</v>
      </c>
    </row>
    <row r="4419" spans="1:4" x14ac:dyDescent="0.25">
      <c r="A4419" s="7">
        <f t="shared" si="207"/>
        <v>44745.791666655969</v>
      </c>
      <c r="B4419" s="8">
        <v>2.0852354376743762</v>
      </c>
      <c r="C4419">
        <f t="shared" si="205"/>
        <v>19</v>
      </c>
      <c r="D4419">
        <f t="shared" si="206"/>
        <v>7</v>
      </c>
    </row>
    <row r="4420" spans="1:4" x14ac:dyDescent="0.25">
      <c r="A4420" s="7">
        <f t="shared" si="207"/>
        <v>44745.833333322633</v>
      </c>
      <c r="B4420" s="8">
        <v>0.292606221276071</v>
      </c>
      <c r="C4420">
        <f t="shared" si="205"/>
        <v>20</v>
      </c>
      <c r="D4420">
        <f t="shared" si="206"/>
        <v>7</v>
      </c>
    </row>
    <row r="4421" spans="1:4" x14ac:dyDescent="0.25">
      <c r="A4421" s="7">
        <f t="shared" si="207"/>
        <v>44745.874999989297</v>
      </c>
      <c r="B4421" s="8">
        <v>-4.9800999999999998E-2</v>
      </c>
      <c r="C4421">
        <f t="shared" si="205"/>
        <v>21</v>
      </c>
      <c r="D4421">
        <f t="shared" si="206"/>
        <v>7</v>
      </c>
    </row>
    <row r="4422" spans="1:4" x14ac:dyDescent="0.25">
      <c r="A4422" s="7">
        <f t="shared" si="207"/>
        <v>44745.916666655961</v>
      </c>
      <c r="B4422" s="8">
        <v>-4.9800999999999998E-2</v>
      </c>
      <c r="C4422">
        <f t="shared" si="205"/>
        <v>22</v>
      </c>
      <c r="D4422">
        <f t="shared" si="206"/>
        <v>7</v>
      </c>
    </row>
    <row r="4423" spans="1:4" x14ac:dyDescent="0.25">
      <c r="A4423" s="7">
        <f t="shared" si="207"/>
        <v>44745.958333322626</v>
      </c>
      <c r="B4423" s="8">
        <v>-4.9800999999999998E-2</v>
      </c>
      <c r="C4423">
        <f t="shared" si="205"/>
        <v>23</v>
      </c>
      <c r="D4423">
        <f t="shared" si="206"/>
        <v>7</v>
      </c>
    </row>
    <row r="4424" spans="1:4" x14ac:dyDescent="0.25">
      <c r="A4424" s="7">
        <f t="shared" si="207"/>
        <v>44745.99999998929</v>
      </c>
      <c r="B4424" s="8">
        <v>-4.9800999999999998E-2</v>
      </c>
      <c r="C4424">
        <f t="shared" si="205"/>
        <v>0</v>
      </c>
      <c r="D4424">
        <f t="shared" si="206"/>
        <v>7</v>
      </c>
    </row>
    <row r="4425" spans="1:4" x14ac:dyDescent="0.25">
      <c r="A4425" s="7">
        <f t="shared" si="207"/>
        <v>44746.041666655954</v>
      </c>
      <c r="B4425" s="8">
        <v>-4.9800999999999998E-2</v>
      </c>
      <c r="C4425">
        <f t="shared" si="205"/>
        <v>1</v>
      </c>
      <c r="D4425">
        <f t="shared" si="206"/>
        <v>7</v>
      </c>
    </row>
    <row r="4426" spans="1:4" x14ac:dyDescent="0.25">
      <c r="A4426" s="7">
        <f t="shared" si="207"/>
        <v>44746.083333322618</v>
      </c>
      <c r="B4426" s="8">
        <v>-4.9800999999999998E-2</v>
      </c>
      <c r="C4426">
        <f t="shared" ref="C4426:C4489" si="208">HOUR(A4426)</f>
        <v>2</v>
      </c>
      <c r="D4426">
        <f t="shared" ref="D4426:D4489" si="209">MONTH(A4426)</f>
        <v>7</v>
      </c>
    </row>
    <row r="4427" spans="1:4" x14ac:dyDescent="0.25">
      <c r="A4427" s="7">
        <f t="shared" ref="A4427:A4490" si="210">+A4426+1/24</f>
        <v>44746.124999989283</v>
      </c>
      <c r="B4427" s="8">
        <v>-4.9800999999999998E-2</v>
      </c>
      <c r="C4427">
        <f t="shared" si="208"/>
        <v>3</v>
      </c>
      <c r="D4427">
        <f t="shared" si="209"/>
        <v>7</v>
      </c>
    </row>
    <row r="4428" spans="1:4" x14ac:dyDescent="0.25">
      <c r="A4428" s="7">
        <f t="shared" si="210"/>
        <v>44746.166666655947</v>
      </c>
      <c r="B4428" s="8">
        <v>-4.9800999999999998E-2</v>
      </c>
      <c r="C4428">
        <f t="shared" si="208"/>
        <v>4</v>
      </c>
      <c r="D4428">
        <f t="shared" si="209"/>
        <v>7</v>
      </c>
    </row>
    <row r="4429" spans="1:4" x14ac:dyDescent="0.25">
      <c r="A4429" s="7">
        <f t="shared" si="210"/>
        <v>44746.208333322611</v>
      </c>
      <c r="B4429" s="8">
        <v>-4.9800999999999998E-2</v>
      </c>
      <c r="C4429">
        <f t="shared" si="208"/>
        <v>5</v>
      </c>
      <c r="D4429">
        <f t="shared" si="209"/>
        <v>7</v>
      </c>
    </row>
    <row r="4430" spans="1:4" x14ac:dyDescent="0.25">
      <c r="A4430" s="7">
        <f t="shared" si="210"/>
        <v>44746.249999989275</v>
      </c>
      <c r="B4430" s="8">
        <v>0.20180794890963913</v>
      </c>
      <c r="C4430">
        <f t="shared" si="208"/>
        <v>6</v>
      </c>
      <c r="D4430">
        <f t="shared" si="209"/>
        <v>7</v>
      </c>
    </row>
    <row r="4431" spans="1:4" x14ac:dyDescent="0.25">
      <c r="A4431" s="7">
        <f t="shared" si="210"/>
        <v>44746.291666655939</v>
      </c>
      <c r="B4431" s="8">
        <v>1.7183218255898045</v>
      </c>
      <c r="C4431">
        <f t="shared" si="208"/>
        <v>7</v>
      </c>
      <c r="D4431">
        <f t="shared" si="209"/>
        <v>7</v>
      </c>
    </row>
    <row r="4432" spans="1:4" x14ac:dyDescent="0.25">
      <c r="A4432" s="7">
        <f t="shared" si="210"/>
        <v>44746.333333322604</v>
      </c>
      <c r="B4432" s="8">
        <v>4.9503882635171612</v>
      </c>
      <c r="C4432">
        <f t="shared" si="208"/>
        <v>8</v>
      </c>
      <c r="D4432">
        <f t="shared" si="209"/>
        <v>7</v>
      </c>
    </row>
    <row r="4433" spans="1:4" x14ac:dyDescent="0.25">
      <c r="A4433" s="7">
        <f t="shared" si="210"/>
        <v>44746.374999989268</v>
      </c>
      <c r="B4433" s="8">
        <v>7.2018836539324269</v>
      </c>
      <c r="C4433">
        <f t="shared" si="208"/>
        <v>9</v>
      </c>
      <c r="D4433">
        <f t="shared" si="209"/>
        <v>7</v>
      </c>
    </row>
    <row r="4434" spans="1:4" x14ac:dyDescent="0.25">
      <c r="A4434" s="7">
        <f t="shared" si="210"/>
        <v>44746.416666655932</v>
      </c>
      <c r="B4434" s="8">
        <v>6.7208118343903633</v>
      </c>
      <c r="C4434">
        <f t="shared" si="208"/>
        <v>10</v>
      </c>
      <c r="D4434">
        <f t="shared" si="209"/>
        <v>7</v>
      </c>
    </row>
    <row r="4435" spans="1:4" x14ac:dyDescent="0.25">
      <c r="A4435" s="7">
        <f t="shared" si="210"/>
        <v>44746.458333322596</v>
      </c>
      <c r="B4435" s="8">
        <v>18.198607623674693</v>
      </c>
      <c r="C4435">
        <f t="shared" si="208"/>
        <v>11</v>
      </c>
      <c r="D4435">
        <f t="shared" si="209"/>
        <v>7</v>
      </c>
    </row>
    <row r="4436" spans="1:4" x14ac:dyDescent="0.25">
      <c r="A4436" s="7">
        <f t="shared" si="210"/>
        <v>44746.499999989261</v>
      </c>
      <c r="B4436" s="8">
        <v>6.6283346890748742</v>
      </c>
      <c r="C4436">
        <f t="shared" si="208"/>
        <v>12</v>
      </c>
      <c r="D4436">
        <f t="shared" si="209"/>
        <v>7</v>
      </c>
    </row>
    <row r="4437" spans="1:4" x14ac:dyDescent="0.25">
      <c r="A4437" s="7">
        <f t="shared" si="210"/>
        <v>44746.541666655925</v>
      </c>
      <c r="B4437" s="8">
        <v>20.202490381725489</v>
      </c>
      <c r="C4437">
        <f t="shared" si="208"/>
        <v>13</v>
      </c>
      <c r="D4437">
        <f t="shared" si="209"/>
        <v>7</v>
      </c>
    </row>
    <row r="4438" spans="1:4" x14ac:dyDescent="0.25">
      <c r="A4438" s="7">
        <f t="shared" si="210"/>
        <v>44746.583333322589</v>
      </c>
      <c r="B4438" s="8">
        <v>20.451283069048014</v>
      </c>
      <c r="C4438">
        <f t="shared" si="208"/>
        <v>14</v>
      </c>
      <c r="D4438">
        <f t="shared" si="209"/>
        <v>7</v>
      </c>
    </row>
    <row r="4439" spans="1:4" x14ac:dyDescent="0.25">
      <c r="A4439" s="7">
        <f t="shared" si="210"/>
        <v>44746.624999989253</v>
      </c>
      <c r="B4439" s="8">
        <v>19.429271995502368</v>
      </c>
      <c r="C4439">
        <f t="shared" si="208"/>
        <v>15</v>
      </c>
      <c r="D4439">
        <f t="shared" si="209"/>
        <v>7</v>
      </c>
    </row>
    <row r="4440" spans="1:4" x14ac:dyDescent="0.25">
      <c r="A4440" s="7">
        <f t="shared" si="210"/>
        <v>44746.666666655918</v>
      </c>
      <c r="B4440" s="8">
        <v>16.206626415541457</v>
      </c>
      <c r="C4440">
        <f t="shared" si="208"/>
        <v>16</v>
      </c>
      <c r="D4440">
        <f t="shared" si="209"/>
        <v>7</v>
      </c>
    </row>
    <row r="4441" spans="1:4" x14ac:dyDescent="0.25">
      <c r="A4441" s="7">
        <f t="shared" si="210"/>
        <v>44746.708333322582</v>
      </c>
      <c r="B4441" s="8">
        <v>11.750785271633228</v>
      </c>
      <c r="C4441">
        <f t="shared" si="208"/>
        <v>17</v>
      </c>
      <c r="D4441">
        <f t="shared" si="209"/>
        <v>7</v>
      </c>
    </row>
    <row r="4442" spans="1:4" x14ac:dyDescent="0.25">
      <c r="A4442" s="7">
        <f t="shared" si="210"/>
        <v>44746.749999989246</v>
      </c>
      <c r="B4442" s="8">
        <v>6.4536948002082708</v>
      </c>
      <c r="C4442">
        <f t="shared" si="208"/>
        <v>18</v>
      </c>
      <c r="D4442">
        <f t="shared" si="209"/>
        <v>7</v>
      </c>
    </row>
    <row r="4443" spans="1:4" x14ac:dyDescent="0.25">
      <c r="A4443" s="7">
        <f t="shared" si="210"/>
        <v>44746.79166665591</v>
      </c>
      <c r="B4443" s="8">
        <v>2.0624361575153523</v>
      </c>
      <c r="C4443">
        <f t="shared" si="208"/>
        <v>19</v>
      </c>
      <c r="D4443">
        <f t="shared" si="209"/>
        <v>7</v>
      </c>
    </row>
    <row r="4444" spans="1:4" x14ac:dyDescent="0.25">
      <c r="A4444" s="7">
        <f t="shared" si="210"/>
        <v>44746.833333322575</v>
      </c>
      <c r="B4444" s="8">
        <v>0.23532975464385963</v>
      </c>
      <c r="C4444">
        <f t="shared" si="208"/>
        <v>20</v>
      </c>
      <c r="D4444">
        <f t="shared" si="209"/>
        <v>7</v>
      </c>
    </row>
    <row r="4445" spans="1:4" x14ac:dyDescent="0.25">
      <c r="A4445" s="7">
        <f t="shared" si="210"/>
        <v>44746.874999989239</v>
      </c>
      <c r="B4445" s="8">
        <v>-4.9800999999999998E-2</v>
      </c>
      <c r="C4445">
        <f t="shared" si="208"/>
        <v>21</v>
      </c>
      <c r="D4445">
        <f t="shared" si="209"/>
        <v>7</v>
      </c>
    </row>
    <row r="4446" spans="1:4" x14ac:dyDescent="0.25">
      <c r="A4446" s="7">
        <f t="shared" si="210"/>
        <v>44746.916666655903</v>
      </c>
      <c r="B4446" s="8">
        <v>-4.9800999999999998E-2</v>
      </c>
      <c r="C4446">
        <f t="shared" si="208"/>
        <v>22</v>
      </c>
      <c r="D4446">
        <f t="shared" si="209"/>
        <v>7</v>
      </c>
    </row>
    <row r="4447" spans="1:4" x14ac:dyDescent="0.25">
      <c r="A4447" s="7">
        <f t="shared" si="210"/>
        <v>44746.958333322567</v>
      </c>
      <c r="B4447" s="8">
        <v>-4.9800999999999998E-2</v>
      </c>
      <c r="C4447">
        <f t="shared" si="208"/>
        <v>23</v>
      </c>
      <c r="D4447">
        <f t="shared" si="209"/>
        <v>7</v>
      </c>
    </row>
    <row r="4448" spans="1:4" x14ac:dyDescent="0.25">
      <c r="A4448" s="7">
        <f t="shared" si="210"/>
        <v>44746.999999989232</v>
      </c>
      <c r="B4448" s="8">
        <v>-4.9800999999999998E-2</v>
      </c>
      <c r="C4448">
        <f t="shared" si="208"/>
        <v>0</v>
      </c>
      <c r="D4448">
        <f t="shared" si="209"/>
        <v>7</v>
      </c>
    </row>
    <row r="4449" spans="1:4" x14ac:dyDescent="0.25">
      <c r="A4449" s="7">
        <f t="shared" si="210"/>
        <v>44747.041666655896</v>
      </c>
      <c r="B4449" s="8">
        <v>-4.9800999999999998E-2</v>
      </c>
      <c r="C4449">
        <f t="shared" si="208"/>
        <v>1</v>
      </c>
      <c r="D4449">
        <f t="shared" si="209"/>
        <v>7</v>
      </c>
    </row>
    <row r="4450" spans="1:4" x14ac:dyDescent="0.25">
      <c r="A4450" s="7">
        <f t="shared" si="210"/>
        <v>44747.08333332256</v>
      </c>
      <c r="B4450" s="8">
        <v>-4.9800999999999998E-2</v>
      </c>
      <c r="C4450">
        <f t="shared" si="208"/>
        <v>2</v>
      </c>
      <c r="D4450">
        <f t="shared" si="209"/>
        <v>7</v>
      </c>
    </row>
    <row r="4451" spans="1:4" x14ac:dyDescent="0.25">
      <c r="A4451" s="7">
        <f t="shared" si="210"/>
        <v>44747.124999989224</v>
      </c>
      <c r="B4451" s="8">
        <v>-4.9800999999999998E-2</v>
      </c>
      <c r="C4451">
        <f t="shared" si="208"/>
        <v>3</v>
      </c>
      <c r="D4451">
        <f t="shared" si="209"/>
        <v>7</v>
      </c>
    </row>
    <row r="4452" spans="1:4" x14ac:dyDescent="0.25">
      <c r="A4452" s="7">
        <f t="shared" si="210"/>
        <v>44747.166666655889</v>
      </c>
      <c r="B4452" s="8">
        <v>-4.9800999999999998E-2</v>
      </c>
      <c r="C4452">
        <f t="shared" si="208"/>
        <v>4</v>
      </c>
      <c r="D4452">
        <f t="shared" si="209"/>
        <v>7</v>
      </c>
    </row>
    <row r="4453" spans="1:4" x14ac:dyDescent="0.25">
      <c r="A4453" s="7">
        <f t="shared" si="210"/>
        <v>44747.208333322553</v>
      </c>
      <c r="B4453" s="8">
        <v>-4.9800999999999998E-2</v>
      </c>
      <c r="C4453">
        <f t="shared" si="208"/>
        <v>5</v>
      </c>
      <c r="D4453">
        <f t="shared" si="209"/>
        <v>7</v>
      </c>
    </row>
    <row r="4454" spans="1:4" x14ac:dyDescent="0.25">
      <c r="A4454" s="7">
        <f t="shared" si="210"/>
        <v>44747.249999989217</v>
      </c>
      <c r="B4454" s="8">
        <v>-4.9800999999999998E-2</v>
      </c>
      <c r="C4454">
        <f t="shared" si="208"/>
        <v>6</v>
      </c>
      <c r="D4454">
        <f t="shared" si="209"/>
        <v>7</v>
      </c>
    </row>
    <row r="4455" spans="1:4" x14ac:dyDescent="0.25">
      <c r="A4455" s="7">
        <f t="shared" si="210"/>
        <v>44747.291666655881</v>
      </c>
      <c r="B4455" s="8">
        <v>1.7803257263640213</v>
      </c>
      <c r="C4455">
        <f t="shared" si="208"/>
        <v>7</v>
      </c>
      <c r="D4455">
        <f t="shared" si="209"/>
        <v>7</v>
      </c>
    </row>
    <row r="4456" spans="1:4" x14ac:dyDescent="0.25">
      <c r="A4456" s="7">
        <f t="shared" si="210"/>
        <v>44747.333333322546</v>
      </c>
      <c r="B4456" s="8">
        <v>5.8081573298309692</v>
      </c>
      <c r="C4456">
        <f t="shared" si="208"/>
        <v>8</v>
      </c>
      <c r="D4456">
        <f t="shared" si="209"/>
        <v>7</v>
      </c>
    </row>
    <row r="4457" spans="1:4" x14ac:dyDescent="0.25">
      <c r="A4457" s="7">
        <f t="shared" si="210"/>
        <v>44747.37499998921</v>
      </c>
      <c r="B4457" s="8">
        <v>10.856822013116872</v>
      </c>
      <c r="C4457">
        <f t="shared" si="208"/>
        <v>9</v>
      </c>
      <c r="D4457">
        <f t="shared" si="209"/>
        <v>7</v>
      </c>
    </row>
    <row r="4458" spans="1:4" x14ac:dyDescent="0.25">
      <c r="A4458" s="7">
        <f t="shared" si="210"/>
        <v>44747.416666655874</v>
      </c>
      <c r="B4458" s="8">
        <v>16.067881840329076</v>
      </c>
      <c r="C4458">
        <f t="shared" si="208"/>
        <v>10</v>
      </c>
      <c r="D4458">
        <f t="shared" si="209"/>
        <v>7</v>
      </c>
    </row>
    <row r="4459" spans="1:4" x14ac:dyDescent="0.25">
      <c r="A4459" s="7">
        <f t="shared" si="210"/>
        <v>44747.458333322538</v>
      </c>
      <c r="B4459" s="8">
        <v>19.457193435610328</v>
      </c>
      <c r="C4459">
        <f t="shared" si="208"/>
        <v>11</v>
      </c>
      <c r="D4459">
        <f t="shared" si="209"/>
        <v>7</v>
      </c>
    </row>
    <row r="4460" spans="1:4" x14ac:dyDescent="0.25">
      <c r="A4460" s="7">
        <f t="shared" si="210"/>
        <v>44747.499999989202</v>
      </c>
      <c r="B4460" s="8">
        <v>12.682077430220097</v>
      </c>
      <c r="C4460">
        <f t="shared" si="208"/>
        <v>12</v>
      </c>
      <c r="D4460">
        <f t="shared" si="209"/>
        <v>7</v>
      </c>
    </row>
    <row r="4461" spans="1:4" x14ac:dyDescent="0.25">
      <c r="A4461" s="7">
        <f t="shared" si="210"/>
        <v>44747.541666655867</v>
      </c>
      <c r="B4461" s="8">
        <v>6.7251095017921863</v>
      </c>
      <c r="C4461">
        <f t="shared" si="208"/>
        <v>13</v>
      </c>
      <c r="D4461">
        <f t="shared" si="209"/>
        <v>7</v>
      </c>
    </row>
    <row r="4462" spans="1:4" x14ac:dyDescent="0.25">
      <c r="A4462" s="7">
        <f t="shared" si="210"/>
        <v>44747.583333322531</v>
      </c>
      <c r="B4462" s="8">
        <v>3.0816480788635467</v>
      </c>
      <c r="C4462">
        <f t="shared" si="208"/>
        <v>14</v>
      </c>
      <c r="D4462">
        <f t="shared" si="209"/>
        <v>7</v>
      </c>
    </row>
    <row r="4463" spans="1:4" x14ac:dyDescent="0.25">
      <c r="A4463" s="7">
        <f t="shared" si="210"/>
        <v>44747.624999989195</v>
      </c>
      <c r="B4463" s="8">
        <v>2.8377776120472866</v>
      </c>
      <c r="C4463">
        <f t="shared" si="208"/>
        <v>15</v>
      </c>
      <c r="D4463">
        <f t="shared" si="209"/>
        <v>7</v>
      </c>
    </row>
    <row r="4464" spans="1:4" x14ac:dyDescent="0.25">
      <c r="A4464" s="7">
        <f t="shared" si="210"/>
        <v>44747.666666655859</v>
      </c>
      <c r="B4464" s="8">
        <v>2.9830521682327995</v>
      </c>
      <c r="C4464">
        <f t="shared" si="208"/>
        <v>16</v>
      </c>
      <c r="D4464">
        <f t="shared" si="209"/>
        <v>7</v>
      </c>
    </row>
    <row r="4465" spans="1:4" x14ac:dyDescent="0.25">
      <c r="A4465" s="7">
        <f t="shared" si="210"/>
        <v>44747.708333322524</v>
      </c>
      <c r="B4465" s="8">
        <v>2.258856047629612</v>
      </c>
      <c r="C4465">
        <f t="shared" si="208"/>
        <v>17</v>
      </c>
      <c r="D4465">
        <f t="shared" si="209"/>
        <v>7</v>
      </c>
    </row>
    <row r="4466" spans="1:4" x14ac:dyDescent="0.25">
      <c r="A4466" s="7">
        <f t="shared" si="210"/>
        <v>44747.749999989188</v>
      </c>
      <c r="B4466" s="8">
        <v>2.8846098193389524</v>
      </c>
      <c r="C4466">
        <f t="shared" si="208"/>
        <v>18</v>
      </c>
      <c r="D4466">
        <f t="shared" si="209"/>
        <v>7</v>
      </c>
    </row>
    <row r="4467" spans="1:4" x14ac:dyDescent="0.25">
      <c r="A4467" s="7">
        <f t="shared" si="210"/>
        <v>44747.791666655852</v>
      </c>
      <c r="B4467" s="8">
        <v>1.5586650275356007</v>
      </c>
      <c r="C4467">
        <f t="shared" si="208"/>
        <v>19</v>
      </c>
      <c r="D4467">
        <f t="shared" si="209"/>
        <v>7</v>
      </c>
    </row>
    <row r="4468" spans="1:4" x14ac:dyDescent="0.25">
      <c r="A4468" s="7">
        <f t="shared" si="210"/>
        <v>44747.833333322516</v>
      </c>
      <c r="B4468" s="8">
        <v>-4.9800999999999998E-2</v>
      </c>
      <c r="C4468">
        <f t="shared" si="208"/>
        <v>20</v>
      </c>
      <c r="D4468">
        <f t="shared" si="209"/>
        <v>7</v>
      </c>
    </row>
    <row r="4469" spans="1:4" x14ac:dyDescent="0.25">
      <c r="A4469" s="7">
        <f t="shared" si="210"/>
        <v>44747.874999989181</v>
      </c>
      <c r="B4469" s="8">
        <v>-4.9800999999999998E-2</v>
      </c>
      <c r="C4469">
        <f t="shared" si="208"/>
        <v>21</v>
      </c>
      <c r="D4469">
        <f t="shared" si="209"/>
        <v>7</v>
      </c>
    </row>
    <row r="4470" spans="1:4" x14ac:dyDescent="0.25">
      <c r="A4470" s="7">
        <f t="shared" si="210"/>
        <v>44747.916666655845</v>
      </c>
      <c r="B4470" s="8">
        <v>-4.9800999999999998E-2</v>
      </c>
      <c r="C4470">
        <f t="shared" si="208"/>
        <v>22</v>
      </c>
      <c r="D4470">
        <f t="shared" si="209"/>
        <v>7</v>
      </c>
    </row>
    <row r="4471" spans="1:4" x14ac:dyDescent="0.25">
      <c r="A4471" s="7">
        <f t="shared" si="210"/>
        <v>44747.958333322509</v>
      </c>
      <c r="B4471" s="8">
        <v>-4.9800999999999998E-2</v>
      </c>
      <c r="C4471">
        <f t="shared" si="208"/>
        <v>23</v>
      </c>
      <c r="D4471">
        <f t="shared" si="209"/>
        <v>7</v>
      </c>
    </row>
    <row r="4472" spans="1:4" x14ac:dyDescent="0.25">
      <c r="A4472" s="7">
        <f t="shared" si="210"/>
        <v>44747.999999989173</v>
      </c>
      <c r="B4472" s="8">
        <v>-4.9800999999999998E-2</v>
      </c>
      <c r="C4472">
        <f t="shared" si="208"/>
        <v>0</v>
      </c>
      <c r="D4472">
        <f t="shared" si="209"/>
        <v>7</v>
      </c>
    </row>
    <row r="4473" spans="1:4" x14ac:dyDescent="0.25">
      <c r="A4473" s="7">
        <f t="shared" si="210"/>
        <v>44748.041666655838</v>
      </c>
      <c r="B4473" s="8">
        <v>-4.9800999999999998E-2</v>
      </c>
      <c r="C4473">
        <f t="shared" si="208"/>
        <v>1</v>
      </c>
      <c r="D4473">
        <f t="shared" si="209"/>
        <v>7</v>
      </c>
    </row>
    <row r="4474" spans="1:4" x14ac:dyDescent="0.25">
      <c r="A4474" s="7">
        <f t="shared" si="210"/>
        <v>44748.083333322502</v>
      </c>
      <c r="B4474" s="8">
        <v>-4.9800999999999998E-2</v>
      </c>
      <c r="C4474">
        <f t="shared" si="208"/>
        <v>2</v>
      </c>
      <c r="D4474">
        <f t="shared" si="209"/>
        <v>7</v>
      </c>
    </row>
    <row r="4475" spans="1:4" x14ac:dyDescent="0.25">
      <c r="A4475" s="7">
        <f t="shared" si="210"/>
        <v>44748.124999989166</v>
      </c>
      <c r="B4475" s="8">
        <v>-4.9800999999999998E-2</v>
      </c>
      <c r="C4475">
        <f t="shared" si="208"/>
        <v>3</v>
      </c>
      <c r="D4475">
        <f t="shared" si="209"/>
        <v>7</v>
      </c>
    </row>
    <row r="4476" spans="1:4" x14ac:dyDescent="0.25">
      <c r="A4476" s="7">
        <f t="shared" si="210"/>
        <v>44748.16666665583</v>
      </c>
      <c r="B4476" s="8">
        <v>-4.9800999999999998E-2</v>
      </c>
      <c r="C4476">
        <f t="shared" si="208"/>
        <v>4</v>
      </c>
      <c r="D4476">
        <f t="shared" si="209"/>
        <v>7</v>
      </c>
    </row>
    <row r="4477" spans="1:4" x14ac:dyDescent="0.25">
      <c r="A4477" s="7">
        <f t="shared" si="210"/>
        <v>44748.208333322495</v>
      </c>
      <c r="B4477" s="8">
        <v>-4.9800999999999998E-2</v>
      </c>
      <c r="C4477">
        <f t="shared" si="208"/>
        <v>5</v>
      </c>
      <c r="D4477">
        <f t="shared" si="209"/>
        <v>7</v>
      </c>
    </row>
    <row r="4478" spans="1:4" x14ac:dyDescent="0.25">
      <c r="A4478" s="7">
        <f t="shared" si="210"/>
        <v>44748.249999989159</v>
      </c>
      <c r="B4478" s="8">
        <v>-4.9800999999999998E-2</v>
      </c>
      <c r="C4478">
        <f t="shared" si="208"/>
        <v>6</v>
      </c>
      <c r="D4478">
        <f t="shared" si="209"/>
        <v>7</v>
      </c>
    </row>
    <row r="4479" spans="1:4" x14ac:dyDescent="0.25">
      <c r="A4479" s="7">
        <f t="shared" si="210"/>
        <v>44748.291666655823</v>
      </c>
      <c r="B4479" s="8">
        <v>1.6155313091256236</v>
      </c>
      <c r="C4479">
        <f t="shared" si="208"/>
        <v>7</v>
      </c>
      <c r="D4479">
        <f t="shared" si="209"/>
        <v>7</v>
      </c>
    </row>
    <row r="4480" spans="1:4" x14ac:dyDescent="0.25">
      <c r="A4480" s="7">
        <f t="shared" si="210"/>
        <v>44748.333333322487</v>
      </c>
      <c r="B4480" s="8">
        <v>5.8226653068130947</v>
      </c>
      <c r="C4480">
        <f t="shared" si="208"/>
        <v>8</v>
      </c>
      <c r="D4480">
        <f t="shared" si="209"/>
        <v>7</v>
      </c>
    </row>
    <row r="4481" spans="1:4" x14ac:dyDescent="0.25">
      <c r="A4481" s="7">
        <f t="shared" si="210"/>
        <v>44748.374999989152</v>
      </c>
      <c r="B4481" s="8">
        <v>11.616029179117501</v>
      </c>
      <c r="C4481">
        <f t="shared" si="208"/>
        <v>9</v>
      </c>
      <c r="D4481">
        <f t="shared" si="209"/>
        <v>7</v>
      </c>
    </row>
    <row r="4482" spans="1:4" x14ac:dyDescent="0.25">
      <c r="A4482" s="7">
        <f t="shared" si="210"/>
        <v>44748.416666655816</v>
      </c>
      <c r="B4482" s="8">
        <v>16.402535120276507</v>
      </c>
      <c r="C4482">
        <f t="shared" si="208"/>
        <v>10</v>
      </c>
      <c r="D4482">
        <f t="shared" si="209"/>
        <v>7</v>
      </c>
    </row>
    <row r="4483" spans="1:4" x14ac:dyDescent="0.25">
      <c r="A4483" s="7">
        <f t="shared" si="210"/>
        <v>44748.45833332248</v>
      </c>
      <c r="B4483" s="8">
        <v>20.009084011870929</v>
      </c>
      <c r="C4483">
        <f t="shared" si="208"/>
        <v>11</v>
      </c>
      <c r="D4483">
        <f t="shared" si="209"/>
        <v>7</v>
      </c>
    </row>
    <row r="4484" spans="1:4" x14ac:dyDescent="0.25">
      <c r="A4484" s="7">
        <f t="shared" si="210"/>
        <v>44748.499999989144</v>
      </c>
      <c r="B4484" s="8">
        <v>20.451309865055794</v>
      </c>
      <c r="C4484">
        <f t="shared" si="208"/>
        <v>12</v>
      </c>
      <c r="D4484">
        <f t="shared" si="209"/>
        <v>7</v>
      </c>
    </row>
    <row r="4485" spans="1:4" x14ac:dyDescent="0.25">
      <c r="A4485" s="7">
        <f t="shared" si="210"/>
        <v>44748.541666655809</v>
      </c>
      <c r="B4485" s="8">
        <v>20.451308834440109</v>
      </c>
      <c r="C4485">
        <f t="shared" si="208"/>
        <v>13</v>
      </c>
      <c r="D4485">
        <f t="shared" si="209"/>
        <v>7</v>
      </c>
    </row>
    <row r="4486" spans="1:4" x14ac:dyDescent="0.25">
      <c r="A4486" s="7">
        <f t="shared" si="210"/>
        <v>44748.583333322473</v>
      </c>
      <c r="B4486" s="8">
        <v>20.451297497667586</v>
      </c>
      <c r="C4486">
        <f t="shared" si="208"/>
        <v>14</v>
      </c>
      <c r="D4486">
        <f t="shared" si="209"/>
        <v>7</v>
      </c>
    </row>
    <row r="4487" spans="1:4" x14ac:dyDescent="0.25">
      <c r="A4487" s="7">
        <f t="shared" si="210"/>
        <v>44748.624999989137</v>
      </c>
      <c r="B4487" s="8">
        <v>19.948109696164916</v>
      </c>
      <c r="C4487">
        <f t="shared" si="208"/>
        <v>15</v>
      </c>
      <c r="D4487">
        <f t="shared" si="209"/>
        <v>7</v>
      </c>
    </row>
    <row r="4488" spans="1:4" x14ac:dyDescent="0.25">
      <c r="A4488" s="7">
        <f t="shared" si="210"/>
        <v>44748.666666655801</v>
      </c>
      <c r="B4488" s="8">
        <v>16.482489254417047</v>
      </c>
      <c r="C4488">
        <f t="shared" si="208"/>
        <v>16</v>
      </c>
      <c r="D4488">
        <f t="shared" si="209"/>
        <v>7</v>
      </c>
    </row>
    <row r="4489" spans="1:4" x14ac:dyDescent="0.25">
      <c r="A4489" s="7">
        <f t="shared" si="210"/>
        <v>44748.708333322465</v>
      </c>
      <c r="B4489" s="8">
        <v>11.913795693122811</v>
      </c>
      <c r="C4489">
        <f t="shared" si="208"/>
        <v>17</v>
      </c>
      <c r="D4489">
        <f t="shared" si="209"/>
        <v>7</v>
      </c>
    </row>
    <row r="4490" spans="1:4" x14ac:dyDescent="0.25">
      <c r="A4490" s="7">
        <f t="shared" si="210"/>
        <v>44748.74999998913</v>
      </c>
      <c r="B4490" s="8">
        <v>6.6190457499159692</v>
      </c>
      <c r="C4490">
        <f t="shared" ref="C4490:C4553" si="211">HOUR(A4490)</f>
        <v>18</v>
      </c>
      <c r="D4490">
        <f t="shared" ref="D4490:D4553" si="212">MONTH(A4490)</f>
        <v>7</v>
      </c>
    </row>
    <row r="4491" spans="1:4" x14ac:dyDescent="0.25">
      <c r="A4491" s="7">
        <f t="shared" ref="A4491:A4554" si="213">+A4490+1/24</f>
        <v>44748.791666655794</v>
      </c>
      <c r="B4491" s="8">
        <v>2.0724351908804572</v>
      </c>
      <c r="C4491">
        <f t="shared" si="211"/>
        <v>19</v>
      </c>
      <c r="D4491">
        <f t="shared" si="212"/>
        <v>7</v>
      </c>
    </row>
    <row r="4492" spans="1:4" x14ac:dyDescent="0.25">
      <c r="A4492" s="7">
        <f t="shared" si="213"/>
        <v>44748.833333322458</v>
      </c>
      <c r="B4492" s="8">
        <v>0.32452026654342242</v>
      </c>
      <c r="C4492">
        <f t="shared" si="211"/>
        <v>20</v>
      </c>
      <c r="D4492">
        <f t="shared" si="212"/>
        <v>7</v>
      </c>
    </row>
    <row r="4493" spans="1:4" x14ac:dyDescent="0.25">
      <c r="A4493" s="7">
        <f t="shared" si="213"/>
        <v>44748.874999989122</v>
      </c>
      <c r="B4493" s="8">
        <v>-4.9800999999999998E-2</v>
      </c>
      <c r="C4493">
        <f t="shared" si="211"/>
        <v>21</v>
      </c>
      <c r="D4493">
        <f t="shared" si="212"/>
        <v>7</v>
      </c>
    </row>
    <row r="4494" spans="1:4" x14ac:dyDescent="0.25">
      <c r="A4494" s="7">
        <f t="shared" si="213"/>
        <v>44748.916666655787</v>
      </c>
      <c r="B4494" s="8">
        <v>-4.9800999999999998E-2</v>
      </c>
      <c r="C4494">
        <f t="shared" si="211"/>
        <v>22</v>
      </c>
      <c r="D4494">
        <f t="shared" si="212"/>
        <v>7</v>
      </c>
    </row>
    <row r="4495" spans="1:4" x14ac:dyDescent="0.25">
      <c r="A4495" s="7">
        <f t="shared" si="213"/>
        <v>44748.958333322451</v>
      </c>
      <c r="B4495" s="8">
        <v>-4.9800999999999998E-2</v>
      </c>
      <c r="C4495">
        <f t="shared" si="211"/>
        <v>23</v>
      </c>
      <c r="D4495">
        <f t="shared" si="212"/>
        <v>7</v>
      </c>
    </row>
    <row r="4496" spans="1:4" x14ac:dyDescent="0.25">
      <c r="A4496" s="7">
        <f t="shared" si="213"/>
        <v>44748.999999989115</v>
      </c>
      <c r="B4496" s="8">
        <v>-4.9800999999999998E-2</v>
      </c>
      <c r="C4496">
        <f t="shared" si="211"/>
        <v>0</v>
      </c>
      <c r="D4496">
        <f t="shared" si="212"/>
        <v>7</v>
      </c>
    </row>
    <row r="4497" spans="1:4" x14ac:dyDescent="0.25">
      <c r="A4497" s="7">
        <f t="shared" si="213"/>
        <v>44749.041666655779</v>
      </c>
      <c r="B4497" s="8">
        <v>-4.9800999999999998E-2</v>
      </c>
      <c r="C4497">
        <f t="shared" si="211"/>
        <v>1</v>
      </c>
      <c r="D4497">
        <f t="shared" si="212"/>
        <v>7</v>
      </c>
    </row>
    <row r="4498" spans="1:4" x14ac:dyDescent="0.25">
      <c r="A4498" s="7">
        <f t="shared" si="213"/>
        <v>44749.083333322444</v>
      </c>
      <c r="B4498" s="8">
        <v>-4.9800999999999998E-2</v>
      </c>
      <c r="C4498">
        <f t="shared" si="211"/>
        <v>2</v>
      </c>
      <c r="D4498">
        <f t="shared" si="212"/>
        <v>7</v>
      </c>
    </row>
    <row r="4499" spans="1:4" x14ac:dyDescent="0.25">
      <c r="A4499" s="7">
        <f t="shared" si="213"/>
        <v>44749.124999989108</v>
      </c>
      <c r="B4499" s="8">
        <v>-4.9800999999999998E-2</v>
      </c>
      <c r="C4499">
        <f t="shared" si="211"/>
        <v>3</v>
      </c>
      <c r="D4499">
        <f t="shared" si="212"/>
        <v>7</v>
      </c>
    </row>
    <row r="4500" spans="1:4" x14ac:dyDescent="0.25">
      <c r="A4500" s="7">
        <f t="shared" si="213"/>
        <v>44749.166666655772</v>
      </c>
      <c r="B4500" s="8">
        <v>-4.9800999999999998E-2</v>
      </c>
      <c r="C4500">
        <f t="shared" si="211"/>
        <v>4</v>
      </c>
      <c r="D4500">
        <f t="shared" si="212"/>
        <v>7</v>
      </c>
    </row>
    <row r="4501" spans="1:4" x14ac:dyDescent="0.25">
      <c r="A4501" s="7">
        <f t="shared" si="213"/>
        <v>44749.208333322436</v>
      </c>
      <c r="B4501" s="8">
        <v>-4.9800999999999998E-2</v>
      </c>
      <c r="C4501">
        <f t="shared" si="211"/>
        <v>5</v>
      </c>
      <c r="D4501">
        <f t="shared" si="212"/>
        <v>7</v>
      </c>
    </row>
    <row r="4502" spans="1:4" x14ac:dyDescent="0.25">
      <c r="A4502" s="7">
        <f t="shared" si="213"/>
        <v>44749.249999989101</v>
      </c>
      <c r="B4502" s="8">
        <v>0.18217884259426179</v>
      </c>
      <c r="C4502">
        <f t="shared" si="211"/>
        <v>6</v>
      </c>
      <c r="D4502">
        <f t="shared" si="212"/>
        <v>7</v>
      </c>
    </row>
    <row r="4503" spans="1:4" x14ac:dyDescent="0.25">
      <c r="A4503" s="7">
        <f t="shared" si="213"/>
        <v>44749.291666655765</v>
      </c>
      <c r="B4503" s="8">
        <v>1.6629736409021523</v>
      </c>
      <c r="C4503">
        <f t="shared" si="211"/>
        <v>7</v>
      </c>
      <c r="D4503">
        <f t="shared" si="212"/>
        <v>7</v>
      </c>
    </row>
    <row r="4504" spans="1:4" x14ac:dyDescent="0.25">
      <c r="A4504" s="7">
        <f t="shared" si="213"/>
        <v>44749.333333322429</v>
      </c>
      <c r="B4504" s="8">
        <v>5.9684067319034106</v>
      </c>
      <c r="C4504">
        <f t="shared" si="211"/>
        <v>8</v>
      </c>
      <c r="D4504">
        <f t="shared" si="212"/>
        <v>7</v>
      </c>
    </row>
    <row r="4505" spans="1:4" x14ac:dyDescent="0.25">
      <c r="A4505" s="7">
        <f t="shared" si="213"/>
        <v>44749.374999989093</v>
      </c>
      <c r="B4505" s="8">
        <v>11.469628159989496</v>
      </c>
      <c r="C4505">
        <f t="shared" si="211"/>
        <v>9</v>
      </c>
      <c r="D4505">
        <f t="shared" si="212"/>
        <v>7</v>
      </c>
    </row>
    <row r="4506" spans="1:4" x14ac:dyDescent="0.25">
      <c r="A4506" s="7">
        <f t="shared" si="213"/>
        <v>44749.416666655758</v>
      </c>
      <c r="B4506" s="8">
        <v>16.259445469340843</v>
      </c>
      <c r="C4506">
        <f t="shared" si="211"/>
        <v>10</v>
      </c>
      <c r="D4506">
        <f t="shared" si="212"/>
        <v>7</v>
      </c>
    </row>
    <row r="4507" spans="1:4" x14ac:dyDescent="0.25">
      <c r="A4507" s="7">
        <f t="shared" si="213"/>
        <v>44749.458333322422</v>
      </c>
      <c r="B4507" s="8">
        <v>19.491815938894945</v>
      </c>
      <c r="C4507">
        <f t="shared" si="211"/>
        <v>11</v>
      </c>
      <c r="D4507">
        <f t="shared" si="212"/>
        <v>7</v>
      </c>
    </row>
    <row r="4508" spans="1:4" x14ac:dyDescent="0.25">
      <c r="A4508" s="7">
        <f t="shared" si="213"/>
        <v>44749.499999989086</v>
      </c>
      <c r="B4508" s="8">
        <v>20.451288222126433</v>
      </c>
      <c r="C4508">
        <f t="shared" si="211"/>
        <v>12</v>
      </c>
      <c r="D4508">
        <f t="shared" si="212"/>
        <v>7</v>
      </c>
    </row>
    <row r="4509" spans="1:4" x14ac:dyDescent="0.25">
      <c r="A4509" s="7">
        <f t="shared" si="213"/>
        <v>44749.54166665575</v>
      </c>
      <c r="B4509" s="8">
        <v>20.451283069048014</v>
      </c>
      <c r="C4509">
        <f t="shared" si="211"/>
        <v>13</v>
      </c>
      <c r="D4509">
        <f t="shared" si="212"/>
        <v>7</v>
      </c>
    </row>
    <row r="4510" spans="1:4" x14ac:dyDescent="0.25">
      <c r="A4510" s="7">
        <f t="shared" si="213"/>
        <v>44749.583333322415</v>
      </c>
      <c r="B4510" s="8">
        <v>20.409292694239266</v>
      </c>
      <c r="C4510">
        <f t="shared" si="211"/>
        <v>14</v>
      </c>
      <c r="D4510">
        <f t="shared" si="212"/>
        <v>7</v>
      </c>
    </row>
    <row r="4511" spans="1:4" x14ac:dyDescent="0.25">
      <c r="A4511" s="7">
        <f t="shared" si="213"/>
        <v>44749.624999989079</v>
      </c>
      <c r="B4511" s="8">
        <v>19.468341605462975</v>
      </c>
      <c r="C4511">
        <f t="shared" si="211"/>
        <v>15</v>
      </c>
      <c r="D4511">
        <f t="shared" si="212"/>
        <v>7</v>
      </c>
    </row>
    <row r="4512" spans="1:4" x14ac:dyDescent="0.25">
      <c r="A4512" s="7">
        <f t="shared" si="213"/>
        <v>44749.666666655743</v>
      </c>
      <c r="B4512" s="8">
        <v>16.091177877247734</v>
      </c>
      <c r="C4512">
        <f t="shared" si="211"/>
        <v>16</v>
      </c>
      <c r="D4512">
        <f t="shared" si="212"/>
        <v>7</v>
      </c>
    </row>
    <row r="4513" spans="1:4" x14ac:dyDescent="0.25">
      <c r="A4513" s="7">
        <f t="shared" si="213"/>
        <v>44749.708333322407</v>
      </c>
      <c r="B4513" s="8">
        <v>11.771545993969518</v>
      </c>
      <c r="C4513">
        <f t="shared" si="211"/>
        <v>17</v>
      </c>
      <c r="D4513">
        <f t="shared" si="212"/>
        <v>7</v>
      </c>
    </row>
    <row r="4514" spans="1:4" x14ac:dyDescent="0.25">
      <c r="A4514" s="7">
        <f t="shared" si="213"/>
        <v>44749.749999989072</v>
      </c>
      <c r="B4514" s="8">
        <v>6.6401053508005869</v>
      </c>
      <c r="C4514">
        <f t="shared" si="211"/>
        <v>18</v>
      </c>
      <c r="D4514">
        <f t="shared" si="212"/>
        <v>7</v>
      </c>
    </row>
    <row r="4515" spans="1:4" x14ac:dyDescent="0.25">
      <c r="A4515" s="7">
        <f t="shared" si="213"/>
        <v>44749.791666655736</v>
      </c>
      <c r="B4515" s="8">
        <v>2.0467790440456888</v>
      </c>
      <c r="C4515">
        <f t="shared" si="211"/>
        <v>19</v>
      </c>
      <c r="D4515">
        <f t="shared" si="212"/>
        <v>7</v>
      </c>
    </row>
    <row r="4516" spans="1:4" x14ac:dyDescent="0.25">
      <c r="A4516" s="7">
        <f t="shared" si="213"/>
        <v>44749.8333333224</v>
      </c>
      <c r="B4516" s="8">
        <v>0.35629723992481643</v>
      </c>
      <c r="C4516">
        <f t="shared" si="211"/>
        <v>20</v>
      </c>
      <c r="D4516">
        <f t="shared" si="212"/>
        <v>7</v>
      </c>
    </row>
    <row r="4517" spans="1:4" x14ac:dyDescent="0.25">
      <c r="A4517" s="7">
        <f t="shared" si="213"/>
        <v>44749.874999989064</v>
      </c>
      <c r="B4517" s="8">
        <v>-4.9800999999999998E-2</v>
      </c>
      <c r="C4517">
        <f t="shared" si="211"/>
        <v>21</v>
      </c>
      <c r="D4517">
        <f t="shared" si="212"/>
        <v>7</v>
      </c>
    </row>
    <row r="4518" spans="1:4" x14ac:dyDescent="0.25">
      <c r="A4518" s="7">
        <f t="shared" si="213"/>
        <v>44749.916666655728</v>
      </c>
      <c r="B4518" s="8">
        <v>-4.9800999999999998E-2</v>
      </c>
      <c r="C4518">
        <f t="shared" si="211"/>
        <v>22</v>
      </c>
      <c r="D4518">
        <f t="shared" si="212"/>
        <v>7</v>
      </c>
    </row>
    <row r="4519" spans="1:4" x14ac:dyDescent="0.25">
      <c r="A4519" s="7">
        <f t="shared" si="213"/>
        <v>44749.958333322393</v>
      </c>
      <c r="B4519" s="8">
        <v>-4.9800999999999998E-2</v>
      </c>
      <c r="C4519">
        <f t="shared" si="211"/>
        <v>23</v>
      </c>
      <c r="D4519">
        <f t="shared" si="212"/>
        <v>7</v>
      </c>
    </row>
    <row r="4520" spans="1:4" x14ac:dyDescent="0.25">
      <c r="A4520" s="7">
        <f t="shared" si="213"/>
        <v>44749.999999989057</v>
      </c>
      <c r="B4520" s="8">
        <v>-4.9800999999999998E-2</v>
      </c>
      <c r="C4520">
        <f t="shared" si="211"/>
        <v>0</v>
      </c>
      <c r="D4520">
        <f t="shared" si="212"/>
        <v>7</v>
      </c>
    </row>
    <row r="4521" spans="1:4" x14ac:dyDescent="0.25">
      <c r="A4521" s="7">
        <f t="shared" si="213"/>
        <v>44750.041666655721</v>
      </c>
      <c r="B4521" s="8">
        <v>-4.9800999999999998E-2</v>
      </c>
      <c r="C4521">
        <f t="shared" si="211"/>
        <v>1</v>
      </c>
      <c r="D4521">
        <f t="shared" si="212"/>
        <v>7</v>
      </c>
    </row>
    <row r="4522" spans="1:4" x14ac:dyDescent="0.25">
      <c r="A4522" s="7">
        <f t="shared" si="213"/>
        <v>44750.083333322385</v>
      </c>
      <c r="B4522" s="8">
        <v>-4.9800999999999998E-2</v>
      </c>
      <c r="C4522">
        <f t="shared" si="211"/>
        <v>2</v>
      </c>
      <c r="D4522">
        <f t="shared" si="212"/>
        <v>7</v>
      </c>
    </row>
    <row r="4523" spans="1:4" x14ac:dyDescent="0.25">
      <c r="A4523" s="7">
        <f t="shared" si="213"/>
        <v>44750.12499998905</v>
      </c>
      <c r="B4523" s="8">
        <v>-4.9800999999999998E-2</v>
      </c>
      <c r="C4523">
        <f t="shared" si="211"/>
        <v>3</v>
      </c>
      <c r="D4523">
        <f t="shared" si="212"/>
        <v>7</v>
      </c>
    </row>
    <row r="4524" spans="1:4" x14ac:dyDescent="0.25">
      <c r="A4524" s="7">
        <f t="shared" si="213"/>
        <v>44750.166666655714</v>
      </c>
      <c r="B4524" s="8">
        <v>-4.9800999999999998E-2</v>
      </c>
      <c r="C4524">
        <f t="shared" si="211"/>
        <v>4</v>
      </c>
      <c r="D4524">
        <f t="shared" si="212"/>
        <v>7</v>
      </c>
    </row>
    <row r="4525" spans="1:4" x14ac:dyDescent="0.25">
      <c r="A4525" s="7">
        <f t="shared" si="213"/>
        <v>44750.208333322378</v>
      </c>
      <c r="B4525" s="8">
        <v>-4.9800999999999998E-2</v>
      </c>
      <c r="C4525">
        <f t="shared" si="211"/>
        <v>5</v>
      </c>
      <c r="D4525">
        <f t="shared" si="212"/>
        <v>7</v>
      </c>
    </row>
    <row r="4526" spans="1:4" x14ac:dyDescent="0.25">
      <c r="A4526" s="7">
        <f t="shared" si="213"/>
        <v>44750.249999989042</v>
      </c>
      <c r="B4526" s="8">
        <v>0.23833915244081974</v>
      </c>
      <c r="C4526">
        <f t="shared" si="211"/>
        <v>6</v>
      </c>
      <c r="D4526">
        <f t="shared" si="212"/>
        <v>7</v>
      </c>
    </row>
    <row r="4527" spans="1:4" x14ac:dyDescent="0.25">
      <c r="A4527" s="7">
        <f t="shared" si="213"/>
        <v>44750.291666655707</v>
      </c>
      <c r="B4527" s="8">
        <v>1.7530659415251193</v>
      </c>
      <c r="C4527">
        <f t="shared" si="211"/>
        <v>7</v>
      </c>
      <c r="D4527">
        <f t="shared" si="212"/>
        <v>7</v>
      </c>
    </row>
    <row r="4528" spans="1:4" x14ac:dyDescent="0.25">
      <c r="A4528" s="7">
        <f t="shared" si="213"/>
        <v>44750.333333322371</v>
      </c>
      <c r="B4528" s="8">
        <v>4.9993332329608018</v>
      </c>
      <c r="C4528">
        <f t="shared" si="211"/>
        <v>8</v>
      </c>
      <c r="D4528">
        <f t="shared" si="212"/>
        <v>7</v>
      </c>
    </row>
    <row r="4529" spans="1:4" x14ac:dyDescent="0.25">
      <c r="A4529" s="7">
        <f t="shared" si="213"/>
        <v>44750.374999989035</v>
      </c>
      <c r="B4529" s="8">
        <v>10.955756996307619</v>
      </c>
      <c r="C4529">
        <f t="shared" si="211"/>
        <v>9</v>
      </c>
      <c r="D4529">
        <f t="shared" si="212"/>
        <v>7</v>
      </c>
    </row>
    <row r="4530" spans="1:4" x14ac:dyDescent="0.25">
      <c r="A4530" s="7">
        <f t="shared" si="213"/>
        <v>44750.416666655699</v>
      </c>
      <c r="B4530" s="8">
        <v>16.1020941585715</v>
      </c>
      <c r="C4530">
        <f t="shared" si="211"/>
        <v>10</v>
      </c>
      <c r="D4530">
        <f t="shared" si="212"/>
        <v>7</v>
      </c>
    </row>
    <row r="4531" spans="1:4" x14ac:dyDescent="0.25">
      <c r="A4531" s="7">
        <f t="shared" si="213"/>
        <v>44750.458333322364</v>
      </c>
      <c r="B4531" s="8">
        <v>19.878307126510702</v>
      </c>
      <c r="C4531">
        <f t="shared" si="211"/>
        <v>11</v>
      </c>
      <c r="D4531">
        <f t="shared" si="212"/>
        <v>7</v>
      </c>
    </row>
    <row r="4532" spans="1:4" x14ac:dyDescent="0.25">
      <c r="A4532" s="7">
        <f t="shared" si="213"/>
        <v>44750.499999989028</v>
      </c>
      <c r="B4532" s="8">
        <v>20.451308834440109</v>
      </c>
      <c r="C4532">
        <f t="shared" si="211"/>
        <v>12</v>
      </c>
      <c r="D4532">
        <f t="shared" si="212"/>
        <v>7</v>
      </c>
    </row>
    <row r="4533" spans="1:4" x14ac:dyDescent="0.25">
      <c r="A4533" s="7">
        <f t="shared" si="213"/>
        <v>44750.541666655692</v>
      </c>
      <c r="B4533" s="8">
        <v>20.451307803824424</v>
      </c>
      <c r="C4533">
        <f t="shared" si="211"/>
        <v>13</v>
      </c>
      <c r="D4533">
        <f t="shared" si="212"/>
        <v>7</v>
      </c>
    </row>
    <row r="4534" spans="1:4" x14ac:dyDescent="0.25">
      <c r="A4534" s="7">
        <f t="shared" si="213"/>
        <v>44750.583333322356</v>
      </c>
      <c r="B4534" s="8">
        <v>20.451272762891172</v>
      </c>
      <c r="C4534">
        <f t="shared" si="211"/>
        <v>14</v>
      </c>
      <c r="D4534">
        <f t="shared" si="212"/>
        <v>7</v>
      </c>
    </row>
    <row r="4535" spans="1:4" x14ac:dyDescent="0.25">
      <c r="A4535" s="7">
        <f t="shared" si="213"/>
        <v>44750.624999989021</v>
      </c>
      <c r="B4535" s="8">
        <v>18.493691445054832</v>
      </c>
      <c r="C4535">
        <f t="shared" si="211"/>
        <v>15</v>
      </c>
      <c r="D4535">
        <f t="shared" si="212"/>
        <v>7</v>
      </c>
    </row>
    <row r="4536" spans="1:4" x14ac:dyDescent="0.25">
      <c r="A4536" s="7">
        <f t="shared" si="213"/>
        <v>44750.666666655685</v>
      </c>
      <c r="B4536" s="8">
        <v>14.566456177261065</v>
      </c>
      <c r="C4536">
        <f t="shared" si="211"/>
        <v>16</v>
      </c>
      <c r="D4536">
        <f t="shared" si="212"/>
        <v>7</v>
      </c>
    </row>
    <row r="4537" spans="1:4" x14ac:dyDescent="0.25">
      <c r="A4537" s="7">
        <f t="shared" si="213"/>
        <v>44750.708333322349</v>
      </c>
      <c r="B4537" s="8">
        <v>8.3699855312852218</v>
      </c>
      <c r="C4537">
        <f t="shared" si="211"/>
        <v>17</v>
      </c>
      <c r="D4537">
        <f t="shared" si="212"/>
        <v>7</v>
      </c>
    </row>
    <row r="4538" spans="1:4" x14ac:dyDescent="0.25">
      <c r="A4538" s="7">
        <f t="shared" si="213"/>
        <v>44750.749999989013</v>
      </c>
      <c r="B4538" s="8">
        <v>3.7297301393643729</v>
      </c>
      <c r="C4538">
        <f t="shared" si="211"/>
        <v>18</v>
      </c>
      <c r="D4538">
        <f t="shared" si="212"/>
        <v>7</v>
      </c>
    </row>
    <row r="4539" spans="1:4" x14ac:dyDescent="0.25">
      <c r="A4539" s="7">
        <f t="shared" si="213"/>
        <v>44750.791666655678</v>
      </c>
      <c r="B4539" s="8">
        <v>0.67619622574167415</v>
      </c>
      <c r="C4539">
        <f t="shared" si="211"/>
        <v>19</v>
      </c>
      <c r="D4539">
        <f t="shared" si="212"/>
        <v>7</v>
      </c>
    </row>
    <row r="4540" spans="1:4" x14ac:dyDescent="0.25">
      <c r="A4540" s="7">
        <f t="shared" si="213"/>
        <v>44750.833333322342</v>
      </c>
      <c r="B4540" s="8">
        <v>-4.9800999999999998E-2</v>
      </c>
      <c r="C4540">
        <f t="shared" si="211"/>
        <v>20</v>
      </c>
      <c r="D4540">
        <f t="shared" si="212"/>
        <v>7</v>
      </c>
    </row>
    <row r="4541" spans="1:4" x14ac:dyDescent="0.25">
      <c r="A4541" s="7">
        <f t="shared" si="213"/>
        <v>44750.874999989006</v>
      </c>
      <c r="B4541" s="8">
        <v>-4.9800999999999998E-2</v>
      </c>
      <c r="C4541">
        <f t="shared" si="211"/>
        <v>21</v>
      </c>
      <c r="D4541">
        <f t="shared" si="212"/>
        <v>7</v>
      </c>
    </row>
    <row r="4542" spans="1:4" x14ac:dyDescent="0.25">
      <c r="A4542" s="7">
        <f t="shared" si="213"/>
        <v>44750.91666665567</v>
      </c>
      <c r="B4542" s="8">
        <v>-4.9800999999999998E-2</v>
      </c>
      <c r="C4542">
        <f t="shared" si="211"/>
        <v>22</v>
      </c>
      <c r="D4542">
        <f t="shared" si="212"/>
        <v>7</v>
      </c>
    </row>
    <row r="4543" spans="1:4" x14ac:dyDescent="0.25">
      <c r="A4543" s="7">
        <f t="shared" si="213"/>
        <v>44750.958333322335</v>
      </c>
      <c r="B4543" s="8">
        <v>-4.9800999999999998E-2</v>
      </c>
      <c r="C4543">
        <f t="shared" si="211"/>
        <v>23</v>
      </c>
      <c r="D4543">
        <f t="shared" si="212"/>
        <v>7</v>
      </c>
    </row>
    <row r="4544" spans="1:4" x14ac:dyDescent="0.25">
      <c r="A4544" s="7">
        <f t="shared" si="213"/>
        <v>44750.999999988999</v>
      </c>
      <c r="B4544" s="8">
        <v>-4.9800999999999998E-2</v>
      </c>
      <c r="C4544">
        <f t="shared" si="211"/>
        <v>0</v>
      </c>
      <c r="D4544">
        <f t="shared" si="212"/>
        <v>7</v>
      </c>
    </row>
    <row r="4545" spans="1:4" x14ac:dyDescent="0.25">
      <c r="A4545" s="7">
        <f t="shared" si="213"/>
        <v>44751.041666655663</v>
      </c>
      <c r="B4545" s="8">
        <v>-4.9800999999999998E-2</v>
      </c>
      <c r="C4545">
        <f t="shared" si="211"/>
        <v>1</v>
      </c>
      <c r="D4545">
        <f t="shared" si="212"/>
        <v>7</v>
      </c>
    </row>
    <row r="4546" spans="1:4" x14ac:dyDescent="0.25">
      <c r="A4546" s="7">
        <f t="shared" si="213"/>
        <v>44751.083333322327</v>
      </c>
      <c r="B4546" s="8">
        <v>-4.9800999999999998E-2</v>
      </c>
      <c r="C4546">
        <f t="shared" si="211"/>
        <v>2</v>
      </c>
      <c r="D4546">
        <f t="shared" si="212"/>
        <v>7</v>
      </c>
    </row>
    <row r="4547" spans="1:4" x14ac:dyDescent="0.25">
      <c r="A4547" s="7">
        <f t="shared" si="213"/>
        <v>44751.124999988991</v>
      </c>
      <c r="B4547" s="8">
        <v>-4.9800999999999998E-2</v>
      </c>
      <c r="C4547">
        <f t="shared" si="211"/>
        <v>3</v>
      </c>
      <c r="D4547">
        <f t="shared" si="212"/>
        <v>7</v>
      </c>
    </row>
    <row r="4548" spans="1:4" x14ac:dyDescent="0.25">
      <c r="A4548" s="7">
        <f t="shared" si="213"/>
        <v>44751.166666655656</v>
      </c>
      <c r="B4548" s="8">
        <v>-4.9800999999999998E-2</v>
      </c>
      <c r="C4548">
        <f t="shared" si="211"/>
        <v>4</v>
      </c>
      <c r="D4548">
        <f t="shared" si="212"/>
        <v>7</v>
      </c>
    </row>
    <row r="4549" spans="1:4" x14ac:dyDescent="0.25">
      <c r="A4549" s="7">
        <f t="shared" si="213"/>
        <v>44751.20833332232</v>
      </c>
      <c r="B4549" s="8">
        <v>-4.9800999999999998E-2</v>
      </c>
      <c r="C4549">
        <f t="shared" si="211"/>
        <v>5</v>
      </c>
      <c r="D4549">
        <f t="shared" si="212"/>
        <v>7</v>
      </c>
    </row>
    <row r="4550" spans="1:4" x14ac:dyDescent="0.25">
      <c r="A4550" s="7">
        <f t="shared" si="213"/>
        <v>44751.249999988984</v>
      </c>
      <c r="B4550" s="8">
        <v>-4.9800999999999998E-2</v>
      </c>
      <c r="C4550">
        <f t="shared" si="211"/>
        <v>6</v>
      </c>
      <c r="D4550">
        <f t="shared" si="212"/>
        <v>7</v>
      </c>
    </row>
    <row r="4551" spans="1:4" x14ac:dyDescent="0.25">
      <c r="A4551" s="7">
        <f t="shared" si="213"/>
        <v>44751.291666655648</v>
      </c>
      <c r="B4551" s="8">
        <v>1.4251436126091745</v>
      </c>
      <c r="C4551">
        <f t="shared" si="211"/>
        <v>7</v>
      </c>
      <c r="D4551">
        <f t="shared" si="212"/>
        <v>7</v>
      </c>
    </row>
    <row r="4552" spans="1:4" x14ac:dyDescent="0.25">
      <c r="A4552" s="7">
        <f t="shared" si="213"/>
        <v>44751.333333322313</v>
      </c>
      <c r="B4552" s="8">
        <v>2.9476958665812543</v>
      </c>
      <c r="C4552">
        <f t="shared" si="211"/>
        <v>8</v>
      </c>
      <c r="D4552">
        <f t="shared" si="212"/>
        <v>7</v>
      </c>
    </row>
    <row r="4553" spans="1:4" x14ac:dyDescent="0.25">
      <c r="A4553" s="7">
        <f t="shared" si="213"/>
        <v>44751.374999988977</v>
      </c>
      <c r="B4553" s="8">
        <v>7.0026017440640045</v>
      </c>
      <c r="C4553">
        <f t="shared" si="211"/>
        <v>9</v>
      </c>
      <c r="D4553">
        <f t="shared" si="212"/>
        <v>7</v>
      </c>
    </row>
    <row r="4554" spans="1:4" x14ac:dyDescent="0.25">
      <c r="A4554" s="7">
        <f t="shared" si="213"/>
        <v>44751.416666655641</v>
      </c>
      <c r="B4554" s="8">
        <v>9.9578087377494526</v>
      </c>
      <c r="C4554">
        <f t="shared" ref="C4554:C4617" si="214">HOUR(A4554)</f>
        <v>10</v>
      </c>
      <c r="D4554">
        <f t="shared" ref="D4554:D4617" si="215">MONTH(A4554)</f>
        <v>7</v>
      </c>
    </row>
    <row r="4555" spans="1:4" x14ac:dyDescent="0.25">
      <c r="A4555" s="7">
        <f t="shared" ref="A4555:A4618" si="216">+A4554+1/24</f>
        <v>44751.458333322305</v>
      </c>
      <c r="B4555" s="8">
        <v>13.399989886998604</v>
      </c>
      <c r="C4555">
        <f t="shared" si="214"/>
        <v>11</v>
      </c>
      <c r="D4555">
        <f t="shared" si="215"/>
        <v>7</v>
      </c>
    </row>
    <row r="4556" spans="1:4" x14ac:dyDescent="0.25">
      <c r="A4556" s="7">
        <f t="shared" si="216"/>
        <v>44751.49999998897</v>
      </c>
      <c r="B4556" s="8">
        <v>13.144802229357543</v>
      </c>
      <c r="C4556">
        <f t="shared" si="214"/>
        <v>12</v>
      </c>
      <c r="D4556">
        <f t="shared" si="215"/>
        <v>7</v>
      </c>
    </row>
    <row r="4557" spans="1:4" x14ac:dyDescent="0.25">
      <c r="A4557" s="7">
        <f t="shared" si="216"/>
        <v>44751.541666655634</v>
      </c>
      <c r="B4557" s="8">
        <v>16.712752502358899</v>
      </c>
      <c r="C4557">
        <f t="shared" si="214"/>
        <v>13</v>
      </c>
      <c r="D4557">
        <f t="shared" si="215"/>
        <v>7</v>
      </c>
    </row>
    <row r="4558" spans="1:4" x14ac:dyDescent="0.25">
      <c r="A4558" s="7">
        <f t="shared" si="216"/>
        <v>44751.583333322298</v>
      </c>
      <c r="B4558" s="8">
        <v>12.913854652601588</v>
      </c>
      <c r="C4558">
        <f t="shared" si="214"/>
        <v>14</v>
      </c>
      <c r="D4558">
        <f t="shared" si="215"/>
        <v>7</v>
      </c>
    </row>
    <row r="4559" spans="1:4" x14ac:dyDescent="0.25">
      <c r="A4559" s="7">
        <f t="shared" si="216"/>
        <v>44751.624999988962</v>
      </c>
      <c r="B4559" s="8">
        <v>12.161577346459435</v>
      </c>
      <c r="C4559">
        <f t="shared" si="214"/>
        <v>15</v>
      </c>
      <c r="D4559">
        <f t="shared" si="215"/>
        <v>7</v>
      </c>
    </row>
    <row r="4560" spans="1:4" x14ac:dyDescent="0.25">
      <c r="A4560" s="7">
        <f t="shared" si="216"/>
        <v>44751.666666655627</v>
      </c>
      <c r="B4560" s="8">
        <v>13.877102081083162</v>
      </c>
      <c r="C4560">
        <f t="shared" si="214"/>
        <v>16</v>
      </c>
      <c r="D4560">
        <f t="shared" si="215"/>
        <v>7</v>
      </c>
    </row>
    <row r="4561" spans="1:4" x14ac:dyDescent="0.25">
      <c r="A4561" s="7">
        <f t="shared" si="216"/>
        <v>44751.708333322291</v>
      </c>
      <c r="B4561" s="8">
        <v>8.4352884328635724</v>
      </c>
      <c r="C4561">
        <f t="shared" si="214"/>
        <v>17</v>
      </c>
      <c r="D4561">
        <f t="shared" si="215"/>
        <v>7</v>
      </c>
    </row>
    <row r="4562" spans="1:4" x14ac:dyDescent="0.25">
      <c r="A4562" s="7">
        <f t="shared" si="216"/>
        <v>44751.749999988955</v>
      </c>
      <c r="B4562" s="8">
        <v>5.7143311085852675</v>
      </c>
      <c r="C4562">
        <f t="shared" si="214"/>
        <v>18</v>
      </c>
      <c r="D4562">
        <f t="shared" si="215"/>
        <v>7</v>
      </c>
    </row>
    <row r="4563" spans="1:4" x14ac:dyDescent="0.25">
      <c r="A4563" s="7">
        <f t="shared" si="216"/>
        <v>44751.791666655619</v>
      </c>
      <c r="B4563" s="8">
        <v>2.1788864542538171</v>
      </c>
      <c r="C4563">
        <f t="shared" si="214"/>
        <v>19</v>
      </c>
      <c r="D4563">
        <f t="shared" si="215"/>
        <v>7</v>
      </c>
    </row>
    <row r="4564" spans="1:4" x14ac:dyDescent="0.25">
      <c r="A4564" s="7">
        <f t="shared" si="216"/>
        <v>44751.833333322284</v>
      </c>
      <c r="B4564" s="8">
        <v>0.40866591467034141</v>
      </c>
      <c r="C4564">
        <f t="shared" si="214"/>
        <v>20</v>
      </c>
      <c r="D4564">
        <f t="shared" si="215"/>
        <v>7</v>
      </c>
    </row>
    <row r="4565" spans="1:4" x14ac:dyDescent="0.25">
      <c r="A4565" s="7">
        <f t="shared" si="216"/>
        <v>44751.874999988948</v>
      </c>
      <c r="B4565" s="8">
        <v>-4.9800999999999998E-2</v>
      </c>
      <c r="C4565">
        <f t="shared" si="214"/>
        <v>21</v>
      </c>
      <c r="D4565">
        <f t="shared" si="215"/>
        <v>7</v>
      </c>
    </row>
    <row r="4566" spans="1:4" x14ac:dyDescent="0.25">
      <c r="A4566" s="7">
        <f t="shared" si="216"/>
        <v>44751.916666655612</v>
      </c>
      <c r="B4566" s="8">
        <v>-4.9800999999999998E-2</v>
      </c>
      <c r="C4566">
        <f t="shared" si="214"/>
        <v>22</v>
      </c>
      <c r="D4566">
        <f t="shared" si="215"/>
        <v>7</v>
      </c>
    </row>
    <row r="4567" spans="1:4" x14ac:dyDescent="0.25">
      <c r="A4567" s="7">
        <f t="shared" si="216"/>
        <v>44751.958333322276</v>
      </c>
      <c r="B4567" s="8">
        <v>-4.9800999999999998E-2</v>
      </c>
      <c r="C4567">
        <f t="shared" si="214"/>
        <v>23</v>
      </c>
      <c r="D4567">
        <f t="shared" si="215"/>
        <v>7</v>
      </c>
    </row>
    <row r="4568" spans="1:4" x14ac:dyDescent="0.25">
      <c r="A4568" s="7">
        <f t="shared" si="216"/>
        <v>44751.999999988941</v>
      </c>
      <c r="B4568" s="8">
        <v>-4.9800999999999998E-2</v>
      </c>
      <c r="C4568">
        <f t="shared" si="214"/>
        <v>0</v>
      </c>
      <c r="D4568">
        <f t="shared" si="215"/>
        <v>7</v>
      </c>
    </row>
    <row r="4569" spans="1:4" x14ac:dyDescent="0.25">
      <c r="A4569" s="7">
        <f t="shared" si="216"/>
        <v>44752.041666655605</v>
      </c>
      <c r="B4569" s="8">
        <v>-4.9800999999999998E-2</v>
      </c>
      <c r="C4569">
        <f t="shared" si="214"/>
        <v>1</v>
      </c>
      <c r="D4569">
        <f t="shared" si="215"/>
        <v>7</v>
      </c>
    </row>
    <row r="4570" spans="1:4" x14ac:dyDescent="0.25">
      <c r="A4570" s="7">
        <f t="shared" si="216"/>
        <v>44752.083333322269</v>
      </c>
      <c r="B4570" s="8">
        <v>-4.9800999999999998E-2</v>
      </c>
      <c r="C4570">
        <f t="shared" si="214"/>
        <v>2</v>
      </c>
      <c r="D4570">
        <f t="shared" si="215"/>
        <v>7</v>
      </c>
    </row>
    <row r="4571" spans="1:4" x14ac:dyDescent="0.25">
      <c r="A4571" s="7">
        <f t="shared" si="216"/>
        <v>44752.124999988933</v>
      </c>
      <c r="B4571" s="8">
        <v>-4.9800999999999998E-2</v>
      </c>
      <c r="C4571">
        <f t="shared" si="214"/>
        <v>3</v>
      </c>
      <c r="D4571">
        <f t="shared" si="215"/>
        <v>7</v>
      </c>
    </row>
    <row r="4572" spans="1:4" x14ac:dyDescent="0.25">
      <c r="A4572" s="7">
        <f t="shared" si="216"/>
        <v>44752.166666655598</v>
      </c>
      <c r="B4572" s="8">
        <v>-4.9800999999999998E-2</v>
      </c>
      <c r="C4572">
        <f t="shared" si="214"/>
        <v>4</v>
      </c>
      <c r="D4572">
        <f t="shared" si="215"/>
        <v>7</v>
      </c>
    </row>
    <row r="4573" spans="1:4" x14ac:dyDescent="0.25">
      <c r="A4573" s="7">
        <f t="shared" si="216"/>
        <v>44752.208333322262</v>
      </c>
      <c r="B4573" s="8">
        <v>-4.9800999999999998E-2</v>
      </c>
      <c r="C4573">
        <f t="shared" si="214"/>
        <v>5</v>
      </c>
      <c r="D4573">
        <f t="shared" si="215"/>
        <v>7</v>
      </c>
    </row>
    <row r="4574" spans="1:4" x14ac:dyDescent="0.25">
      <c r="A4574" s="7">
        <f t="shared" si="216"/>
        <v>44752.249999988926</v>
      </c>
      <c r="B4574" s="8">
        <v>-4.9800999999999998E-2</v>
      </c>
      <c r="C4574">
        <f t="shared" si="214"/>
        <v>6</v>
      </c>
      <c r="D4574">
        <f t="shared" si="215"/>
        <v>7</v>
      </c>
    </row>
    <row r="4575" spans="1:4" x14ac:dyDescent="0.25">
      <c r="A4575" s="7">
        <f t="shared" si="216"/>
        <v>44752.29166665559</v>
      </c>
      <c r="B4575" s="8">
        <v>0.66751741106763274</v>
      </c>
      <c r="C4575">
        <f t="shared" si="214"/>
        <v>7</v>
      </c>
      <c r="D4575">
        <f t="shared" si="215"/>
        <v>7</v>
      </c>
    </row>
    <row r="4576" spans="1:4" x14ac:dyDescent="0.25">
      <c r="A4576" s="7">
        <f t="shared" si="216"/>
        <v>44752.333333322254</v>
      </c>
      <c r="B4576" s="8">
        <v>2.7195896972657825</v>
      </c>
      <c r="C4576">
        <f t="shared" si="214"/>
        <v>8</v>
      </c>
      <c r="D4576">
        <f t="shared" si="215"/>
        <v>7</v>
      </c>
    </row>
    <row r="4577" spans="1:4" x14ac:dyDescent="0.25">
      <c r="A4577" s="7">
        <f t="shared" si="216"/>
        <v>44752.374999988919</v>
      </c>
      <c r="B4577" s="8">
        <v>5.1350158489763462</v>
      </c>
      <c r="C4577">
        <f t="shared" si="214"/>
        <v>9</v>
      </c>
      <c r="D4577">
        <f t="shared" si="215"/>
        <v>7</v>
      </c>
    </row>
    <row r="4578" spans="1:4" x14ac:dyDescent="0.25">
      <c r="A4578" s="7">
        <f t="shared" si="216"/>
        <v>44752.416666655583</v>
      </c>
      <c r="B4578" s="8">
        <v>8.5433783751743171</v>
      </c>
      <c r="C4578">
        <f t="shared" si="214"/>
        <v>10</v>
      </c>
      <c r="D4578">
        <f t="shared" si="215"/>
        <v>7</v>
      </c>
    </row>
    <row r="4579" spans="1:4" x14ac:dyDescent="0.25">
      <c r="A4579" s="7">
        <f t="shared" si="216"/>
        <v>44752.458333322247</v>
      </c>
      <c r="B4579" s="8">
        <v>11.987302295544929</v>
      </c>
      <c r="C4579">
        <f t="shared" si="214"/>
        <v>11</v>
      </c>
      <c r="D4579">
        <f t="shared" si="215"/>
        <v>7</v>
      </c>
    </row>
    <row r="4580" spans="1:4" x14ac:dyDescent="0.25">
      <c r="A4580" s="7">
        <f t="shared" si="216"/>
        <v>44752.499999988911</v>
      </c>
      <c r="B4580" s="8">
        <v>18.230797873945324</v>
      </c>
      <c r="C4580">
        <f t="shared" si="214"/>
        <v>12</v>
      </c>
      <c r="D4580">
        <f t="shared" si="215"/>
        <v>7</v>
      </c>
    </row>
    <row r="4581" spans="1:4" x14ac:dyDescent="0.25">
      <c r="A4581" s="7">
        <f t="shared" si="216"/>
        <v>44752.541666655576</v>
      </c>
      <c r="B4581" s="8">
        <v>16.248541555405282</v>
      </c>
      <c r="C4581">
        <f t="shared" si="214"/>
        <v>13</v>
      </c>
      <c r="D4581">
        <f t="shared" si="215"/>
        <v>7</v>
      </c>
    </row>
    <row r="4582" spans="1:4" x14ac:dyDescent="0.25">
      <c r="A4582" s="7">
        <f t="shared" si="216"/>
        <v>44752.58333332224</v>
      </c>
      <c r="B4582" s="8">
        <v>20.015801564898524</v>
      </c>
      <c r="C4582">
        <f t="shared" si="214"/>
        <v>14</v>
      </c>
      <c r="D4582">
        <f t="shared" si="215"/>
        <v>7</v>
      </c>
    </row>
    <row r="4583" spans="1:4" x14ac:dyDescent="0.25">
      <c r="A4583" s="7">
        <f t="shared" si="216"/>
        <v>44752.624999988904</v>
      </c>
      <c r="B4583" s="8">
        <v>15.133268007393028</v>
      </c>
      <c r="C4583">
        <f t="shared" si="214"/>
        <v>15</v>
      </c>
      <c r="D4583">
        <f t="shared" si="215"/>
        <v>7</v>
      </c>
    </row>
    <row r="4584" spans="1:4" x14ac:dyDescent="0.25">
      <c r="A4584" s="7">
        <f t="shared" si="216"/>
        <v>44752.666666655568</v>
      </c>
      <c r="B4584" s="8">
        <v>12.747119586030424</v>
      </c>
      <c r="C4584">
        <f t="shared" si="214"/>
        <v>16</v>
      </c>
      <c r="D4584">
        <f t="shared" si="215"/>
        <v>7</v>
      </c>
    </row>
    <row r="4585" spans="1:4" x14ac:dyDescent="0.25">
      <c r="A4585" s="7">
        <f t="shared" si="216"/>
        <v>44752.708333322233</v>
      </c>
      <c r="B4585" s="8">
        <v>9.5788740243279804</v>
      </c>
      <c r="C4585">
        <f t="shared" si="214"/>
        <v>17</v>
      </c>
      <c r="D4585">
        <f t="shared" si="215"/>
        <v>7</v>
      </c>
    </row>
    <row r="4586" spans="1:4" x14ac:dyDescent="0.25">
      <c r="A4586" s="7">
        <f t="shared" si="216"/>
        <v>44752.749999988897</v>
      </c>
      <c r="B4586" s="8">
        <v>3.1314299082425063</v>
      </c>
      <c r="C4586">
        <f t="shared" si="214"/>
        <v>18</v>
      </c>
      <c r="D4586">
        <f t="shared" si="215"/>
        <v>7</v>
      </c>
    </row>
    <row r="4587" spans="1:4" x14ac:dyDescent="0.25">
      <c r="A4587" s="7">
        <f t="shared" si="216"/>
        <v>44752.791666655561</v>
      </c>
      <c r="B4587" s="8">
        <v>2.056022636114502</v>
      </c>
      <c r="C4587">
        <f t="shared" si="214"/>
        <v>19</v>
      </c>
      <c r="D4587">
        <f t="shared" si="215"/>
        <v>7</v>
      </c>
    </row>
    <row r="4588" spans="1:4" x14ac:dyDescent="0.25">
      <c r="A4588" s="7">
        <f t="shared" si="216"/>
        <v>44752.833333322225</v>
      </c>
      <c r="B4588" s="8">
        <v>0.38664887181538998</v>
      </c>
      <c r="C4588">
        <f t="shared" si="214"/>
        <v>20</v>
      </c>
      <c r="D4588">
        <f t="shared" si="215"/>
        <v>7</v>
      </c>
    </row>
    <row r="4589" spans="1:4" x14ac:dyDescent="0.25">
      <c r="A4589" s="7">
        <f t="shared" si="216"/>
        <v>44752.87499998889</v>
      </c>
      <c r="B4589" s="8">
        <v>-4.9800999999999998E-2</v>
      </c>
      <c r="C4589">
        <f t="shared" si="214"/>
        <v>21</v>
      </c>
      <c r="D4589">
        <f t="shared" si="215"/>
        <v>7</v>
      </c>
    </row>
    <row r="4590" spans="1:4" x14ac:dyDescent="0.25">
      <c r="A4590" s="7">
        <f t="shared" si="216"/>
        <v>44752.916666655554</v>
      </c>
      <c r="B4590" s="8">
        <v>-4.9800999999999998E-2</v>
      </c>
      <c r="C4590">
        <f t="shared" si="214"/>
        <v>22</v>
      </c>
      <c r="D4590">
        <f t="shared" si="215"/>
        <v>7</v>
      </c>
    </row>
    <row r="4591" spans="1:4" x14ac:dyDescent="0.25">
      <c r="A4591" s="7">
        <f t="shared" si="216"/>
        <v>44752.958333322218</v>
      </c>
      <c r="B4591" s="8">
        <v>-4.9800999999999998E-2</v>
      </c>
      <c r="C4591">
        <f t="shared" si="214"/>
        <v>23</v>
      </c>
      <c r="D4591">
        <f t="shared" si="215"/>
        <v>7</v>
      </c>
    </row>
    <row r="4592" spans="1:4" x14ac:dyDescent="0.25">
      <c r="A4592" s="7">
        <f t="shared" si="216"/>
        <v>44752.999999988882</v>
      </c>
      <c r="B4592" s="8">
        <v>-4.9800999999999998E-2</v>
      </c>
      <c r="C4592">
        <f t="shared" si="214"/>
        <v>0</v>
      </c>
      <c r="D4592">
        <f t="shared" si="215"/>
        <v>7</v>
      </c>
    </row>
    <row r="4593" spans="1:4" x14ac:dyDescent="0.25">
      <c r="A4593" s="7">
        <f t="shared" si="216"/>
        <v>44753.041666655547</v>
      </c>
      <c r="B4593" s="8">
        <v>-4.9800999999999998E-2</v>
      </c>
      <c r="C4593">
        <f t="shared" si="214"/>
        <v>1</v>
      </c>
      <c r="D4593">
        <f t="shared" si="215"/>
        <v>7</v>
      </c>
    </row>
    <row r="4594" spans="1:4" x14ac:dyDescent="0.25">
      <c r="A4594" s="7">
        <f t="shared" si="216"/>
        <v>44753.083333322211</v>
      </c>
      <c r="B4594" s="8">
        <v>-4.9800999999999998E-2</v>
      </c>
      <c r="C4594">
        <f t="shared" si="214"/>
        <v>2</v>
      </c>
      <c r="D4594">
        <f t="shared" si="215"/>
        <v>7</v>
      </c>
    </row>
    <row r="4595" spans="1:4" x14ac:dyDescent="0.25">
      <c r="A4595" s="7">
        <f t="shared" si="216"/>
        <v>44753.124999988875</v>
      </c>
      <c r="B4595" s="8">
        <v>-4.9800999999999998E-2</v>
      </c>
      <c r="C4595">
        <f t="shared" si="214"/>
        <v>3</v>
      </c>
      <c r="D4595">
        <f t="shared" si="215"/>
        <v>7</v>
      </c>
    </row>
    <row r="4596" spans="1:4" x14ac:dyDescent="0.25">
      <c r="A4596" s="7">
        <f t="shared" si="216"/>
        <v>44753.166666655539</v>
      </c>
      <c r="B4596" s="8">
        <v>-4.9800999999999998E-2</v>
      </c>
      <c r="C4596">
        <f t="shared" si="214"/>
        <v>4</v>
      </c>
      <c r="D4596">
        <f t="shared" si="215"/>
        <v>7</v>
      </c>
    </row>
    <row r="4597" spans="1:4" x14ac:dyDescent="0.25">
      <c r="A4597" s="7">
        <f t="shared" si="216"/>
        <v>44753.208333322204</v>
      </c>
      <c r="B4597" s="8">
        <v>-4.9800999999999998E-2</v>
      </c>
      <c r="C4597">
        <f t="shared" si="214"/>
        <v>5</v>
      </c>
      <c r="D4597">
        <f t="shared" si="215"/>
        <v>7</v>
      </c>
    </row>
    <row r="4598" spans="1:4" x14ac:dyDescent="0.25">
      <c r="A4598" s="7">
        <f t="shared" si="216"/>
        <v>44753.249999988868</v>
      </c>
      <c r="B4598" s="8">
        <v>-4.9800999999999998E-2</v>
      </c>
      <c r="C4598">
        <f t="shared" si="214"/>
        <v>6</v>
      </c>
      <c r="D4598">
        <f t="shared" si="215"/>
        <v>7</v>
      </c>
    </row>
    <row r="4599" spans="1:4" x14ac:dyDescent="0.25">
      <c r="A4599" s="7">
        <f t="shared" si="216"/>
        <v>44753.291666655532</v>
      </c>
      <c r="B4599" s="8">
        <v>1.4444882689957981</v>
      </c>
      <c r="C4599">
        <f t="shared" si="214"/>
        <v>7</v>
      </c>
      <c r="D4599">
        <f t="shared" si="215"/>
        <v>7</v>
      </c>
    </row>
    <row r="4600" spans="1:4" x14ac:dyDescent="0.25">
      <c r="A4600" s="7">
        <f t="shared" si="216"/>
        <v>44753.333333322196</v>
      </c>
      <c r="B4600" s="8">
        <v>5.4897609816812238</v>
      </c>
      <c r="C4600">
        <f t="shared" si="214"/>
        <v>8</v>
      </c>
      <c r="D4600">
        <f t="shared" si="215"/>
        <v>7</v>
      </c>
    </row>
    <row r="4601" spans="1:4" x14ac:dyDescent="0.25">
      <c r="A4601" s="7">
        <f t="shared" si="216"/>
        <v>44753.374999988861</v>
      </c>
      <c r="B4601" s="8">
        <v>7.1068237857131091</v>
      </c>
      <c r="C4601">
        <f t="shared" si="214"/>
        <v>9</v>
      </c>
      <c r="D4601">
        <f t="shared" si="215"/>
        <v>7</v>
      </c>
    </row>
    <row r="4602" spans="1:4" x14ac:dyDescent="0.25">
      <c r="A4602" s="7">
        <f t="shared" si="216"/>
        <v>44753.416666655525</v>
      </c>
      <c r="B4602" s="8">
        <v>7.911525419847715</v>
      </c>
      <c r="C4602">
        <f t="shared" si="214"/>
        <v>10</v>
      </c>
      <c r="D4602">
        <f t="shared" si="215"/>
        <v>7</v>
      </c>
    </row>
    <row r="4603" spans="1:4" x14ac:dyDescent="0.25">
      <c r="A4603" s="7">
        <f t="shared" si="216"/>
        <v>44753.458333322189</v>
      </c>
      <c r="B4603" s="8">
        <v>13.499749362736463</v>
      </c>
      <c r="C4603">
        <f t="shared" si="214"/>
        <v>11</v>
      </c>
      <c r="D4603">
        <f t="shared" si="215"/>
        <v>7</v>
      </c>
    </row>
    <row r="4604" spans="1:4" x14ac:dyDescent="0.25">
      <c r="A4604" s="7">
        <f t="shared" si="216"/>
        <v>44753.499999988853</v>
      </c>
      <c r="B4604" s="8">
        <v>12.044222169150515</v>
      </c>
      <c r="C4604">
        <f t="shared" si="214"/>
        <v>12</v>
      </c>
      <c r="D4604">
        <f t="shared" si="215"/>
        <v>7</v>
      </c>
    </row>
    <row r="4605" spans="1:4" x14ac:dyDescent="0.25">
      <c r="A4605" s="7">
        <f t="shared" si="216"/>
        <v>44753.541666655517</v>
      </c>
      <c r="B4605" s="8">
        <v>7.9128002914486872</v>
      </c>
      <c r="C4605">
        <f t="shared" si="214"/>
        <v>13</v>
      </c>
      <c r="D4605">
        <f t="shared" si="215"/>
        <v>7</v>
      </c>
    </row>
    <row r="4606" spans="1:4" x14ac:dyDescent="0.25">
      <c r="A4606" s="7">
        <f t="shared" si="216"/>
        <v>44753.583333322182</v>
      </c>
      <c r="B4606" s="8">
        <v>7.574924276257728</v>
      </c>
      <c r="C4606">
        <f t="shared" si="214"/>
        <v>14</v>
      </c>
      <c r="D4606">
        <f t="shared" si="215"/>
        <v>7</v>
      </c>
    </row>
    <row r="4607" spans="1:4" x14ac:dyDescent="0.25">
      <c r="A4607" s="7">
        <f t="shared" si="216"/>
        <v>44753.624999988846</v>
      </c>
      <c r="B4607" s="8">
        <v>10.326521804818096</v>
      </c>
      <c r="C4607">
        <f t="shared" si="214"/>
        <v>15</v>
      </c>
      <c r="D4607">
        <f t="shared" si="215"/>
        <v>7</v>
      </c>
    </row>
    <row r="4608" spans="1:4" x14ac:dyDescent="0.25">
      <c r="A4608" s="7">
        <f t="shared" si="216"/>
        <v>44753.66666665551</v>
      </c>
      <c r="B4608" s="8">
        <v>11.737807758941681</v>
      </c>
      <c r="C4608">
        <f t="shared" si="214"/>
        <v>16</v>
      </c>
      <c r="D4608">
        <f t="shared" si="215"/>
        <v>7</v>
      </c>
    </row>
    <row r="4609" spans="1:4" x14ac:dyDescent="0.25">
      <c r="A4609" s="7">
        <f t="shared" si="216"/>
        <v>44753.708333322174</v>
      </c>
      <c r="B4609" s="8">
        <v>8.1436252249382619</v>
      </c>
      <c r="C4609">
        <f t="shared" si="214"/>
        <v>17</v>
      </c>
      <c r="D4609">
        <f t="shared" si="215"/>
        <v>7</v>
      </c>
    </row>
    <row r="4610" spans="1:4" x14ac:dyDescent="0.25">
      <c r="A4610" s="7">
        <f t="shared" si="216"/>
        <v>44753.749999988839</v>
      </c>
      <c r="B4610" s="8">
        <v>3.6952137894951984</v>
      </c>
      <c r="C4610">
        <f t="shared" si="214"/>
        <v>18</v>
      </c>
      <c r="D4610">
        <f t="shared" si="215"/>
        <v>7</v>
      </c>
    </row>
    <row r="4611" spans="1:4" x14ac:dyDescent="0.25">
      <c r="A4611" s="7">
        <f t="shared" si="216"/>
        <v>44753.791666655503</v>
      </c>
      <c r="B4611" s="8">
        <v>1.4105634925291763</v>
      </c>
      <c r="C4611">
        <f t="shared" si="214"/>
        <v>19</v>
      </c>
      <c r="D4611">
        <f t="shared" si="215"/>
        <v>7</v>
      </c>
    </row>
    <row r="4612" spans="1:4" x14ac:dyDescent="0.25">
      <c r="A4612" s="7">
        <f t="shared" si="216"/>
        <v>44753.833333322167</v>
      </c>
      <c r="B4612" s="8">
        <v>-4.9800999999999998E-2</v>
      </c>
      <c r="C4612">
        <f t="shared" si="214"/>
        <v>20</v>
      </c>
      <c r="D4612">
        <f t="shared" si="215"/>
        <v>7</v>
      </c>
    </row>
    <row r="4613" spans="1:4" x14ac:dyDescent="0.25">
      <c r="A4613" s="7">
        <f t="shared" si="216"/>
        <v>44753.874999988831</v>
      </c>
      <c r="B4613" s="8">
        <v>-4.9800999999999998E-2</v>
      </c>
      <c r="C4613">
        <f t="shared" si="214"/>
        <v>21</v>
      </c>
      <c r="D4613">
        <f t="shared" si="215"/>
        <v>7</v>
      </c>
    </row>
    <row r="4614" spans="1:4" x14ac:dyDescent="0.25">
      <c r="A4614" s="7">
        <f t="shared" si="216"/>
        <v>44753.916666655496</v>
      </c>
      <c r="B4614" s="8">
        <v>-4.9800999999999998E-2</v>
      </c>
      <c r="C4614">
        <f t="shared" si="214"/>
        <v>22</v>
      </c>
      <c r="D4614">
        <f t="shared" si="215"/>
        <v>7</v>
      </c>
    </row>
    <row r="4615" spans="1:4" x14ac:dyDescent="0.25">
      <c r="A4615" s="7">
        <f t="shared" si="216"/>
        <v>44753.95833332216</v>
      </c>
      <c r="B4615" s="8">
        <v>-4.9800999999999998E-2</v>
      </c>
      <c r="C4615">
        <f t="shared" si="214"/>
        <v>23</v>
      </c>
      <c r="D4615">
        <f t="shared" si="215"/>
        <v>7</v>
      </c>
    </row>
    <row r="4616" spans="1:4" x14ac:dyDescent="0.25">
      <c r="A4616" s="7">
        <f t="shared" si="216"/>
        <v>44753.999999988824</v>
      </c>
      <c r="B4616" s="8">
        <v>-4.9800999999999998E-2</v>
      </c>
      <c r="C4616">
        <f t="shared" si="214"/>
        <v>0</v>
      </c>
      <c r="D4616">
        <f t="shared" si="215"/>
        <v>7</v>
      </c>
    </row>
    <row r="4617" spans="1:4" x14ac:dyDescent="0.25">
      <c r="A4617" s="7">
        <f t="shared" si="216"/>
        <v>44754.041666655488</v>
      </c>
      <c r="B4617" s="8">
        <v>-4.9800999999999998E-2</v>
      </c>
      <c r="C4617">
        <f t="shared" si="214"/>
        <v>1</v>
      </c>
      <c r="D4617">
        <f t="shared" si="215"/>
        <v>7</v>
      </c>
    </row>
    <row r="4618" spans="1:4" x14ac:dyDescent="0.25">
      <c r="A4618" s="7">
        <f t="shared" si="216"/>
        <v>44754.083333322153</v>
      </c>
      <c r="B4618" s="8">
        <v>-4.9800999999999998E-2</v>
      </c>
      <c r="C4618">
        <f t="shared" ref="C4618:C4681" si="217">HOUR(A4618)</f>
        <v>2</v>
      </c>
      <c r="D4618">
        <f t="shared" ref="D4618:D4681" si="218">MONTH(A4618)</f>
        <v>7</v>
      </c>
    </row>
    <row r="4619" spans="1:4" x14ac:dyDescent="0.25">
      <c r="A4619" s="7">
        <f t="shared" ref="A4619:A4682" si="219">+A4618+1/24</f>
        <v>44754.124999988817</v>
      </c>
      <c r="B4619" s="8">
        <v>-4.9800999999999998E-2</v>
      </c>
      <c r="C4619">
        <f t="shared" si="217"/>
        <v>3</v>
      </c>
      <c r="D4619">
        <f t="shared" si="218"/>
        <v>7</v>
      </c>
    </row>
    <row r="4620" spans="1:4" x14ac:dyDescent="0.25">
      <c r="A4620" s="7">
        <f t="shared" si="219"/>
        <v>44754.166666655481</v>
      </c>
      <c r="B4620" s="8">
        <v>-4.9800999999999998E-2</v>
      </c>
      <c r="C4620">
        <f t="shared" si="217"/>
        <v>4</v>
      </c>
      <c r="D4620">
        <f t="shared" si="218"/>
        <v>7</v>
      </c>
    </row>
    <row r="4621" spans="1:4" x14ac:dyDescent="0.25">
      <c r="A4621" s="7">
        <f t="shared" si="219"/>
        <v>44754.208333322145</v>
      </c>
      <c r="B4621" s="8">
        <v>-4.9800999999999998E-2</v>
      </c>
      <c r="C4621">
        <f t="shared" si="217"/>
        <v>5</v>
      </c>
      <c r="D4621">
        <f t="shared" si="218"/>
        <v>7</v>
      </c>
    </row>
    <row r="4622" spans="1:4" x14ac:dyDescent="0.25">
      <c r="A4622" s="7">
        <f t="shared" si="219"/>
        <v>44754.24999998881</v>
      </c>
      <c r="B4622" s="8">
        <v>-4.9800999999999998E-2</v>
      </c>
      <c r="C4622">
        <f t="shared" si="217"/>
        <v>6</v>
      </c>
      <c r="D4622">
        <f t="shared" si="218"/>
        <v>7</v>
      </c>
    </row>
    <row r="4623" spans="1:4" x14ac:dyDescent="0.25">
      <c r="A4623" s="7">
        <f t="shared" si="219"/>
        <v>44754.291666655474</v>
      </c>
      <c r="B4623" s="8">
        <v>1.2044094372805711</v>
      </c>
      <c r="C4623">
        <f t="shared" si="217"/>
        <v>7</v>
      </c>
      <c r="D4623">
        <f t="shared" si="218"/>
        <v>7</v>
      </c>
    </row>
    <row r="4624" spans="1:4" x14ac:dyDescent="0.25">
      <c r="A4624" s="7">
        <f t="shared" si="219"/>
        <v>44754.333333322138</v>
      </c>
      <c r="B4624" s="8">
        <v>4.8502423068978429</v>
      </c>
      <c r="C4624">
        <f t="shared" si="217"/>
        <v>8</v>
      </c>
      <c r="D4624">
        <f t="shared" si="218"/>
        <v>7</v>
      </c>
    </row>
    <row r="4625" spans="1:4" x14ac:dyDescent="0.25">
      <c r="A4625" s="7">
        <f t="shared" si="219"/>
        <v>44754.374999988802</v>
      </c>
      <c r="B4625" s="8">
        <v>6.2365368613027679</v>
      </c>
      <c r="C4625">
        <f t="shared" si="217"/>
        <v>9</v>
      </c>
      <c r="D4625">
        <f t="shared" si="218"/>
        <v>7</v>
      </c>
    </row>
    <row r="4626" spans="1:4" x14ac:dyDescent="0.25">
      <c r="A4626" s="7">
        <f t="shared" si="219"/>
        <v>44754.416666655467</v>
      </c>
      <c r="B4626" s="8">
        <v>10.170437120724257</v>
      </c>
      <c r="C4626">
        <f t="shared" si="217"/>
        <v>10</v>
      </c>
      <c r="D4626">
        <f t="shared" si="218"/>
        <v>7</v>
      </c>
    </row>
    <row r="4627" spans="1:4" x14ac:dyDescent="0.25">
      <c r="A4627" s="7">
        <f t="shared" si="219"/>
        <v>44754.458333322131</v>
      </c>
      <c r="B4627" s="8">
        <v>9.3669413069398022</v>
      </c>
      <c r="C4627">
        <f t="shared" si="217"/>
        <v>11</v>
      </c>
      <c r="D4627">
        <f t="shared" si="218"/>
        <v>7</v>
      </c>
    </row>
    <row r="4628" spans="1:4" x14ac:dyDescent="0.25">
      <c r="A4628" s="7">
        <f t="shared" si="219"/>
        <v>44754.499999988795</v>
      </c>
      <c r="B4628" s="8">
        <v>7.3722289672442596</v>
      </c>
      <c r="C4628">
        <f t="shared" si="217"/>
        <v>12</v>
      </c>
      <c r="D4628">
        <f t="shared" si="218"/>
        <v>7</v>
      </c>
    </row>
    <row r="4629" spans="1:4" x14ac:dyDescent="0.25">
      <c r="A4629" s="7">
        <f t="shared" si="219"/>
        <v>44754.541666655459</v>
      </c>
      <c r="B4629" s="8">
        <v>5.1186094779044939</v>
      </c>
      <c r="C4629">
        <f t="shared" si="217"/>
        <v>13</v>
      </c>
      <c r="D4629">
        <f t="shared" si="218"/>
        <v>7</v>
      </c>
    </row>
    <row r="4630" spans="1:4" x14ac:dyDescent="0.25">
      <c r="A4630" s="7">
        <f t="shared" si="219"/>
        <v>44754.583333322124</v>
      </c>
      <c r="B4630" s="8">
        <v>4.4342971536521834</v>
      </c>
      <c r="C4630">
        <f t="shared" si="217"/>
        <v>14</v>
      </c>
      <c r="D4630">
        <f t="shared" si="218"/>
        <v>7</v>
      </c>
    </row>
    <row r="4631" spans="1:4" x14ac:dyDescent="0.25">
      <c r="A4631" s="7">
        <f t="shared" si="219"/>
        <v>44754.624999988788</v>
      </c>
      <c r="B4631" s="8">
        <v>4.9156894946719385</v>
      </c>
      <c r="C4631">
        <f t="shared" si="217"/>
        <v>15</v>
      </c>
      <c r="D4631">
        <f t="shared" si="218"/>
        <v>7</v>
      </c>
    </row>
    <row r="4632" spans="1:4" x14ac:dyDescent="0.25">
      <c r="A4632" s="7">
        <f t="shared" si="219"/>
        <v>44754.666666655452</v>
      </c>
      <c r="B4632" s="8">
        <v>4.014350119705977</v>
      </c>
      <c r="C4632">
        <f t="shared" si="217"/>
        <v>16</v>
      </c>
      <c r="D4632">
        <f t="shared" si="218"/>
        <v>7</v>
      </c>
    </row>
    <row r="4633" spans="1:4" x14ac:dyDescent="0.25">
      <c r="A4633" s="7">
        <f t="shared" si="219"/>
        <v>44754.708333322116</v>
      </c>
      <c r="B4633" s="8">
        <v>2.4176368223525091</v>
      </c>
      <c r="C4633">
        <f t="shared" si="217"/>
        <v>17</v>
      </c>
      <c r="D4633">
        <f t="shared" si="218"/>
        <v>7</v>
      </c>
    </row>
    <row r="4634" spans="1:4" x14ac:dyDescent="0.25">
      <c r="A4634" s="7">
        <f t="shared" si="219"/>
        <v>44754.74999998878</v>
      </c>
      <c r="B4634" s="8">
        <v>1.7738070821634144</v>
      </c>
      <c r="C4634">
        <f t="shared" si="217"/>
        <v>18</v>
      </c>
      <c r="D4634">
        <f t="shared" si="218"/>
        <v>7</v>
      </c>
    </row>
    <row r="4635" spans="1:4" x14ac:dyDescent="0.25">
      <c r="A4635" s="7">
        <f t="shared" si="219"/>
        <v>44754.791666655445</v>
      </c>
      <c r="B4635" s="8">
        <v>0.79705343514445448</v>
      </c>
      <c r="C4635">
        <f t="shared" si="217"/>
        <v>19</v>
      </c>
      <c r="D4635">
        <f t="shared" si="218"/>
        <v>7</v>
      </c>
    </row>
    <row r="4636" spans="1:4" x14ac:dyDescent="0.25">
      <c r="A4636" s="7">
        <f t="shared" si="219"/>
        <v>44754.833333322109</v>
      </c>
      <c r="B4636" s="8">
        <v>-4.9800999999999998E-2</v>
      </c>
      <c r="C4636">
        <f t="shared" si="217"/>
        <v>20</v>
      </c>
      <c r="D4636">
        <f t="shared" si="218"/>
        <v>7</v>
      </c>
    </row>
    <row r="4637" spans="1:4" x14ac:dyDescent="0.25">
      <c r="A4637" s="7">
        <f t="shared" si="219"/>
        <v>44754.874999988773</v>
      </c>
      <c r="B4637" s="8">
        <v>-4.9800999999999998E-2</v>
      </c>
      <c r="C4637">
        <f t="shared" si="217"/>
        <v>21</v>
      </c>
      <c r="D4637">
        <f t="shared" si="218"/>
        <v>7</v>
      </c>
    </row>
    <row r="4638" spans="1:4" x14ac:dyDescent="0.25">
      <c r="A4638" s="7">
        <f t="shared" si="219"/>
        <v>44754.916666655437</v>
      </c>
      <c r="B4638" s="8">
        <v>-4.9800999999999998E-2</v>
      </c>
      <c r="C4638">
        <f t="shared" si="217"/>
        <v>22</v>
      </c>
      <c r="D4638">
        <f t="shared" si="218"/>
        <v>7</v>
      </c>
    </row>
    <row r="4639" spans="1:4" x14ac:dyDescent="0.25">
      <c r="A4639" s="7">
        <f t="shared" si="219"/>
        <v>44754.958333322102</v>
      </c>
      <c r="B4639" s="8">
        <v>-4.9800999999999998E-2</v>
      </c>
      <c r="C4639">
        <f t="shared" si="217"/>
        <v>23</v>
      </c>
      <c r="D4639">
        <f t="shared" si="218"/>
        <v>7</v>
      </c>
    </row>
    <row r="4640" spans="1:4" x14ac:dyDescent="0.25">
      <c r="A4640" s="7">
        <f t="shared" si="219"/>
        <v>44754.999999988766</v>
      </c>
      <c r="B4640" s="8">
        <v>-4.9800999999999998E-2</v>
      </c>
      <c r="C4640">
        <f t="shared" si="217"/>
        <v>0</v>
      </c>
      <c r="D4640">
        <f t="shared" si="218"/>
        <v>7</v>
      </c>
    </row>
    <row r="4641" spans="1:4" x14ac:dyDescent="0.25">
      <c r="A4641" s="7">
        <f t="shared" si="219"/>
        <v>44755.04166665543</v>
      </c>
      <c r="B4641" s="8">
        <v>-4.9800999999999998E-2</v>
      </c>
      <c r="C4641">
        <f t="shared" si="217"/>
        <v>1</v>
      </c>
      <c r="D4641">
        <f t="shared" si="218"/>
        <v>7</v>
      </c>
    </row>
    <row r="4642" spans="1:4" x14ac:dyDescent="0.25">
      <c r="A4642" s="7">
        <f t="shared" si="219"/>
        <v>44755.083333322094</v>
      </c>
      <c r="B4642" s="8">
        <v>-4.9800999999999998E-2</v>
      </c>
      <c r="C4642">
        <f t="shared" si="217"/>
        <v>2</v>
      </c>
      <c r="D4642">
        <f t="shared" si="218"/>
        <v>7</v>
      </c>
    </row>
    <row r="4643" spans="1:4" x14ac:dyDescent="0.25">
      <c r="A4643" s="7">
        <f t="shared" si="219"/>
        <v>44755.124999988759</v>
      </c>
      <c r="B4643" s="8">
        <v>-4.9800999999999998E-2</v>
      </c>
      <c r="C4643">
        <f t="shared" si="217"/>
        <v>3</v>
      </c>
      <c r="D4643">
        <f t="shared" si="218"/>
        <v>7</v>
      </c>
    </row>
    <row r="4644" spans="1:4" x14ac:dyDescent="0.25">
      <c r="A4644" s="7">
        <f t="shared" si="219"/>
        <v>44755.166666655423</v>
      </c>
      <c r="B4644" s="8">
        <v>-4.9800999999999998E-2</v>
      </c>
      <c r="C4644">
        <f t="shared" si="217"/>
        <v>4</v>
      </c>
      <c r="D4644">
        <f t="shared" si="218"/>
        <v>7</v>
      </c>
    </row>
    <row r="4645" spans="1:4" x14ac:dyDescent="0.25">
      <c r="A4645" s="7">
        <f t="shared" si="219"/>
        <v>44755.208333322087</v>
      </c>
      <c r="B4645" s="8">
        <v>-4.9800999999999998E-2</v>
      </c>
      <c r="C4645">
        <f t="shared" si="217"/>
        <v>5</v>
      </c>
      <c r="D4645">
        <f t="shared" si="218"/>
        <v>7</v>
      </c>
    </row>
    <row r="4646" spans="1:4" x14ac:dyDescent="0.25">
      <c r="A4646" s="7">
        <f t="shared" si="219"/>
        <v>44755.249999988751</v>
      </c>
      <c r="B4646" s="8">
        <v>-4.9800999999999998E-2</v>
      </c>
      <c r="C4646">
        <f t="shared" si="217"/>
        <v>6</v>
      </c>
      <c r="D4646">
        <f t="shared" si="218"/>
        <v>7</v>
      </c>
    </row>
    <row r="4647" spans="1:4" x14ac:dyDescent="0.25">
      <c r="A4647" s="7">
        <f t="shared" si="219"/>
        <v>44755.291666655416</v>
      </c>
      <c r="B4647" s="8">
        <v>0.79433364035466769</v>
      </c>
      <c r="C4647">
        <f t="shared" si="217"/>
        <v>7</v>
      </c>
      <c r="D4647">
        <f t="shared" si="218"/>
        <v>7</v>
      </c>
    </row>
    <row r="4648" spans="1:4" x14ac:dyDescent="0.25">
      <c r="A4648" s="7">
        <f t="shared" si="219"/>
        <v>44755.33333332208</v>
      </c>
      <c r="B4648" s="8">
        <v>1.7002159692552175</v>
      </c>
      <c r="C4648">
        <f t="shared" si="217"/>
        <v>8</v>
      </c>
      <c r="D4648">
        <f t="shared" si="218"/>
        <v>7</v>
      </c>
    </row>
    <row r="4649" spans="1:4" x14ac:dyDescent="0.25">
      <c r="A4649" s="7">
        <f t="shared" si="219"/>
        <v>44755.374999988744</v>
      </c>
      <c r="B4649" s="8">
        <v>2.5801597626236124</v>
      </c>
      <c r="C4649">
        <f t="shared" si="217"/>
        <v>9</v>
      </c>
      <c r="D4649">
        <f t="shared" si="218"/>
        <v>7</v>
      </c>
    </row>
    <row r="4650" spans="1:4" x14ac:dyDescent="0.25">
      <c r="A4650" s="7">
        <f t="shared" si="219"/>
        <v>44755.416666655408</v>
      </c>
      <c r="B4650" s="8">
        <v>3.6957033319450465</v>
      </c>
      <c r="C4650">
        <f t="shared" si="217"/>
        <v>10</v>
      </c>
      <c r="D4650">
        <f t="shared" si="218"/>
        <v>7</v>
      </c>
    </row>
    <row r="4651" spans="1:4" x14ac:dyDescent="0.25">
      <c r="A4651" s="7">
        <f t="shared" si="219"/>
        <v>44755.458333322073</v>
      </c>
      <c r="B4651" s="8">
        <v>5.3628334459003284</v>
      </c>
      <c r="C4651">
        <f t="shared" si="217"/>
        <v>11</v>
      </c>
      <c r="D4651">
        <f t="shared" si="218"/>
        <v>7</v>
      </c>
    </row>
    <row r="4652" spans="1:4" x14ac:dyDescent="0.25">
      <c r="A4652" s="7">
        <f t="shared" si="219"/>
        <v>44755.499999988737</v>
      </c>
      <c r="B4652" s="8">
        <v>6.2337490458778442</v>
      </c>
      <c r="C4652">
        <f t="shared" si="217"/>
        <v>12</v>
      </c>
      <c r="D4652">
        <f t="shared" si="218"/>
        <v>7</v>
      </c>
    </row>
    <row r="4653" spans="1:4" x14ac:dyDescent="0.25">
      <c r="A4653" s="7">
        <f t="shared" si="219"/>
        <v>44755.541666655401</v>
      </c>
      <c r="B4653" s="8">
        <v>7.7634300685353939</v>
      </c>
      <c r="C4653">
        <f t="shared" si="217"/>
        <v>13</v>
      </c>
      <c r="D4653">
        <f t="shared" si="218"/>
        <v>7</v>
      </c>
    </row>
    <row r="4654" spans="1:4" x14ac:dyDescent="0.25">
      <c r="A4654" s="7">
        <f t="shared" si="219"/>
        <v>44755.583333322065</v>
      </c>
      <c r="B4654" s="8">
        <v>8.7328663441987295</v>
      </c>
      <c r="C4654">
        <f t="shared" si="217"/>
        <v>14</v>
      </c>
      <c r="D4654">
        <f t="shared" si="218"/>
        <v>7</v>
      </c>
    </row>
    <row r="4655" spans="1:4" x14ac:dyDescent="0.25">
      <c r="A4655" s="7">
        <f t="shared" si="219"/>
        <v>44755.62499998873</v>
      </c>
      <c r="B4655" s="8">
        <v>14.030776155092381</v>
      </c>
      <c r="C4655">
        <f t="shared" si="217"/>
        <v>15</v>
      </c>
      <c r="D4655">
        <f t="shared" si="218"/>
        <v>7</v>
      </c>
    </row>
    <row r="4656" spans="1:4" x14ac:dyDescent="0.25">
      <c r="A4656" s="7">
        <f t="shared" si="219"/>
        <v>44755.666666655394</v>
      </c>
      <c r="B4656" s="8">
        <v>14.204520438929684</v>
      </c>
      <c r="C4656">
        <f t="shared" si="217"/>
        <v>16</v>
      </c>
      <c r="D4656">
        <f t="shared" si="218"/>
        <v>7</v>
      </c>
    </row>
    <row r="4657" spans="1:4" x14ac:dyDescent="0.25">
      <c r="A4657" s="7">
        <f t="shared" si="219"/>
        <v>44755.708333322058</v>
      </c>
      <c r="B4657" s="8">
        <v>9.4411878914229543</v>
      </c>
      <c r="C4657">
        <f t="shared" si="217"/>
        <v>17</v>
      </c>
      <c r="D4657">
        <f t="shared" si="218"/>
        <v>7</v>
      </c>
    </row>
    <row r="4658" spans="1:4" x14ac:dyDescent="0.25">
      <c r="A4658" s="7">
        <f t="shared" si="219"/>
        <v>44755.749999988722</v>
      </c>
      <c r="B4658" s="8">
        <v>6.7806184625265251</v>
      </c>
      <c r="C4658">
        <f t="shared" si="217"/>
        <v>18</v>
      </c>
      <c r="D4658">
        <f t="shared" si="218"/>
        <v>7</v>
      </c>
    </row>
    <row r="4659" spans="1:4" x14ac:dyDescent="0.25">
      <c r="A4659" s="7">
        <f t="shared" si="219"/>
        <v>44755.791666655387</v>
      </c>
      <c r="B4659" s="8">
        <v>1.6627623646869547</v>
      </c>
      <c r="C4659">
        <f t="shared" si="217"/>
        <v>19</v>
      </c>
      <c r="D4659">
        <f t="shared" si="218"/>
        <v>7</v>
      </c>
    </row>
    <row r="4660" spans="1:4" x14ac:dyDescent="0.25">
      <c r="A4660" s="7">
        <f t="shared" si="219"/>
        <v>44755.833333322051</v>
      </c>
      <c r="B4660" s="8">
        <v>-4.9800999999999998E-2</v>
      </c>
      <c r="C4660">
        <f t="shared" si="217"/>
        <v>20</v>
      </c>
      <c r="D4660">
        <f t="shared" si="218"/>
        <v>7</v>
      </c>
    </row>
    <row r="4661" spans="1:4" x14ac:dyDescent="0.25">
      <c r="A4661" s="7">
        <f t="shared" si="219"/>
        <v>44755.874999988715</v>
      </c>
      <c r="B4661" s="8">
        <v>-4.9800999999999998E-2</v>
      </c>
      <c r="C4661">
        <f t="shared" si="217"/>
        <v>21</v>
      </c>
      <c r="D4661">
        <f t="shared" si="218"/>
        <v>7</v>
      </c>
    </row>
    <row r="4662" spans="1:4" x14ac:dyDescent="0.25">
      <c r="A4662" s="7">
        <f t="shared" si="219"/>
        <v>44755.916666655379</v>
      </c>
      <c r="B4662" s="8">
        <v>-4.9800999999999998E-2</v>
      </c>
      <c r="C4662">
        <f t="shared" si="217"/>
        <v>22</v>
      </c>
      <c r="D4662">
        <f t="shared" si="218"/>
        <v>7</v>
      </c>
    </row>
    <row r="4663" spans="1:4" x14ac:dyDescent="0.25">
      <c r="A4663" s="7">
        <f t="shared" si="219"/>
        <v>44755.958333322043</v>
      </c>
      <c r="B4663" s="8">
        <v>-4.9800999999999998E-2</v>
      </c>
      <c r="C4663">
        <f t="shared" si="217"/>
        <v>23</v>
      </c>
      <c r="D4663">
        <f t="shared" si="218"/>
        <v>7</v>
      </c>
    </row>
    <row r="4664" spans="1:4" x14ac:dyDescent="0.25">
      <c r="A4664" s="7">
        <f t="shared" si="219"/>
        <v>44755.999999988708</v>
      </c>
      <c r="B4664" s="8">
        <v>-4.9800999999999998E-2</v>
      </c>
      <c r="C4664">
        <f t="shared" si="217"/>
        <v>0</v>
      </c>
      <c r="D4664">
        <f t="shared" si="218"/>
        <v>7</v>
      </c>
    </row>
    <row r="4665" spans="1:4" x14ac:dyDescent="0.25">
      <c r="A4665" s="7">
        <f t="shared" si="219"/>
        <v>44756.041666655372</v>
      </c>
      <c r="B4665" s="8">
        <v>-4.9800999999999998E-2</v>
      </c>
      <c r="C4665">
        <f t="shared" si="217"/>
        <v>1</v>
      </c>
      <c r="D4665">
        <f t="shared" si="218"/>
        <v>7</v>
      </c>
    </row>
    <row r="4666" spans="1:4" x14ac:dyDescent="0.25">
      <c r="A4666" s="7">
        <f t="shared" si="219"/>
        <v>44756.083333322036</v>
      </c>
      <c r="B4666" s="8">
        <v>-4.9800999999999998E-2</v>
      </c>
      <c r="C4666">
        <f t="shared" si="217"/>
        <v>2</v>
      </c>
      <c r="D4666">
        <f t="shared" si="218"/>
        <v>7</v>
      </c>
    </row>
    <row r="4667" spans="1:4" x14ac:dyDescent="0.25">
      <c r="A4667" s="7">
        <f t="shared" si="219"/>
        <v>44756.1249999887</v>
      </c>
      <c r="B4667" s="8">
        <v>-4.9800999999999998E-2</v>
      </c>
      <c r="C4667">
        <f t="shared" si="217"/>
        <v>3</v>
      </c>
      <c r="D4667">
        <f t="shared" si="218"/>
        <v>7</v>
      </c>
    </row>
    <row r="4668" spans="1:4" x14ac:dyDescent="0.25">
      <c r="A4668" s="7">
        <f t="shared" si="219"/>
        <v>44756.166666655365</v>
      </c>
      <c r="B4668" s="8">
        <v>-4.9800999999999998E-2</v>
      </c>
      <c r="C4668">
        <f t="shared" si="217"/>
        <v>4</v>
      </c>
      <c r="D4668">
        <f t="shared" si="218"/>
        <v>7</v>
      </c>
    </row>
    <row r="4669" spans="1:4" x14ac:dyDescent="0.25">
      <c r="A4669" s="7">
        <f t="shared" si="219"/>
        <v>44756.208333322029</v>
      </c>
      <c r="B4669" s="8">
        <v>-4.9800999999999998E-2</v>
      </c>
      <c r="C4669">
        <f t="shared" si="217"/>
        <v>5</v>
      </c>
      <c r="D4669">
        <f t="shared" si="218"/>
        <v>7</v>
      </c>
    </row>
    <row r="4670" spans="1:4" x14ac:dyDescent="0.25">
      <c r="A4670" s="7">
        <f t="shared" si="219"/>
        <v>44756.249999988693</v>
      </c>
      <c r="B4670" s="8">
        <v>-4.9800999999999998E-2</v>
      </c>
      <c r="C4670">
        <f t="shared" si="217"/>
        <v>6</v>
      </c>
      <c r="D4670">
        <f t="shared" si="218"/>
        <v>7</v>
      </c>
    </row>
    <row r="4671" spans="1:4" x14ac:dyDescent="0.25">
      <c r="A4671" s="7">
        <f t="shared" si="219"/>
        <v>44756.291666655357</v>
      </c>
      <c r="B4671" s="8">
        <v>1.5364933923280657</v>
      </c>
      <c r="C4671">
        <f t="shared" si="217"/>
        <v>7</v>
      </c>
      <c r="D4671">
        <f t="shared" si="218"/>
        <v>7</v>
      </c>
    </row>
    <row r="4672" spans="1:4" x14ac:dyDescent="0.25">
      <c r="A4672" s="7">
        <f t="shared" si="219"/>
        <v>44756.333333322022</v>
      </c>
      <c r="B4672" s="8">
        <v>5.000474124522869</v>
      </c>
      <c r="C4672">
        <f t="shared" si="217"/>
        <v>8</v>
      </c>
      <c r="D4672">
        <f t="shared" si="218"/>
        <v>7</v>
      </c>
    </row>
    <row r="4673" spans="1:4" x14ac:dyDescent="0.25">
      <c r="A4673" s="7">
        <f t="shared" si="219"/>
        <v>44756.374999988686</v>
      </c>
      <c r="B4673" s="8">
        <v>6.0167961994934345</v>
      </c>
      <c r="C4673">
        <f t="shared" si="217"/>
        <v>9</v>
      </c>
      <c r="D4673">
        <f t="shared" si="218"/>
        <v>7</v>
      </c>
    </row>
    <row r="4674" spans="1:4" x14ac:dyDescent="0.25">
      <c r="A4674" s="7">
        <f t="shared" si="219"/>
        <v>44756.41666665535</v>
      </c>
      <c r="B4674" s="8">
        <v>10.573096607188884</v>
      </c>
      <c r="C4674">
        <f t="shared" si="217"/>
        <v>10</v>
      </c>
      <c r="D4674">
        <f t="shared" si="218"/>
        <v>7</v>
      </c>
    </row>
    <row r="4675" spans="1:4" x14ac:dyDescent="0.25">
      <c r="A4675" s="7">
        <f t="shared" si="219"/>
        <v>44756.458333322014</v>
      </c>
      <c r="B4675" s="8">
        <v>15.007333985131401</v>
      </c>
      <c r="C4675">
        <f t="shared" si="217"/>
        <v>11</v>
      </c>
      <c r="D4675">
        <f t="shared" si="218"/>
        <v>7</v>
      </c>
    </row>
    <row r="4676" spans="1:4" x14ac:dyDescent="0.25">
      <c r="A4676" s="7">
        <f t="shared" si="219"/>
        <v>44756.499999988679</v>
      </c>
      <c r="B4676" s="8">
        <v>20.451315018134213</v>
      </c>
      <c r="C4676">
        <f t="shared" si="217"/>
        <v>12</v>
      </c>
      <c r="D4676">
        <f t="shared" si="218"/>
        <v>7</v>
      </c>
    </row>
    <row r="4677" spans="1:4" x14ac:dyDescent="0.25">
      <c r="A4677" s="7">
        <f t="shared" si="219"/>
        <v>44756.541666655343</v>
      </c>
      <c r="B4677" s="8">
        <v>12.832450442193815</v>
      </c>
      <c r="C4677">
        <f t="shared" si="217"/>
        <v>13</v>
      </c>
      <c r="D4677">
        <f t="shared" si="218"/>
        <v>7</v>
      </c>
    </row>
    <row r="4678" spans="1:4" x14ac:dyDescent="0.25">
      <c r="A4678" s="7">
        <f t="shared" si="219"/>
        <v>44756.583333322007</v>
      </c>
      <c r="B4678" s="8">
        <v>17.040063676174295</v>
      </c>
      <c r="C4678">
        <f t="shared" si="217"/>
        <v>14</v>
      </c>
      <c r="D4678">
        <f t="shared" si="218"/>
        <v>7</v>
      </c>
    </row>
    <row r="4679" spans="1:4" x14ac:dyDescent="0.25">
      <c r="A4679" s="7">
        <f t="shared" si="219"/>
        <v>44756.624999988671</v>
      </c>
      <c r="B4679" s="8">
        <v>6.2457000653482373</v>
      </c>
      <c r="C4679">
        <f t="shared" si="217"/>
        <v>15</v>
      </c>
      <c r="D4679">
        <f t="shared" si="218"/>
        <v>7</v>
      </c>
    </row>
    <row r="4680" spans="1:4" x14ac:dyDescent="0.25">
      <c r="A4680" s="7">
        <f t="shared" si="219"/>
        <v>44756.666666655336</v>
      </c>
      <c r="B4680" s="8">
        <v>9.270027361105166</v>
      </c>
      <c r="C4680">
        <f t="shared" si="217"/>
        <v>16</v>
      </c>
      <c r="D4680">
        <f t="shared" si="218"/>
        <v>7</v>
      </c>
    </row>
    <row r="4681" spans="1:4" x14ac:dyDescent="0.25">
      <c r="A4681" s="7">
        <f t="shared" si="219"/>
        <v>44756.708333322</v>
      </c>
      <c r="B4681" s="8">
        <v>2.7830673784679627</v>
      </c>
      <c r="C4681">
        <f t="shared" si="217"/>
        <v>17</v>
      </c>
      <c r="D4681">
        <f t="shared" si="218"/>
        <v>7</v>
      </c>
    </row>
    <row r="4682" spans="1:4" x14ac:dyDescent="0.25">
      <c r="A4682" s="7">
        <f t="shared" si="219"/>
        <v>44756.749999988664</v>
      </c>
      <c r="B4682" s="8">
        <v>2.3704871854302056</v>
      </c>
      <c r="C4682">
        <f t="shared" ref="C4682:C4745" si="220">HOUR(A4682)</f>
        <v>18</v>
      </c>
      <c r="D4682">
        <f t="shared" ref="D4682:D4745" si="221">MONTH(A4682)</f>
        <v>7</v>
      </c>
    </row>
    <row r="4683" spans="1:4" x14ac:dyDescent="0.25">
      <c r="A4683" s="7">
        <f t="shared" ref="A4683:A4746" si="222">+A4682+1/24</f>
        <v>44756.791666655328</v>
      </c>
      <c r="B4683" s="8">
        <v>0.50167382706303443</v>
      </c>
      <c r="C4683">
        <f t="shared" si="220"/>
        <v>19</v>
      </c>
      <c r="D4683">
        <f t="shared" si="221"/>
        <v>7</v>
      </c>
    </row>
    <row r="4684" spans="1:4" x14ac:dyDescent="0.25">
      <c r="A4684" s="7">
        <f t="shared" si="222"/>
        <v>44756.833333321993</v>
      </c>
      <c r="B4684" s="8">
        <v>0.23610580825382915</v>
      </c>
      <c r="C4684">
        <f t="shared" si="220"/>
        <v>20</v>
      </c>
      <c r="D4684">
        <f t="shared" si="221"/>
        <v>7</v>
      </c>
    </row>
    <row r="4685" spans="1:4" x14ac:dyDescent="0.25">
      <c r="A4685" s="7">
        <f t="shared" si="222"/>
        <v>44756.874999988657</v>
      </c>
      <c r="B4685" s="8">
        <v>-4.9800999999999998E-2</v>
      </c>
      <c r="C4685">
        <f t="shared" si="220"/>
        <v>21</v>
      </c>
      <c r="D4685">
        <f t="shared" si="221"/>
        <v>7</v>
      </c>
    </row>
    <row r="4686" spans="1:4" x14ac:dyDescent="0.25">
      <c r="A4686" s="7">
        <f t="shared" si="222"/>
        <v>44756.916666655321</v>
      </c>
      <c r="B4686" s="8">
        <v>-4.9800999999999998E-2</v>
      </c>
      <c r="C4686">
        <f t="shared" si="220"/>
        <v>22</v>
      </c>
      <c r="D4686">
        <f t="shared" si="221"/>
        <v>7</v>
      </c>
    </row>
    <row r="4687" spans="1:4" x14ac:dyDescent="0.25">
      <c r="A4687" s="7">
        <f t="shared" si="222"/>
        <v>44756.958333321985</v>
      </c>
      <c r="B4687" s="8">
        <v>-4.9800999999999998E-2</v>
      </c>
      <c r="C4687">
        <f t="shared" si="220"/>
        <v>23</v>
      </c>
      <c r="D4687">
        <f t="shared" si="221"/>
        <v>7</v>
      </c>
    </row>
    <row r="4688" spans="1:4" x14ac:dyDescent="0.25">
      <c r="A4688" s="7">
        <f t="shared" si="222"/>
        <v>44756.99999998865</v>
      </c>
      <c r="B4688" s="8">
        <v>-4.9800999999999998E-2</v>
      </c>
      <c r="C4688">
        <f t="shared" si="220"/>
        <v>0</v>
      </c>
      <c r="D4688">
        <f t="shared" si="221"/>
        <v>7</v>
      </c>
    </row>
    <row r="4689" spans="1:4" x14ac:dyDescent="0.25">
      <c r="A4689" s="7">
        <f t="shared" si="222"/>
        <v>44757.041666655314</v>
      </c>
      <c r="B4689" s="8">
        <v>-4.9800999999999998E-2</v>
      </c>
      <c r="C4689">
        <f t="shared" si="220"/>
        <v>1</v>
      </c>
      <c r="D4689">
        <f t="shared" si="221"/>
        <v>7</v>
      </c>
    </row>
    <row r="4690" spans="1:4" x14ac:dyDescent="0.25">
      <c r="A4690" s="7">
        <f t="shared" si="222"/>
        <v>44757.083333321978</v>
      </c>
      <c r="B4690" s="8">
        <v>-4.9800999999999998E-2</v>
      </c>
      <c r="C4690">
        <f t="shared" si="220"/>
        <v>2</v>
      </c>
      <c r="D4690">
        <f t="shared" si="221"/>
        <v>7</v>
      </c>
    </row>
    <row r="4691" spans="1:4" x14ac:dyDescent="0.25">
      <c r="A4691" s="7">
        <f t="shared" si="222"/>
        <v>44757.124999988642</v>
      </c>
      <c r="B4691" s="8">
        <v>-4.9800999999999998E-2</v>
      </c>
      <c r="C4691">
        <f t="shared" si="220"/>
        <v>3</v>
      </c>
      <c r="D4691">
        <f t="shared" si="221"/>
        <v>7</v>
      </c>
    </row>
    <row r="4692" spans="1:4" x14ac:dyDescent="0.25">
      <c r="A4692" s="7">
        <f t="shared" si="222"/>
        <v>44757.166666655306</v>
      </c>
      <c r="B4692" s="8">
        <v>-4.9800999999999998E-2</v>
      </c>
      <c r="C4692">
        <f t="shared" si="220"/>
        <v>4</v>
      </c>
      <c r="D4692">
        <f t="shared" si="221"/>
        <v>7</v>
      </c>
    </row>
    <row r="4693" spans="1:4" x14ac:dyDescent="0.25">
      <c r="A4693" s="7">
        <f t="shared" si="222"/>
        <v>44757.208333321971</v>
      </c>
      <c r="B4693" s="8">
        <v>-4.9800999999999998E-2</v>
      </c>
      <c r="C4693">
        <f t="shared" si="220"/>
        <v>5</v>
      </c>
      <c r="D4693">
        <f t="shared" si="221"/>
        <v>7</v>
      </c>
    </row>
    <row r="4694" spans="1:4" x14ac:dyDescent="0.25">
      <c r="A4694" s="7">
        <f t="shared" si="222"/>
        <v>44757.249999988635</v>
      </c>
      <c r="B4694" s="8">
        <v>0.20139158017334741</v>
      </c>
      <c r="C4694">
        <f t="shared" si="220"/>
        <v>6</v>
      </c>
      <c r="D4694">
        <f t="shared" si="221"/>
        <v>7</v>
      </c>
    </row>
    <row r="4695" spans="1:4" x14ac:dyDescent="0.25">
      <c r="A4695" s="7">
        <f t="shared" si="222"/>
        <v>44757.291666655299</v>
      </c>
      <c r="B4695" s="8">
        <v>1.5939120839246537</v>
      </c>
      <c r="C4695">
        <f t="shared" si="220"/>
        <v>7</v>
      </c>
      <c r="D4695">
        <f t="shared" si="221"/>
        <v>7</v>
      </c>
    </row>
    <row r="4696" spans="1:4" x14ac:dyDescent="0.25">
      <c r="A4696" s="7">
        <f t="shared" si="222"/>
        <v>44757.333333321963</v>
      </c>
      <c r="B4696" s="8">
        <v>4.9682859354836024</v>
      </c>
      <c r="C4696">
        <f t="shared" si="220"/>
        <v>8</v>
      </c>
      <c r="D4696">
        <f t="shared" si="221"/>
        <v>7</v>
      </c>
    </row>
    <row r="4697" spans="1:4" x14ac:dyDescent="0.25">
      <c r="A4697" s="7">
        <f t="shared" si="222"/>
        <v>44757.374999988628</v>
      </c>
      <c r="B4697" s="8">
        <v>5.3672805525763163</v>
      </c>
      <c r="C4697">
        <f t="shared" si="220"/>
        <v>9</v>
      </c>
      <c r="D4697">
        <f t="shared" si="221"/>
        <v>7</v>
      </c>
    </row>
    <row r="4698" spans="1:4" x14ac:dyDescent="0.25">
      <c r="A4698" s="7">
        <f t="shared" si="222"/>
        <v>44757.416666655292</v>
      </c>
      <c r="B4698" s="8">
        <v>13.075539702321686</v>
      </c>
      <c r="C4698">
        <f t="shared" si="220"/>
        <v>10</v>
      </c>
      <c r="D4698">
        <f t="shared" si="221"/>
        <v>7</v>
      </c>
    </row>
    <row r="4699" spans="1:4" x14ac:dyDescent="0.25">
      <c r="A4699" s="7">
        <f t="shared" si="222"/>
        <v>44757.458333321956</v>
      </c>
      <c r="B4699" s="8">
        <v>20.135731220185804</v>
      </c>
      <c r="C4699">
        <f t="shared" si="220"/>
        <v>11</v>
      </c>
      <c r="D4699">
        <f t="shared" si="221"/>
        <v>7</v>
      </c>
    </row>
    <row r="4700" spans="1:4" x14ac:dyDescent="0.25">
      <c r="A4700" s="7">
        <f t="shared" si="222"/>
        <v>44757.49999998862</v>
      </c>
      <c r="B4700" s="8">
        <v>17.86392342525674</v>
      </c>
      <c r="C4700">
        <f t="shared" si="220"/>
        <v>12</v>
      </c>
      <c r="D4700">
        <f t="shared" si="221"/>
        <v>7</v>
      </c>
    </row>
    <row r="4701" spans="1:4" x14ac:dyDescent="0.25">
      <c r="A4701" s="7">
        <f t="shared" si="222"/>
        <v>44757.541666655285</v>
      </c>
      <c r="B4701" s="8">
        <v>20.451308834440109</v>
      </c>
      <c r="C4701">
        <f t="shared" si="220"/>
        <v>13</v>
      </c>
      <c r="D4701">
        <f t="shared" si="221"/>
        <v>7</v>
      </c>
    </row>
    <row r="4702" spans="1:4" x14ac:dyDescent="0.25">
      <c r="A4702" s="7">
        <f t="shared" si="222"/>
        <v>44757.583333321949</v>
      </c>
      <c r="B4702" s="8">
        <v>16.535378390082933</v>
      </c>
      <c r="C4702">
        <f t="shared" si="220"/>
        <v>14</v>
      </c>
      <c r="D4702">
        <f t="shared" si="221"/>
        <v>7</v>
      </c>
    </row>
    <row r="4703" spans="1:4" x14ac:dyDescent="0.25">
      <c r="A4703" s="7">
        <f t="shared" si="222"/>
        <v>44757.624999988613</v>
      </c>
      <c r="B4703" s="8">
        <v>14.53188417414496</v>
      </c>
      <c r="C4703">
        <f t="shared" si="220"/>
        <v>15</v>
      </c>
      <c r="D4703">
        <f t="shared" si="221"/>
        <v>7</v>
      </c>
    </row>
    <row r="4704" spans="1:4" x14ac:dyDescent="0.25">
      <c r="A4704" s="7">
        <f t="shared" si="222"/>
        <v>44757.666666655277</v>
      </c>
      <c r="B4704" s="8">
        <v>5.0414215162595202</v>
      </c>
      <c r="C4704">
        <f t="shared" si="220"/>
        <v>16</v>
      </c>
      <c r="D4704">
        <f t="shared" si="221"/>
        <v>7</v>
      </c>
    </row>
    <row r="4705" spans="1:4" x14ac:dyDescent="0.25">
      <c r="A4705" s="7">
        <f t="shared" si="222"/>
        <v>44757.708333321942</v>
      </c>
      <c r="B4705" s="8">
        <v>10.372712969154382</v>
      </c>
      <c r="C4705">
        <f t="shared" si="220"/>
        <v>17</v>
      </c>
      <c r="D4705">
        <f t="shared" si="221"/>
        <v>7</v>
      </c>
    </row>
    <row r="4706" spans="1:4" x14ac:dyDescent="0.25">
      <c r="A4706" s="7">
        <f t="shared" si="222"/>
        <v>44757.749999988606</v>
      </c>
      <c r="B4706" s="8">
        <v>1.7587662768727172</v>
      </c>
      <c r="C4706">
        <f t="shared" si="220"/>
        <v>18</v>
      </c>
      <c r="D4706">
        <f t="shared" si="221"/>
        <v>7</v>
      </c>
    </row>
    <row r="4707" spans="1:4" x14ac:dyDescent="0.25">
      <c r="A4707" s="7">
        <f t="shared" si="222"/>
        <v>44757.79166665527</v>
      </c>
      <c r="B4707" s="8">
        <v>1.1520696197741951</v>
      </c>
      <c r="C4707">
        <f t="shared" si="220"/>
        <v>19</v>
      </c>
      <c r="D4707">
        <f t="shared" si="221"/>
        <v>7</v>
      </c>
    </row>
    <row r="4708" spans="1:4" x14ac:dyDescent="0.25">
      <c r="A4708" s="7">
        <f t="shared" si="222"/>
        <v>44757.833333321934</v>
      </c>
      <c r="B4708" s="8">
        <v>0.27562888911534372</v>
      </c>
      <c r="C4708">
        <f t="shared" si="220"/>
        <v>20</v>
      </c>
      <c r="D4708">
        <f t="shared" si="221"/>
        <v>7</v>
      </c>
    </row>
    <row r="4709" spans="1:4" x14ac:dyDescent="0.25">
      <c r="A4709" s="7">
        <f t="shared" si="222"/>
        <v>44757.874999988599</v>
      </c>
      <c r="B4709" s="8">
        <v>-4.9800999999999998E-2</v>
      </c>
      <c r="C4709">
        <f t="shared" si="220"/>
        <v>21</v>
      </c>
      <c r="D4709">
        <f t="shared" si="221"/>
        <v>7</v>
      </c>
    </row>
    <row r="4710" spans="1:4" x14ac:dyDescent="0.25">
      <c r="A4710" s="7">
        <f t="shared" si="222"/>
        <v>44757.916666655263</v>
      </c>
      <c r="B4710" s="8">
        <v>-4.9800999999999998E-2</v>
      </c>
      <c r="C4710">
        <f t="shared" si="220"/>
        <v>22</v>
      </c>
      <c r="D4710">
        <f t="shared" si="221"/>
        <v>7</v>
      </c>
    </row>
    <row r="4711" spans="1:4" x14ac:dyDescent="0.25">
      <c r="A4711" s="7">
        <f t="shared" si="222"/>
        <v>44757.958333321927</v>
      </c>
      <c r="B4711" s="8">
        <v>-4.9800999999999998E-2</v>
      </c>
      <c r="C4711">
        <f t="shared" si="220"/>
        <v>23</v>
      </c>
      <c r="D4711">
        <f t="shared" si="221"/>
        <v>7</v>
      </c>
    </row>
    <row r="4712" spans="1:4" x14ac:dyDescent="0.25">
      <c r="A4712" s="7">
        <f t="shared" si="222"/>
        <v>44757.999999988591</v>
      </c>
      <c r="B4712" s="8">
        <v>-4.9800999999999998E-2</v>
      </c>
      <c r="C4712">
        <f t="shared" si="220"/>
        <v>0</v>
      </c>
      <c r="D4712">
        <f t="shared" si="221"/>
        <v>7</v>
      </c>
    </row>
    <row r="4713" spans="1:4" x14ac:dyDescent="0.25">
      <c r="A4713" s="7">
        <f t="shared" si="222"/>
        <v>44758.041666655256</v>
      </c>
      <c r="B4713" s="8">
        <v>-4.9800999999999998E-2</v>
      </c>
      <c r="C4713">
        <f t="shared" si="220"/>
        <v>1</v>
      </c>
      <c r="D4713">
        <f t="shared" si="221"/>
        <v>7</v>
      </c>
    </row>
    <row r="4714" spans="1:4" x14ac:dyDescent="0.25">
      <c r="A4714" s="7">
        <f t="shared" si="222"/>
        <v>44758.08333332192</v>
      </c>
      <c r="B4714" s="8">
        <v>-4.9800999999999998E-2</v>
      </c>
      <c r="C4714">
        <f t="shared" si="220"/>
        <v>2</v>
      </c>
      <c r="D4714">
        <f t="shared" si="221"/>
        <v>7</v>
      </c>
    </row>
    <row r="4715" spans="1:4" x14ac:dyDescent="0.25">
      <c r="A4715" s="7">
        <f t="shared" si="222"/>
        <v>44758.124999988584</v>
      </c>
      <c r="B4715" s="8">
        <v>-4.9800999999999998E-2</v>
      </c>
      <c r="C4715">
        <f t="shared" si="220"/>
        <v>3</v>
      </c>
      <c r="D4715">
        <f t="shared" si="221"/>
        <v>7</v>
      </c>
    </row>
    <row r="4716" spans="1:4" x14ac:dyDescent="0.25">
      <c r="A4716" s="7">
        <f t="shared" si="222"/>
        <v>44758.166666655248</v>
      </c>
      <c r="B4716" s="8">
        <v>-4.9800999999999998E-2</v>
      </c>
      <c r="C4716">
        <f t="shared" si="220"/>
        <v>4</v>
      </c>
      <c r="D4716">
        <f t="shared" si="221"/>
        <v>7</v>
      </c>
    </row>
    <row r="4717" spans="1:4" x14ac:dyDescent="0.25">
      <c r="A4717" s="7">
        <f t="shared" si="222"/>
        <v>44758.208333321913</v>
      </c>
      <c r="B4717" s="8">
        <v>-4.9800999999999998E-2</v>
      </c>
      <c r="C4717">
        <f t="shared" si="220"/>
        <v>5</v>
      </c>
      <c r="D4717">
        <f t="shared" si="221"/>
        <v>7</v>
      </c>
    </row>
    <row r="4718" spans="1:4" x14ac:dyDescent="0.25">
      <c r="A4718" s="7">
        <f t="shared" si="222"/>
        <v>44758.249999988577</v>
      </c>
      <c r="B4718" s="8">
        <v>-4.9800999999999998E-2</v>
      </c>
      <c r="C4718">
        <f t="shared" si="220"/>
        <v>6</v>
      </c>
      <c r="D4718">
        <f t="shared" si="221"/>
        <v>7</v>
      </c>
    </row>
    <row r="4719" spans="1:4" x14ac:dyDescent="0.25">
      <c r="A4719" s="7">
        <f t="shared" si="222"/>
        <v>44758.291666655241</v>
      </c>
      <c r="B4719" s="8">
        <v>1.6793614608916945</v>
      </c>
      <c r="C4719">
        <f t="shared" si="220"/>
        <v>7</v>
      </c>
      <c r="D4719">
        <f t="shared" si="221"/>
        <v>7</v>
      </c>
    </row>
    <row r="4720" spans="1:4" x14ac:dyDescent="0.25">
      <c r="A4720" s="7">
        <f t="shared" si="222"/>
        <v>44758.333333321905</v>
      </c>
      <c r="B4720" s="8">
        <v>4.7436921044188303</v>
      </c>
      <c r="C4720">
        <f t="shared" si="220"/>
        <v>8</v>
      </c>
      <c r="D4720">
        <f t="shared" si="221"/>
        <v>7</v>
      </c>
    </row>
    <row r="4721" spans="1:4" x14ac:dyDescent="0.25">
      <c r="A4721" s="7">
        <f t="shared" si="222"/>
        <v>44758.374999988569</v>
      </c>
      <c r="B4721" s="8">
        <v>11.377363321504887</v>
      </c>
      <c r="C4721">
        <f t="shared" si="220"/>
        <v>9</v>
      </c>
      <c r="D4721">
        <f t="shared" si="221"/>
        <v>7</v>
      </c>
    </row>
    <row r="4722" spans="1:4" x14ac:dyDescent="0.25">
      <c r="A4722" s="7">
        <f t="shared" si="222"/>
        <v>44758.416666655234</v>
      </c>
      <c r="B4722" s="8">
        <v>15.313088801302548</v>
      </c>
      <c r="C4722">
        <f t="shared" si="220"/>
        <v>10</v>
      </c>
      <c r="D4722">
        <f t="shared" si="221"/>
        <v>7</v>
      </c>
    </row>
    <row r="4723" spans="1:4" x14ac:dyDescent="0.25">
      <c r="A4723" s="7">
        <f t="shared" si="222"/>
        <v>44758.458333321898</v>
      </c>
      <c r="B4723" s="8">
        <v>17.66703975808473</v>
      </c>
      <c r="C4723">
        <f t="shared" si="220"/>
        <v>11</v>
      </c>
      <c r="D4723">
        <f t="shared" si="221"/>
        <v>7</v>
      </c>
    </row>
    <row r="4724" spans="1:4" x14ac:dyDescent="0.25">
      <c r="A4724" s="7">
        <f t="shared" si="222"/>
        <v>44758.499999988562</v>
      </c>
      <c r="B4724" s="8">
        <v>20.451289252742114</v>
      </c>
      <c r="C4724">
        <f t="shared" si="220"/>
        <v>12</v>
      </c>
      <c r="D4724">
        <f t="shared" si="221"/>
        <v>7</v>
      </c>
    </row>
    <row r="4725" spans="1:4" x14ac:dyDescent="0.25">
      <c r="A4725" s="7">
        <f t="shared" si="222"/>
        <v>44758.541666655226</v>
      </c>
      <c r="B4725" s="8">
        <v>20.451313987518528</v>
      </c>
      <c r="C4725">
        <f t="shared" si="220"/>
        <v>13</v>
      </c>
      <c r="D4725">
        <f t="shared" si="221"/>
        <v>7</v>
      </c>
    </row>
    <row r="4726" spans="1:4" x14ac:dyDescent="0.25">
      <c r="A4726" s="7">
        <f t="shared" si="222"/>
        <v>44758.583333321891</v>
      </c>
      <c r="B4726" s="8">
        <v>19.816053816740983</v>
      </c>
      <c r="C4726">
        <f t="shared" si="220"/>
        <v>14</v>
      </c>
      <c r="D4726">
        <f t="shared" si="221"/>
        <v>7</v>
      </c>
    </row>
    <row r="4727" spans="1:4" x14ac:dyDescent="0.25">
      <c r="A4727" s="7">
        <f t="shared" si="222"/>
        <v>44758.624999988555</v>
      </c>
      <c r="B4727" s="8">
        <v>18.255330649684655</v>
      </c>
      <c r="C4727">
        <f t="shared" si="220"/>
        <v>15</v>
      </c>
      <c r="D4727">
        <f t="shared" si="221"/>
        <v>7</v>
      </c>
    </row>
    <row r="4728" spans="1:4" x14ac:dyDescent="0.25">
      <c r="A4728" s="7">
        <f t="shared" si="222"/>
        <v>44758.666666655219</v>
      </c>
      <c r="B4728" s="8">
        <v>15.041759640820393</v>
      </c>
      <c r="C4728">
        <f t="shared" si="220"/>
        <v>16</v>
      </c>
      <c r="D4728">
        <f t="shared" si="221"/>
        <v>7</v>
      </c>
    </row>
    <row r="4729" spans="1:4" x14ac:dyDescent="0.25">
      <c r="A4729" s="7">
        <f t="shared" si="222"/>
        <v>44758.708333321883</v>
      </c>
      <c r="B4729" s="8">
        <v>8.5992542350921219</v>
      </c>
      <c r="C4729">
        <f t="shared" si="220"/>
        <v>17</v>
      </c>
      <c r="D4729">
        <f t="shared" si="221"/>
        <v>7</v>
      </c>
    </row>
    <row r="4730" spans="1:4" x14ac:dyDescent="0.25">
      <c r="A4730" s="7">
        <f t="shared" si="222"/>
        <v>44758.749999988548</v>
      </c>
      <c r="B4730" s="8">
        <v>6.4855346411463826</v>
      </c>
      <c r="C4730">
        <f t="shared" si="220"/>
        <v>18</v>
      </c>
      <c r="D4730">
        <f t="shared" si="221"/>
        <v>7</v>
      </c>
    </row>
    <row r="4731" spans="1:4" x14ac:dyDescent="0.25">
      <c r="A4731" s="7">
        <f t="shared" si="222"/>
        <v>44758.791666655212</v>
      </c>
      <c r="B4731" s="8">
        <v>1.5688506023394899</v>
      </c>
      <c r="C4731">
        <f t="shared" si="220"/>
        <v>19</v>
      </c>
      <c r="D4731">
        <f t="shared" si="221"/>
        <v>7</v>
      </c>
    </row>
    <row r="4732" spans="1:4" x14ac:dyDescent="0.25">
      <c r="A4732" s="7">
        <f t="shared" si="222"/>
        <v>44758.833333321876</v>
      </c>
      <c r="B4732" s="8">
        <v>0.3456530411415959</v>
      </c>
      <c r="C4732">
        <f t="shared" si="220"/>
        <v>20</v>
      </c>
      <c r="D4732">
        <f t="shared" si="221"/>
        <v>7</v>
      </c>
    </row>
    <row r="4733" spans="1:4" x14ac:dyDescent="0.25">
      <c r="A4733" s="7">
        <f t="shared" si="222"/>
        <v>44758.87499998854</v>
      </c>
      <c r="B4733" s="8">
        <v>-4.9800999999999998E-2</v>
      </c>
      <c r="C4733">
        <f t="shared" si="220"/>
        <v>21</v>
      </c>
      <c r="D4733">
        <f t="shared" si="221"/>
        <v>7</v>
      </c>
    </row>
    <row r="4734" spans="1:4" x14ac:dyDescent="0.25">
      <c r="A4734" s="7">
        <f t="shared" si="222"/>
        <v>44758.916666655205</v>
      </c>
      <c r="B4734" s="8">
        <v>-4.9800999999999998E-2</v>
      </c>
      <c r="C4734">
        <f t="shared" si="220"/>
        <v>22</v>
      </c>
      <c r="D4734">
        <f t="shared" si="221"/>
        <v>7</v>
      </c>
    </row>
    <row r="4735" spans="1:4" x14ac:dyDescent="0.25">
      <c r="A4735" s="7">
        <f t="shared" si="222"/>
        <v>44758.958333321869</v>
      </c>
      <c r="B4735" s="8">
        <v>-4.9800999999999998E-2</v>
      </c>
      <c r="C4735">
        <f t="shared" si="220"/>
        <v>23</v>
      </c>
      <c r="D4735">
        <f t="shared" si="221"/>
        <v>7</v>
      </c>
    </row>
    <row r="4736" spans="1:4" x14ac:dyDescent="0.25">
      <c r="A4736" s="7">
        <f t="shared" si="222"/>
        <v>44758.999999988533</v>
      </c>
      <c r="B4736" s="8">
        <v>-4.9800999999999998E-2</v>
      </c>
      <c r="C4736">
        <f t="shared" si="220"/>
        <v>0</v>
      </c>
      <c r="D4736">
        <f t="shared" si="221"/>
        <v>7</v>
      </c>
    </row>
    <row r="4737" spans="1:4" x14ac:dyDescent="0.25">
      <c r="A4737" s="7">
        <f t="shared" si="222"/>
        <v>44759.041666655197</v>
      </c>
      <c r="B4737" s="8">
        <v>-4.9800999999999998E-2</v>
      </c>
      <c r="C4737">
        <f t="shared" si="220"/>
        <v>1</v>
      </c>
      <c r="D4737">
        <f t="shared" si="221"/>
        <v>7</v>
      </c>
    </row>
    <row r="4738" spans="1:4" x14ac:dyDescent="0.25">
      <c r="A4738" s="7">
        <f t="shared" si="222"/>
        <v>44759.083333321862</v>
      </c>
      <c r="B4738" s="8">
        <v>-4.9800999999999998E-2</v>
      </c>
      <c r="C4738">
        <f t="shared" si="220"/>
        <v>2</v>
      </c>
      <c r="D4738">
        <f t="shared" si="221"/>
        <v>7</v>
      </c>
    </row>
    <row r="4739" spans="1:4" x14ac:dyDescent="0.25">
      <c r="A4739" s="7">
        <f t="shared" si="222"/>
        <v>44759.124999988526</v>
      </c>
      <c r="B4739" s="8">
        <v>-4.9800999999999998E-2</v>
      </c>
      <c r="C4739">
        <f t="shared" si="220"/>
        <v>3</v>
      </c>
      <c r="D4739">
        <f t="shared" si="221"/>
        <v>7</v>
      </c>
    </row>
    <row r="4740" spans="1:4" x14ac:dyDescent="0.25">
      <c r="A4740" s="7">
        <f t="shared" si="222"/>
        <v>44759.16666665519</v>
      </c>
      <c r="B4740" s="8">
        <v>-4.9800999999999998E-2</v>
      </c>
      <c r="C4740">
        <f t="shared" si="220"/>
        <v>4</v>
      </c>
      <c r="D4740">
        <f t="shared" si="221"/>
        <v>7</v>
      </c>
    </row>
    <row r="4741" spans="1:4" x14ac:dyDescent="0.25">
      <c r="A4741" s="7">
        <f t="shared" si="222"/>
        <v>44759.208333321854</v>
      </c>
      <c r="B4741" s="8">
        <v>-4.9800999999999998E-2</v>
      </c>
      <c r="C4741">
        <f t="shared" si="220"/>
        <v>5</v>
      </c>
      <c r="D4741">
        <f t="shared" si="221"/>
        <v>7</v>
      </c>
    </row>
    <row r="4742" spans="1:4" x14ac:dyDescent="0.25">
      <c r="A4742" s="7">
        <f t="shared" si="222"/>
        <v>44759.249999988519</v>
      </c>
      <c r="B4742" s="8">
        <v>-4.9800999999999998E-2</v>
      </c>
      <c r="C4742">
        <f t="shared" si="220"/>
        <v>6</v>
      </c>
      <c r="D4742">
        <f t="shared" si="221"/>
        <v>7</v>
      </c>
    </row>
    <row r="4743" spans="1:4" x14ac:dyDescent="0.25">
      <c r="A4743" s="7">
        <f t="shared" si="222"/>
        <v>44759.291666655183</v>
      </c>
      <c r="B4743" s="8">
        <v>1.5311949970971848</v>
      </c>
      <c r="C4743">
        <f t="shared" si="220"/>
        <v>7</v>
      </c>
      <c r="D4743">
        <f t="shared" si="221"/>
        <v>7</v>
      </c>
    </row>
    <row r="4744" spans="1:4" x14ac:dyDescent="0.25">
      <c r="A4744" s="7">
        <f t="shared" si="222"/>
        <v>44759.333333321847</v>
      </c>
      <c r="B4744" s="8">
        <v>5.7266222312313451</v>
      </c>
      <c r="C4744">
        <f t="shared" si="220"/>
        <v>8</v>
      </c>
      <c r="D4744">
        <f t="shared" si="221"/>
        <v>7</v>
      </c>
    </row>
    <row r="4745" spans="1:4" x14ac:dyDescent="0.25">
      <c r="A4745" s="7">
        <f t="shared" si="222"/>
        <v>44759.374999988511</v>
      </c>
      <c r="B4745" s="8">
        <v>6.508797698363157</v>
      </c>
      <c r="C4745">
        <f t="shared" si="220"/>
        <v>9</v>
      </c>
      <c r="D4745">
        <f t="shared" si="221"/>
        <v>7</v>
      </c>
    </row>
    <row r="4746" spans="1:4" x14ac:dyDescent="0.25">
      <c r="A4746" s="7">
        <f t="shared" si="222"/>
        <v>44759.416666655176</v>
      </c>
      <c r="B4746" s="8">
        <v>10.442100200687989</v>
      </c>
      <c r="C4746">
        <f t="shared" ref="C4746:C4809" si="223">HOUR(A4746)</f>
        <v>10</v>
      </c>
      <c r="D4746">
        <f t="shared" ref="D4746:D4809" si="224">MONTH(A4746)</f>
        <v>7</v>
      </c>
    </row>
    <row r="4747" spans="1:4" x14ac:dyDescent="0.25">
      <c r="A4747" s="7">
        <f t="shared" ref="A4747:A4810" si="225">+A4746+1/24</f>
        <v>44759.45833332184</v>
      </c>
      <c r="B4747" s="8">
        <v>19.337421464522688</v>
      </c>
      <c r="C4747">
        <f t="shared" si="223"/>
        <v>11</v>
      </c>
      <c r="D4747">
        <f t="shared" si="224"/>
        <v>7</v>
      </c>
    </row>
    <row r="4748" spans="1:4" x14ac:dyDescent="0.25">
      <c r="A4748" s="7">
        <f t="shared" si="225"/>
        <v>44759.499999988504</v>
      </c>
      <c r="B4748" s="8">
        <v>20.451285130279381</v>
      </c>
      <c r="C4748">
        <f t="shared" si="223"/>
        <v>12</v>
      </c>
      <c r="D4748">
        <f t="shared" si="224"/>
        <v>7</v>
      </c>
    </row>
    <row r="4749" spans="1:4" x14ac:dyDescent="0.25">
      <c r="A4749" s="7">
        <f t="shared" si="225"/>
        <v>44759.541666655168</v>
      </c>
      <c r="B4749" s="8">
        <v>20.451311926287161</v>
      </c>
      <c r="C4749">
        <f t="shared" si="223"/>
        <v>13</v>
      </c>
      <c r="D4749">
        <f t="shared" si="224"/>
        <v>7</v>
      </c>
    </row>
    <row r="4750" spans="1:4" x14ac:dyDescent="0.25">
      <c r="A4750" s="7">
        <f t="shared" si="225"/>
        <v>44759.583333321832</v>
      </c>
      <c r="B4750" s="8">
        <v>9.8890110183870288</v>
      </c>
      <c r="C4750">
        <f t="shared" si="223"/>
        <v>14</v>
      </c>
      <c r="D4750">
        <f t="shared" si="224"/>
        <v>7</v>
      </c>
    </row>
    <row r="4751" spans="1:4" x14ac:dyDescent="0.25">
      <c r="A4751" s="7">
        <f t="shared" si="225"/>
        <v>44759.624999988497</v>
      </c>
      <c r="B4751" s="8">
        <v>4.2946981980378549</v>
      </c>
      <c r="C4751">
        <f t="shared" si="223"/>
        <v>15</v>
      </c>
      <c r="D4751">
        <f t="shared" si="224"/>
        <v>7</v>
      </c>
    </row>
    <row r="4752" spans="1:4" x14ac:dyDescent="0.25">
      <c r="A4752" s="7">
        <f t="shared" si="225"/>
        <v>44759.666666655161</v>
      </c>
      <c r="B4752" s="8">
        <v>3.4831615206876885</v>
      </c>
      <c r="C4752">
        <f t="shared" si="223"/>
        <v>16</v>
      </c>
      <c r="D4752">
        <f t="shared" si="224"/>
        <v>7</v>
      </c>
    </row>
    <row r="4753" spans="1:4" x14ac:dyDescent="0.25">
      <c r="A4753" s="7">
        <f t="shared" si="225"/>
        <v>44759.708333321825</v>
      </c>
      <c r="B4753" s="8">
        <v>4.1203644020293675</v>
      </c>
      <c r="C4753">
        <f t="shared" si="223"/>
        <v>17</v>
      </c>
      <c r="D4753">
        <f t="shared" si="224"/>
        <v>7</v>
      </c>
    </row>
    <row r="4754" spans="1:4" x14ac:dyDescent="0.25">
      <c r="A4754" s="7">
        <f t="shared" si="225"/>
        <v>44759.749999988489</v>
      </c>
      <c r="B4754" s="8">
        <v>3.600463105981047</v>
      </c>
      <c r="C4754">
        <f t="shared" si="223"/>
        <v>18</v>
      </c>
      <c r="D4754">
        <f t="shared" si="224"/>
        <v>7</v>
      </c>
    </row>
    <row r="4755" spans="1:4" x14ac:dyDescent="0.25">
      <c r="A4755" s="7">
        <f t="shared" si="225"/>
        <v>44759.791666655154</v>
      </c>
      <c r="B4755" s="8">
        <v>2.0467450337281199</v>
      </c>
      <c r="C4755">
        <f t="shared" si="223"/>
        <v>19</v>
      </c>
      <c r="D4755">
        <f t="shared" si="224"/>
        <v>7</v>
      </c>
    </row>
    <row r="4756" spans="1:4" x14ac:dyDescent="0.25">
      <c r="A4756" s="7">
        <f t="shared" si="225"/>
        <v>44759.833333321818</v>
      </c>
      <c r="B4756" s="8">
        <v>-4.9800999999999998E-2</v>
      </c>
      <c r="C4756">
        <f t="shared" si="223"/>
        <v>20</v>
      </c>
      <c r="D4756">
        <f t="shared" si="224"/>
        <v>7</v>
      </c>
    </row>
    <row r="4757" spans="1:4" x14ac:dyDescent="0.25">
      <c r="A4757" s="7">
        <f t="shared" si="225"/>
        <v>44759.874999988482</v>
      </c>
      <c r="B4757" s="8">
        <v>-4.9800999999999998E-2</v>
      </c>
      <c r="C4757">
        <f t="shared" si="223"/>
        <v>21</v>
      </c>
      <c r="D4757">
        <f t="shared" si="224"/>
        <v>7</v>
      </c>
    </row>
    <row r="4758" spans="1:4" x14ac:dyDescent="0.25">
      <c r="A4758" s="7">
        <f t="shared" si="225"/>
        <v>44759.916666655146</v>
      </c>
      <c r="B4758" s="8">
        <v>-4.9800999999999998E-2</v>
      </c>
      <c r="C4758">
        <f t="shared" si="223"/>
        <v>22</v>
      </c>
      <c r="D4758">
        <f t="shared" si="224"/>
        <v>7</v>
      </c>
    </row>
    <row r="4759" spans="1:4" x14ac:dyDescent="0.25">
      <c r="A4759" s="7">
        <f t="shared" si="225"/>
        <v>44759.958333321811</v>
      </c>
      <c r="B4759" s="8">
        <v>-4.9800999999999998E-2</v>
      </c>
      <c r="C4759">
        <f t="shared" si="223"/>
        <v>23</v>
      </c>
      <c r="D4759">
        <f t="shared" si="224"/>
        <v>7</v>
      </c>
    </row>
    <row r="4760" spans="1:4" x14ac:dyDescent="0.25">
      <c r="A4760" s="7">
        <f t="shared" si="225"/>
        <v>44759.999999988475</v>
      </c>
      <c r="B4760" s="8">
        <v>-4.9800999999999998E-2</v>
      </c>
      <c r="C4760">
        <f t="shared" si="223"/>
        <v>0</v>
      </c>
      <c r="D4760">
        <f t="shared" si="224"/>
        <v>7</v>
      </c>
    </row>
    <row r="4761" spans="1:4" x14ac:dyDescent="0.25">
      <c r="A4761" s="7">
        <f t="shared" si="225"/>
        <v>44760.041666655139</v>
      </c>
      <c r="B4761" s="8">
        <v>-4.9800999999999998E-2</v>
      </c>
      <c r="C4761">
        <f t="shared" si="223"/>
        <v>1</v>
      </c>
      <c r="D4761">
        <f t="shared" si="224"/>
        <v>7</v>
      </c>
    </row>
    <row r="4762" spans="1:4" x14ac:dyDescent="0.25">
      <c r="A4762" s="7">
        <f t="shared" si="225"/>
        <v>44760.083333321803</v>
      </c>
      <c r="B4762" s="8">
        <v>-4.9800999999999998E-2</v>
      </c>
      <c r="C4762">
        <f t="shared" si="223"/>
        <v>2</v>
      </c>
      <c r="D4762">
        <f t="shared" si="224"/>
        <v>7</v>
      </c>
    </row>
    <row r="4763" spans="1:4" x14ac:dyDescent="0.25">
      <c r="A4763" s="7">
        <f t="shared" si="225"/>
        <v>44760.124999988468</v>
      </c>
      <c r="B4763" s="8">
        <v>-4.9800999999999998E-2</v>
      </c>
      <c r="C4763">
        <f t="shared" si="223"/>
        <v>3</v>
      </c>
      <c r="D4763">
        <f t="shared" si="224"/>
        <v>7</v>
      </c>
    </row>
    <row r="4764" spans="1:4" x14ac:dyDescent="0.25">
      <c r="A4764" s="7">
        <f t="shared" si="225"/>
        <v>44760.166666655132</v>
      </c>
      <c r="B4764" s="8">
        <v>-4.9800999999999998E-2</v>
      </c>
      <c r="C4764">
        <f t="shared" si="223"/>
        <v>4</v>
      </c>
      <c r="D4764">
        <f t="shared" si="224"/>
        <v>7</v>
      </c>
    </row>
    <row r="4765" spans="1:4" x14ac:dyDescent="0.25">
      <c r="A4765" s="7">
        <f t="shared" si="225"/>
        <v>44760.208333321796</v>
      </c>
      <c r="B4765" s="8">
        <v>-4.9800999999999998E-2</v>
      </c>
      <c r="C4765">
        <f t="shared" si="223"/>
        <v>5</v>
      </c>
      <c r="D4765">
        <f t="shared" si="224"/>
        <v>7</v>
      </c>
    </row>
    <row r="4766" spans="1:4" x14ac:dyDescent="0.25">
      <c r="A4766" s="7">
        <f t="shared" si="225"/>
        <v>44760.24999998846</v>
      </c>
      <c r="B4766" s="8">
        <v>-4.9800999999999998E-2</v>
      </c>
      <c r="C4766">
        <f t="shared" si="223"/>
        <v>6</v>
      </c>
      <c r="D4766">
        <f t="shared" si="224"/>
        <v>7</v>
      </c>
    </row>
    <row r="4767" spans="1:4" x14ac:dyDescent="0.25">
      <c r="A4767" s="7">
        <f t="shared" si="225"/>
        <v>44760.291666655125</v>
      </c>
      <c r="B4767" s="8">
        <v>0.74494138370421825</v>
      </c>
      <c r="C4767">
        <f t="shared" si="223"/>
        <v>7</v>
      </c>
      <c r="D4767">
        <f t="shared" si="224"/>
        <v>7</v>
      </c>
    </row>
    <row r="4768" spans="1:4" x14ac:dyDescent="0.25">
      <c r="A4768" s="7">
        <f t="shared" si="225"/>
        <v>44760.333333321789</v>
      </c>
      <c r="B4768" s="8">
        <v>5.0293839250716799</v>
      </c>
      <c r="C4768">
        <f t="shared" si="223"/>
        <v>8</v>
      </c>
      <c r="D4768">
        <f t="shared" si="224"/>
        <v>7</v>
      </c>
    </row>
    <row r="4769" spans="1:4" x14ac:dyDescent="0.25">
      <c r="A4769" s="7">
        <f t="shared" si="225"/>
        <v>44760.374999988453</v>
      </c>
      <c r="B4769" s="8">
        <v>9.6521580137623797</v>
      </c>
      <c r="C4769">
        <f t="shared" si="223"/>
        <v>9</v>
      </c>
      <c r="D4769">
        <f t="shared" si="224"/>
        <v>7</v>
      </c>
    </row>
    <row r="4770" spans="1:4" x14ac:dyDescent="0.25">
      <c r="A4770" s="7">
        <f t="shared" si="225"/>
        <v>44760.416666655117</v>
      </c>
      <c r="B4770" s="8">
        <v>15.009723982902344</v>
      </c>
      <c r="C4770">
        <f t="shared" si="223"/>
        <v>10</v>
      </c>
      <c r="D4770">
        <f t="shared" si="224"/>
        <v>7</v>
      </c>
    </row>
    <row r="4771" spans="1:4" x14ac:dyDescent="0.25">
      <c r="A4771" s="7">
        <f t="shared" si="225"/>
        <v>44760.458333321782</v>
      </c>
      <c r="B4771" s="8">
        <v>4.519347682349558</v>
      </c>
      <c r="C4771">
        <f t="shared" si="223"/>
        <v>11</v>
      </c>
      <c r="D4771">
        <f t="shared" si="224"/>
        <v>7</v>
      </c>
    </row>
    <row r="4772" spans="1:4" x14ac:dyDescent="0.25">
      <c r="A4772" s="7">
        <f t="shared" si="225"/>
        <v>44760.499999988446</v>
      </c>
      <c r="B4772" s="8">
        <v>3.9429274221966857</v>
      </c>
      <c r="C4772">
        <f t="shared" si="223"/>
        <v>12</v>
      </c>
      <c r="D4772">
        <f t="shared" si="224"/>
        <v>7</v>
      </c>
    </row>
    <row r="4773" spans="1:4" x14ac:dyDescent="0.25">
      <c r="A4773" s="7">
        <f t="shared" si="225"/>
        <v>44760.54166665511</v>
      </c>
      <c r="B4773" s="8">
        <v>3.3192575554001715</v>
      </c>
      <c r="C4773">
        <f t="shared" si="223"/>
        <v>13</v>
      </c>
      <c r="D4773">
        <f t="shared" si="224"/>
        <v>7</v>
      </c>
    </row>
    <row r="4774" spans="1:4" x14ac:dyDescent="0.25">
      <c r="A4774" s="7">
        <f t="shared" si="225"/>
        <v>44760.583333321774</v>
      </c>
      <c r="B4774" s="8">
        <v>3.1005124683414773</v>
      </c>
      <c r="C4774">
        <f t="shared" si="223"/>
        <v>14</v>
      </c>
      <c r="D4774">
        <f t="shared" si="224"/>
        <v>7</v>
      </c>
    </row>
    <row r="4775" spans="1:4" x14ac:dyDescent="0.25">
      <c r="A4775" s="7">
        <f t="shared" si="225"/>
        <v>44760.624999988439</v>
      </c>
      <c r="B4775" s="8">
        <v>4.8082282279283657</v>
      </c>
      <c r="C4775">
        <f t="shared" si="223"/>
        <v>15</v>
      </c>
      <c r="D4775">
        <f t="shared" si="224"/>
        <v>7</v>
      </c>
    </row>
    <row r="4776" spans="1:4" x14ac:dyDescent="0.25">
      <c r="A4776" s="7">
        <f t="shared" si="225"/>
        <v>44760.666666655103</v>
      </c>
      <c r="B4776" s="8">
        <v>7.9793533298515964</v>
      </c>
      <c r="C4776">
        <f t="shared" si="223"/>
        <v>16</v>
      </c>
      <c r="D4776">
        <f t="shared" si="224"/>
        <v>7</v>
      </c>
    </row>
    <row r="4777" spans="1:4" x14ac:dyDescent="0.25">
      <c r="A4777" s="7">
        <f t="shared" si="225"/>
        <v>44760.708333321767</v>
      </c>
      <c r="B4777" s="8">
        <v>10.896964494004404</v>
      </c>
      <c r="C4777">
        <f t="shared" si="223"/>
        <v>17</v>
      </c>
      <c r="D4777">
        <f t="shared" si="224"/>
        <v>7</v>
      </c>
    </row>
    <row r="4778" spans="1:4" x14ac:dyDescent="0.25">
      <c r="A4778" s="7">
        <f t="shared" si="225"/>
        <v>44760.749999988431</v>
      </c>
      <c r="B4778" s="8">
        <v>5.6832477395591319</v>
      </c>
      <c r="C4778">
        <f t="shared" si="223"/>
        <v>18</v>
      </c>
      <c r="D4778">
        <f t="shared" si="224"/>
        <v>7</v>
      </c>
    </row>
    <row r="4779" spans="1:4" x14ac:dyDescent="0.25">
      <c r="A4779" s="7">
        <f t="shared" si="225"/>
        <v>44760.791666655095</v>
      </c>
      <c r="B4779" s="8">
        <v>2.0167448417857532</v>
      </c>
      <c r="C4779">
        <f t="shared" si="223"/>
        <v>19</v>
      </c>
      <c r="D4779">
        <f t="shared" si="224"/>
        <v>7</v>
      </c>
    </row>
    <row r="4780" spans="1:4" x14ac:dyDescent="0.25">
      <c r="A4780" s="7">
        <f t="shared" si="225"/>
        <v>44760.83333332176</v>
      </c>
      <c r="B4780" s="8">
        <v>0.21857606608653662</v>
      </c>
      <c r="C4780">
        <f t="shared" si="223"/>
        <v>20</v>
      </c>
      <c r="D4780">
        <f t="shared" si="224"/>
        <v>7</v>
      </c>
    </row>
    <row r="4781" spans="1:4" x14ac:dyDescent="0.25">
      <c r="A4781" s="7">
        <f t="shared" si="225"/>
        <v>44760.874999988424</v>
      </c>
      <c r="B4781" s="8">
        <v>-4.9800999999999998E-2</v>
      </c>
      <c r="C4781">
        <f t="shared" si="223"/>
        <v>21</v>
      </c>
      <c r="D4781">
        <f t="shared" si="224"/>
        <v>7</v>
      </c>
    </row>
    <row r="4782" spans="1:4" x14ac:dyDescent="0.25">
      <c r="A4782" s="7">
        <f t="shared" si="225"/>
        <v>44760.916666655088</v>
      </c>
      <c r="B4782" s="8">
        <v>-4.9800999999999998E-2</v>
      </c>
      <c r="C4782">
        <f t="shared" si="223"/>
        <v>22</v>
      </c>
      <c r="D4782">
        <f t="shared" si="224"/>
        <v>7</v>
      </c>
    </row>
    <row r="4783" spans="1:4" x14ac:dyDescent="0.25">
      <c r="A4783" s="7">
        <f t="shared" si="225"/>
        <v>44760.958333321752</v>
      </c>
      <c r="B4783" s="8">
        <v>-4.9800999999999998E-2</v>
      </c>
      <c r="C4783">
        <f t="shared" si="223"/>
        <v>23</v>
      </c>
      <c r="D4783">
        <f t="shared" si="224"/>
        <v>7</v>
      </c>
    </row>
    <row r="4784" spans="1:4" x14ac:dyDescent="0.25">
      <c r="A4784" s="7">
        <f t="shared" si="225"/>
        <v>44760.999999988417</v>
      </c>
      <c r="B4784" s="8">
        <v>-4.9800999999999998E-2</v>
      </c>
      <c r="C4784">
        <f t="shared" si="223"/>
        <v>0</v>
      </c>
      <c r="D4784">
        <f t="shared" si="224"/>
        <v>7</v>
      </c>
    </row>
    <row r="4785" spans="1:4" x14ac:dyDescent="0.25">
      <c r="A4785" s="7">
        <f t="shared" si="225"/>
        <v>44761.041666655081</v>
      </c>
      <c r="B4785" s="8">
        <v>-4.9800999999999998E-2</v>
      </c>
      <c r="C4785">
        <f t="shared" si="223"/>
        <v>1</v>
      </c>
      <c r="D4785">
        <f t="shared" si="224"/>
        <v>7</v>
      </c>
    </row>
    <row r="4786" spans="1:4" x14ac:dyDescent="0.25">
      <c r="A4786" s="7">
        <f t="shared" si="225"/>
        <v>44761.083333321745</v>
      </c>
      <c r="B4786" s="8">
        <v>-4.9800999999999998E-2</v>
      </c>
      <c r="C4786">
        <f t="shared" si="223"/>
        <v>2</v>
      </c>
      <c r="D4786">
        <f t="shared" si="224"/>
        <v>7</v>
      </c>
    </row>
    <row r="4787" spans="1:4" x14ac:dyDescent="0.25">
      <c r="A4787" s="7">
        <f t="shared" si="225"/>
        <v>44761.124999988409</v>
      </c>
      <c r="B4787" s="8">
        <v>-4.9800999999999998E-2</v>
      </c>
      <c r="C4787">
        <f t="shared" si="223"/>
        <v>3</v>
      </c>
      <c r="D4787">
        <f t="shared" si="224"/>
        <v>7</v>
      </c>
    </row>
    <row r="4788" spans="1:4" x14ac:dyDescent="0.25">
      <c r="A4788" s="7">
        <f t="shared" si="225"/>
        <v>44761.166666655074</v>
      </c>
      <c r="B4788" s="8">
        <v>-4.9800999999999998E-2</v>
      </c>
      <c r="C4788">
        <f t="shared" si="223"/>
        <v>4</v>
      </c>
      <c r="D4788">
        <f t="shared" si="224"/>
        <v>7</v>
      </c>
    </row>
    <row r="4789" spans="1:4" x14ac:dyDescent="0.25">
      <c r="A4789" s="7">
        <f t="shared" si="225"/>
        <v>44761.208333321738</v>
      </c>
      <c r="B4789" s="8">
        <v>-4.9800999999999998E-2</v>
      </c>
      <c r="C4789">
        <f t="shared" si="223"/>
        <v>5</v>
      </c>
      <c r="D4789">
        <f t="shared" si="224"/>
        <v>7</v>
      </c>
    </row>
    <row r="4790" spans="1:4" x14ac:dyDescent="0.25">
      <c r="A4790" s="7">
        <f t="shared" si="225"/>
        <v>44761.249999988402</v>
      </c>
      <c r="B4790" s="8">
        <v>-4.9800999999999998E-2</v>
      </c>
      <c r="C4790">
        <f t="shared" si="223"/>
        <v>6</v>
      </c>
      <c r="D4790">
        <f t="shared" si="224"/>
        <v>7</v>
      </c>
    </row>
    <row r="4791" spans="1:4" x14ac:dyDescent="0.25">
      <c r="A4791" s="7">
        <f t="shared" si="225"/>
        <v>44761.291666655066</v>
      </c>
      <c r="B4791" s="8">
        <v>1.4918790699881324</v>
      </c>
      <c r="C4791">
        <f t="shared" si="223"/>
        <v>7</v>
      </c>
      <c r="D4791">
        <f t="shared" si="224"/>
        <v>7</v>
      </c>
    </row>
    <row r="4792" spans="1:4" x14ac:dyDescent="0.25">
      <c r="A4792" s="7">
        <f t="shared" si="225"/>
        <v>44761.333333321731</v>
      </c>
      <c r="B4792" s="8">
        <v>5.8954174985546057</v>
      </c>
      <c r="C4792">
        <f t="shared" si="223"/>
        <v>8</v>
      </c>
      <c r="D4792">
        <f t="shared" si="224"/>
        <v>7</v>
      </c>
    </row>
    <row r="4793" spans="1:4" x14ac:dyDescent="0.25">
      <c r="A4793" s="7">
        <f t="shared" si="225"/>
        <v>44761.374999988395</v>
      </c>
      <c r="B4793" s="8">
        <v>11.414992130739412</v>
      </c>
      <c r="C4793">
        <f t="shared" si="223"/>
        <v>9</v>
      </c>
      <c r="D4793">
        <f t="shared" si="224"/>
        <v>7</v>
      </c>
    </row>
    <row r="4794" spans="1:4" x14ac:dyDescent="0.25">
      <c r="A4794" s="7">
        <f t="shared" si="225"/>
        <v>44761.416666655059</v>
      </c>
      <c r="B4794" s="8">
        <v>16.32990557180138</v>
      </c>
      <c r="C4794">
        <f t="shared" si="223"/>
        <v>10</v>
      </c>
      <c r="D4794">
        <f t="shared" si="224"/>
        <v>7</v>
      </c>
    </row>
    <row r="4795" spans="1:4" x14ac:dyDescent="0.25">
      <c r="A4795" s="7">
        <f t="shared" si="225"/>
        <v>44761.458333321723</v>
      </c>
      <c r="B4795" s="8">
        <v>20.091458031637242</v>
      </c>
      <c r="C4795">
        <f t="shared" si="223"/>
        <v>11</v>
      </c>
      <c r="D4795">
        <f t="shared" si="224"/>
        <v>7</v>
      </c>
    </row>
    <row r="4796" spans="1:4" x14ac:dyDescent="0.25">
      <c r="A4796" s="7">
        <f t="shared" si="225"/>
        <v>44761.499999988388</v>
      </c>
      <c r="B4796" s="8">
        <v>20.451315018134213</v>
      </c>
      <c r="C4796">
        <f t="shared" si="223"/>
        <v>12</v>
      </c>
      <c r="D4796">
        <f t="shared" si="224"/>
        <v>7</v>
      </c>
    </row>
    <row r="4797" spans="1:4" x14ac:dyDescent="0.25">
      <c r="A4797" s="7">
        <f t="shared" si="225"/>
        <v>44761.541666655052</v>
      </c>
      <c r="B4797" s="8">
        <v>17.148326761919936</v>
      </c>
      <c r="C4797">
        <f t="shared" si="223"/>
        <v>13</v>
      </c>
      <c r="D4797">
        <f t="shared" si="224"/>
        <v>7</v>
      </c>
    </row>
    <row r="4798" spans="1:4" x14ac:dyDescent="0.25">
      <c r="A4798" s="7">
        <f t="shared" si="225"/>
        <v>44761.583333321716</v>
      </c>
      <c r="B4798" s="8">
        <v>18.441083667470647</v>
      </c>
      <c r="C4798">
        <f t="shared" si="223"/>
        <v>14</v>
      </c>
      <c r="D4798">
        <f t="shared" si="224"/>
        <v>7</v>
      </c>
    </row>
    <row r="4799" spans="1:4" x14ac:dyDescent="0.25">
      <c r="A4799" s="7">
        <f t="shared" si="225"/>
        <v>44761.62499998838</v>
      </c>
      <c r="B4799" s="8">
        <v>14.876469497438045</v>
      </c>
      <c r="C4799">
        <f t="shared" si="223"/>
        <v>15</v>
      </c>
      <c r="D4799">
        <f t="shared" si="224"/>
        <v>7</v>
      </c>
    </row>
    <row r="4800" spans="1:4" x14ac:dyDescent="0.25">
      <c r="A4800" s="7">
        <f t="shared" si="225"/>
        <v>44761.666666655045</v>
      </c>
      <c r="B4800" s="8">
        <v>4.3308202471425314</v>
      </c>
      <c r="C4800">
        <f t="shared" si="223"/>
        <v>16</v>
      </c>
      <c r="D4800">
        <f t="shared" si="224"/>
        <v>7</v>
      </c>
    </row>
    <row r="4801" spans="1:4" x14ac:dyDescent="0.25">
      <c r="A4801" s="7">
        <f t="shared" si="225"/>
        <v>44761.708333321709</v>
      </c>
      <c r="B4801" s="8">
        <v>1.8550700982224919</v>
      </c>
      <c r="C4801">
        <f t="shared" si="223"/>
        <v>17</v>
      </c>
      <c r="D4801">
        <f t="shared" si="224"/>
        <v>7</v>
      </c>
    </row>
    <row r="4802" spans="1:4" x14ac:dyDescent="0.25">
      <c r="A4802" s="7">
        <f t="shared" si="225"/>
        <v>44761.749999988373</v>
      </c>
      <c r="B4802" s="8">
        <v>1.7299543848138761</v>
      </c>
      <c r="C4802">
        <f t="shared" si="223"/>
        <v>18</v>
      </c>
      <c r="D4802">
        <f t="shared" si="224"/>
        <v>7</v>
      </c>
    </row>
    <row r="4803" spans="1:4" x14ac:dyDescent="0.25">
      <c r="A4803" s="7">
        <f t="shared" si="225"/>
        <v>44761.791666655037</v>
      </c>
      <c r="B4803" s="8">
        <v>0.72467329566482885</v>
      </c>
      <c r="C4803">
        <f t="shared" si="223"/>
        <v>19</v>
      </c>
      <c r="D4803">
        <f t="shared" si="224"/>
        <v>7</v>
      </c>
    </row>
    <row r="4804" spans="1:4" x14ac:dyDescent="0.25">
      <c r="A4804" s="7">
        <f t="shared" si="225"/>
        <v>44761.833333321702</v>
      </c>
      <c r="B4804" s="8">
        <v>-4.9800999999999998E-2</v>
      </c>
      <c r="C4804">
        <f t="shared" si="223"/>
        <v>20</v>
      </c>
      <c r="D4804">
        <f t="shared" si="224"/>
        <v>7</v>
      </c>
    </row>
    <row r="4805" spans="1:4" x14ac:dyDescent="0.25">
      <c r="A4805" s="7">
        <f t="shared" si="225"/>
        <v>44761.874999988366</v>
      </c>
      <c r="B4805" s="8">
        <v>-4.9800999999999998E-2</v>
      </c>
      <c r="C4805">
        <f t="shared" si="223"/>
        <v>21</v>
      </c>
      <c r="D4805">
        <f t="shared" si="224"/>
        <v>7</v>
      </c>
    </row>
    <row r="4806" spans="1:4" x14ac:dyDescent="0.25">
      <c r="A4806" s="7">
        <f t="shared" si="225"/>
        <v>44761.91666665503</v>
      </c>
      <c r="B4806" s="8">
        <v>-4.9800999999999998E-2</v>
      </c>
      <c r="C4806">
        <f t="shared" si="223"/>
        <v>22</v>
      </c>
      <c r="D4806">
        <f t="shared" si="224"/>
        <v>7</v>
      </c>
    </row>
    <row r="4807" spans="1:4" x14ac:dyDescent="0.25">
      <c r="A4807" s="7">
        <f t="shared" si="225"/>
        <v>44761.958333321694</v>
      </c>
      <c r="B4807" s="8">
        <v>-4.9800999999999998E-2</v>
      </c>
      <c r="C4807">
        <f t="shared" si="223"/>
        <v>23</v>
      </c>
      <c r="D4807">
        <f t="shared" si="224"/>
        <v>7</v>
      </c>
    </row>
    <row r="4808" spans="1:4" x14ac:dyDescent="0.25">
      <c r="A4808" s="7">
        <f t="shared" si="225"/>
        <v>44761.999999988358</v>
      </c>
      <c r="B4808" s="8">
        <v>-4.9800999999999998E-2</v>
      </c>
      <c r="C4808">
        <f t="shared" si="223"/>
        <v>0</v>
      </c>
      <c r="D4808">
        <f t="shared" si="224"/>
        <v>7</v>
      </c>
    </row>
    <row r="4809" spans="1:4" x14ac:dyDescent="0.25">
      <c r="A4809" s="7">
        <f t="shared" si="225"/>
        <v>44762.041666655023</v>
      </c>
      <c r="B4809" s="8">
        <v>-4.9800999999999998E-2</v>
      </c>
      <c r="C4809">
        <f t="shared" si="223"/>
        <v>1</v>
      </c>
      <c r="D4809">
        <f t="shared" si="224"/>
        <v>7</v>
      </c>
    </row>
    <row r="4810" spans="1:4" x14ac:dyDescent="0.25">
      <c r="A4810" s="7">
        <f t="shared" si="225"/>
        <v>44762.083333321687</v>
      </c>
      <c r="B4810" s="8">
        <v>-4.9800999999999998E-2</v>
      </c>
      <c r="C4810">
        <f t="shared" ref="C4810:C4873" si="226">HOUR(A4810)</f>
        <v>2</v>
      </c>
      <c r="D4810">
        <f t="shared" ref="D4810:D4873" si="227">MONTH(A4810)</f>
        <v>7</v>
      </c>
    </row>
    <row r="4811" spans="1:4" x14ac:dyDescent="0.25">
      <c r="A4811" s="7">
        <f t="shared" ref="A4811:A4874" si="228">+A4810+1/24</f>
        <v>44762.124999988351</v>
      </c>
      <c r="B4811" s="8">
        <v>-4.9800999999999998E-2</v>
      </c>
      <c r="C4811">
        <f t="shared" si="226"/>
        <v>3</v>
      </c>
      <c r="D4811">
        <f t="shared" si="227"/>
        <v>7</v>
      </c>
    </row>
    <row r="4812" spans="1:4" x14ac:dyDescent="0.25">
      <c r="A4812" s="7">
        <f t="shared" si="228"/>
        <v>44762.166666655015</v>
      </c>
      <c r="B4812" s="8">
        <v>-4.9800999999999998E-2</v>
      </c>
      <c r="C4812">
        <f t="shared" si="226"/>
        <v>4</v>
      </c>
      <c r="D4812">
        <f t="shared" si="227"/>
        <v>7</v>
      </c>
    </row>
    <row r="4813" spans="1:4" x14ac:dyDescent="0.25">
      <c r="A4813" s="7">
        <f t="shared" si="228"/>
        <v>44762.20833332168</v>
      </c>
      <c r="B4813" s="8">
        <v>-4.9800999999999998E-2</v>
      </c>
      <c r="C4813">
        <f t="shared" si="226"/>
        <v>5</v>
      </c>
      <c r="D4813">
        <f t="shared" si="227"/>
        <v>7</v>
      </c>
    </row>
    <row r="4814" spans="1:4" x14ac:dyDescent="0.25">
      <c r="A4814" s="7">
        <f t="shared" si="228"/>
        <v>44762.249999988344</v>
      </c>
      <c r="B4814" s="8">
        <v>-4.9800999999999998E-2</v>
      </c>
      <c r="C4814">
        <f t="shared" si="226"/>
        <v>6</v>
      </c>
      <c r="D4814">
        <f t="shared" si="227"/>
        <v>7</v>
      </c>
    </row>
    <row r="4815" spans="1:4" x14ac:dyDescent="0.25">
      <c r="A4815" s="7">
        <f t="shared" si="228"/>
        <v>44762.291666655008</v>
      </c>
      <c r="B4815" s="8">
        <v>1.2647993938938156</v>
      </c>
      <c r="C4815">
        <f t="shared" si="226"/>
        <v>7</v>
      </c>
      <c r="D4815">
        <f t="shared" si="227"/>
        <v>7</v>
      </c>
    </row>
    <row r="4816" spans="1:4" x14ac:dyDescent="0.25">
      <c r="A4816" s="7">
        <f t="shared" si="228"/>
        <v>44762.333333321672</v>
      </c>
      <c r="B4816" s="8">
        <v>3.0736845114741254</v>
      </c>
      <c r="C4816">
        <f t="shared" si="226"/>
        <v>8</v>
      </c>
      <c r="D4816">
        <f t="shared" si="227"/>
        <v>7</v>
      </c>
    </row>
    <row r="4817" spans="1:4" x14ac:dyDescent="0.25">
      <c r="A4817" s="7">
        <f t="shared" si="228"/>
        <v>44762.374999988337</v>
      </c>
      <c r="B4817" s="8">
        <v>5.1320260328773806</v>
      </c>
      <c r="C4817">
        <f t="shared" si="226"/>
        <v>9</v>
      </c>
      <c r="D4817">
        <f t="shared" si="227"/>
        <v>7</v>
      </c>
    </row>
    <row r="4818" spans="1:4" x14ac:dyDescent="0.25">
      <c r="A4818" s="7">
        <f t="shared" si="228"/>
        <v>44762.416666655001</v>
      </c>
      <c r="B4818" s="8">
        <v>6.0230705877769593</v>
      </c>
      <c r="C4818">
        <f t="shared" si="226"/>
        <v>10</v>
      </c>
      <c r="D4818">
        <f t="shared" si="227"/>
        <v>7</v>
      </c>
    </row>
    <row r="4819" spans="1:4" x14ac:dyDescent="0.25">
      <c r="A4819" s="7">
        <f t="shared" si="228"/>
        <v>44762.458333321665</v>
      </c>
      <c r="B4819" s="8">
        <v>3.9831265869468324</v>
      </c>
      <c r="C4819">
        <f t="shared" si="226"/>
        <v>11</v>
      </c>
      <c r="D4819">
        <f t="shared" si="227"/>
        <v>7</v>
      </c>
    </row>
    <row r="4820" spans="1:4" x14ac:dyDescent="0.25">
      <c r="A4820" s="7">
        <f t="shared" si="228"/>
        <v>44762.499999988329</v>
      </c>
      <c r="B4820" s="8">
        <v>3.4104082983304944</v>
      </c>
      <c r="C4820">
        <f t="shared" si="226"/>
        <v>12</v>
      </c>
      <c r="D4820">
        <f t="shared" si="227"/>
        <v>7</v>
      </c>
    </row>
    <row r="4821" spans="1:4" x14ac:dyDescent="0.25">
      <c r="A4821" s="7">
        <f t="shared" si="228"/>
        <v>44762.541666654994</v>
      </c>
      <c r="B4821" s="8">
        <v>10.932439316459597</v>
      </c>
      <c r="C4821">
        <f t="shared" si="226"/>
        <v>13</v>
      </c>
      <c r="D4821">
        <f t="shared" si="227"/>
        <v>7</v>
      </c>
    </row>
    <row r="4822" spans="1:4" x14ac:dyDescent="0.25">
      <c r="A4822" s="7">
        <f t="shared" si="228"/>
        <v>44762.583333321658</v>
      </c>
      <c r="B4822" s="8">
        <v>7.2889459444447571</v>
      </c>
      <c r="C4822">
        <f t="shared" si="226"/>
        <v>14</v>
      </c>
      <c r="D4822">
        <f t="shared" si="227"/>
        <v>7</v>
      </c>
    </row>
    <row r="4823" spans="1:4" x14ac:dyDescent="0.25">
      <c r="A4823" s="7">
        <f t="shared" si="228"/>
        <v>44762.624999988322</v>
      </c>
      <c r="B4823" s="8">
        <v>4.1905266565572612</v>
      </c>
      <c r="C4823">
        <f t="shared" si="226"/>
        <v>15</v>
      </c>
      <c r="D4823">
        <f t="shared" si="227"/>
        <v>7</v>
      </c>
    </row>
    <row r="4824" spans="1:4" x14ac:dyDescent="0.25">
      <c r="A4824" s="7">
        <f t="shared" si="228"/>
        <v>44762.666666654986</v>
      </c>
      <c r="B4824" s="8">
        <v>10.28895071006187</v>
      </c>
      <c r="C4824">
        <f t="shared" si="226"/>
        <v>16</v>
      </c>
      <c r="D4824">
        <f t="shared" si="227"/>
        <v>7</v>
      </c>
    </row>
    <row r="4825" spans="1:4" x14ac:dyDescent="0.25">
      <c r="A4825" s="7">
        <f t="shared" si="228"/>
        <v>44762.708333321651</v>
      </c>
      <c r="B4825" s="8">
        <v>10.125729012357089</v>
      </c>
      <c r="C4825">
        <f t="shared" si="226"/>
        <v>17</v>
      </c>
      <c r="D4825">
        <f t="shared" si="227"/>
        <v>7</v>
      </c>
    </row>
    <row r="4826" spans="1:4" x14ac:dyDescent="0.25">
      <c r="A4826" s="7">
        <f t="shared" si="228"/>
        <v>44762.749999988315</v>
      </c>
      <c r="B4826" s="8">
        <v>6.4525755515755661</v>
      </c>
      <c r="C4826">
        <f t="shared" si="226"/>
        <v>18</v>
      </c>
      <c r="D4826">
        <f t="shared" si="227"/>
        <v>7</v>
      </c>
    </row>
    <row r="4827" spans="1:4" x14ac:dyDescent="0.25">
      <c r="A4827" s="7">
        <f t="shared" si="228"/>
        <v>44762.791666654979</v>
      </c>
      <c r="B4827" s="8">
        <v>2.0516456113050192</v>
      </c>
      <c r="C4827">
        <f t="shared" si="226"/>
        <v>19</v>
      </c>
      <c r="D4827">
        <f t="shared" si="227"/>
        <v>7</v>
      </c>
    </row>
    <row r="4828" spans="1:4" x14ac:dyDescent="0.25">
      <c r="A4828" s="7">
        <f t="shared" si="228"/>
        <v>44762.833333321643</v>
      </c>
      <c r="B4828" s="8">
        <v>0.25788477888580197</v>
      </c>
      <c r="C4828">
        <f t="shared" si="226"/>
        <v>20</v>
      </c>
      <c r="D4828">
        <f t="shared" si="227"/>
        <v>7</v>
      </c>
    </row>
    <row r="4829" spans="1:4" x14ac:dyDescent="0.25">
      <c r="A4829" s="7">
        <f t="shared" si="228"/>
        <v>44762.874999988308</v>
      </c>
      <c r="B4829" s="8">
        <v>-4.9800999999999998E-2</v>
      </c>
      <c r="C4829">
        <f t="shared" si="226"/>
        <v>21</v>
      </c>
      <c r="D4829">
        <f t="shared" si="227"/>
        <v>7</v>
      </c>
    </row>
    <row r="4830" spans="1:4" x14ac:dyDescent="0.25">
      <c r="A4830" s="7">
        <f t="shared" si="228"/>
        <v>44762.916666654972</v>
      </c>
      <c r="B4830" s="8">
        <v>-4.9800999999999998E-2</v>
      </c>
      <c r="C4830">
        <f t="shared" si="226"/>
        <v>22</v>
      </c>
      <c r="D4830">
        <f t="shared" si="227"/>
        <v>7</v>
      </c>
    </row>
    <row r="4831" spans="1:4" x14ac:dyDescent="0.25">
      <c r="A4831" s="7">
        <f t="shared" si="228"/>
        <v>44762.958333321636</v>
      </c>
      <c r="B4831" s="8">
        <v>-4.9800999999999998E-2</v>
      </c>
      <c r="C4831">
        <f t="shared" si="226"/>
        <v>23</v>
      </c>
      <c r="D4831">
        <f t="shared" si="227"/>
        <v>7</v>
      </c>
    </row>
    <row r="4832" spans="1:4" x14ac:dyDescent="0.25">
      <c r="A4832" s="7">
        <f t="shared" si="228"/>
        <v>44762.9999999883</v>
      </c>
      <c r="B4832" s="8">
        <v>-4.9800999999999998E-2</v>
      </c>
      <c r="C4832">
        <f t="shared" si="226"/>
        <v>0</v>
      </c>
      <c r="D4832">
        <f t="shared" si="227"/>
        <v>7</v>
      </c>
    </row>
    <row r="4833" spans="1:4" x14ac:dyDescent="0.25">
      <c r="A4833" s="7">
        <f t="shared" si="228"/>
        <v>44763.041666654965</v>
      </c>
      <c r="B4833" s="8">
        <v>-4.9800999999999998E-2</v>
      </c>
      <c r="C4833">
        <f t="shared" si="226"/>
        <v>1</v>
      </c>
      <c r="D4833">
        <f t="shared" si="227"/>
        <v>7</v>
      </c>
    </row>
    <row r="4834" spans="1:4" x14ac:dyDescent="0.25">
      <c r="A4834" s="7">
        <f t="shared" si="228"/>
        <v>44763.083333321629</v>
      </c>
      <c r="B4834" s="8">
        <v>-4.9800999999999998E-2</v>
      </c>
      <c r="C4834">
        <f t="shared" si="226"/>
        <v>2</v>
      </c>
      <c r="D4834">
        <f t="shared" si="227"/>
        <v>7</v>
      </c>
    </row>
    <row r="4835" spans="1:4" x14ac:dyDescent="0.25">
      <c r="A4835" s="7">
        <f t="shared" si="228"/>
        <v>44763.124999988293</v>
      </c>
      <c r="B4835" s="8">
        <v>-4.9800999999999998E-2</v>
      </c>
      <c r="C4835">
        <f t="shared" si="226"/>
        <v>3</v>
      </c>
      <c r="D4835">
        <f t="shared" si="227"/>
        <v>7</v>
      </c>
    </row>
    <row r="4836" spans="1:4" x14ac:dyDescent="0.25">
      <c r="A4836" s="7">
        <f t="shared" si="228"/>
        <v>44763.166666654957</v>
      </c>
      <c r="B4836" s="8">
        <v>-4.9800999999999998E-2</v>
      </c>
      <c r="C4836">
        <f t="shared" si="226"/>
        <v>4</v>
      </c>
      <c r="D4836">
        <f t="shared" si="227"/>
        <v>7</v>
      </c>
    </row>
    <row r="4837" spans="1:4" x14ac:dyDescent="0.25">
      <c r="A4837" s="7">
        <f t="shared" si="228"/>
        <v>44763.208333321621</v>
      </c>
      <c r="B4837" s="8">
        <v>-4.9800999999999998E-2</v>
      </c>
      <c r="C4837">
        <f t="shared" si="226"/>
        <v>5</v>
      </c>
      <c r="D4837">
        <f t="shared" si="227"/>
        <v>7</v>
      </c>
    </row>
    <row r="4838" spans="1:4" x14ac:dyDescent="0.25">
      <c r="A4838" s="7">
        <f t="shared" si="228"/>
        <v>44763.249999988286</v>
      </c>
      <c r="B4838" s="8">
        <v>-4.9800999999999998E-2</v>
      </c>
      <c r="C4838">
        <f t="shared" si="226"/>
        <v>6</v>
      </c>
      <c r="D4838">
        <f t="shared" si="227"/>
        <v>7</v>
      </c>
    </row>
    <row r="4839" spans="1:4" x14ac:dyDescent="0.25">
      <c r="A4839" s="7">
        <f t="shared" si="228"/>
        <v>44763.29166665495</v>
      </c>
      <c r="B4839" s="8">
        <v>0.78803451729472929</v>
      </c>
      <c r="C4839">
        <f t="shared" si="226"/>
        <v>7</v>
      </c>
      <c r="D4839">
        <f t="shared" si="227"/>
        <v>7</v>
      </c>
    </row>
    <row r="4840" spans="1:4" x14ac:dyDescent="0.25">
      <c r="A4840" s="7">
        <f t="shared" si="228"/>
        <v>44763.333333321614</v>
      </c>
      <c r="B4840" s="8">
        <v>2.5051309408363882</v>
      </c>
      <c r="C4840">
        <f t="shared" si="226"/>
        <v>8</v>
      </c>
      <c r="D4840">
        <f t="shared" si="227"/>
        <v>7</v>
      </c>
    </row>
    <row r="4841" spans="1:4" x14ac:dyDescent="0.25">
      <c r="A4841" s="7">
        <f t="shared" si="228"/>
        <v>44763.374999988278</v>
      </c>
      <c r="B4841" s="8">
        <v>3.4738396018268993</v>
      </c>
      <c r="C4841">
        <f t="shared" si="226"/>
        <v>9</v>
      </c>
      <c r="D4841">
        <f t="shared" si="227"/>
        <v>7</v>
      </c>
    </row>
    <row r="4842" spans="1:4" x14ac:dyDescent="0.25">
      <c r="A4842" s="7">
        <f t="shared" si="228"/>
        <v>44763.416666654943</v>
      </c>
      <c r="B4842" s="8">
        <v>3.7133588092257734</v>
      </c>
      <c r="C4842">
        <f t="shared" si="226"/>
        <v>10</v>
      </c>
      <c r="D4842">
        <f t="shared" si="227"/>
        <v>7</v>
      </c>
    </row>
    <row r="4843" spans="1:4" x14ac:dyDescent="0.25">
      <c r="A4843" s="7">
        <f t="shared" si="228"/>
        <v>44763.458333321607</v>
      </c>
      <c r="B4843" s="8">
        <v>4.3597630273932264</v>
      </c>
      <c r="C4843">
        <f t="shared" si="226"/>
        <v>11</v>
      </c>
      <c r="D4843">
        <f t="shared" si="227"/>
        <v>7</v>
      </c>
    </row>
    <row r="4844" spans="1:4" x14ac:dyDescent="0.25">
      <c r="A4844" s="7">
        <f t="shared" si="228"/>
        <v>44763.499999988271</v>
      </c>
      <c r="B4844" s="8">
        <v>8.4803510730259983</v>
      </c>
      <c r="C4844">
        <f t="shared" si="226"/>
        <v>12</v>
      </c>
      <c r="D4844">
        <f t="shared" si="227"/>
        <v>7</v>
      </c>
    </row>
    <row r="4845" spans="1:4" x14ac:dyDescent="0.25">
      <c r="A4845" s="7">
        <f t="shared" si="228"/>
        <v>44763.541666654935</v>
      </c>
      <c r="B4845" s="8">
        <v>13.888312087876837</v>
      </c>
      <c r="C4845">
        <f t="shared" si="226"/>
        <v>13</v>
      </c>
      <c r="D4845">
        <f t="shared" si="227"/>
        <v>7</v>
      </c>
    </row>
    <row r="4846" spans="1:4" x14ac:dyDescent="0.25">
      <c r="A4846" s="7">
        <f t="shared" si="228"/>
        <v>44763.5833333216</v>
      </c>
      <c r="B4846" s="8">
        <v>14.768260003707969</v>
      </c>
      <c r="C4846">
        <f t="shared" si="226"/>
        <v>14</v>
      </c>
      <c r="D4846">
        <f t="shared" si="227"/>
        <v>7</v>
      </c>
    </row>
    <row r="4847" spans="1:4" x14ac:dyDescent="0.25">
      <c r="A4847" s="7">
        <f t="shared" si="228"/>
        <v>44763.624999988264</v>
      </c>
      <c r="B4847" s="8">
        <v>12.344496171114731</v>
      </c>
      <c r="C4847">
        <f t="shared" si="226"/>
        <v>15</v>
      </c>
      <c r="D4847">
        <f t="shared" si="227"/>
        <v>7</v>
      </c>
    </row>
    <row r="4848" spans="1:4" x14ac:dyDescent="0.25">
      <c r="A4848" s="7">
        <f t="shared" si="228"/>
        <v>44763.666666654928</v>
      </c>
      <c r="B4848" s="8">
        <v>13.332857642581349</v>
      </c>
      <c r="C4848">
        <f t="shared" si="226"/>
        <v>16</v>
      </c>
      <c r="D4848">
        <f t="shared" si="227"/>
        <v>7</v>
      </c>
    </row>
    <row r="4849" spans="1:4" x14ac:dyDescent="0.25">
      <c r="A4849" s="7">
        <f t="shared" si="228"/>
        <v>44763.708333321592</v>
      </c>
      <c r="B4849" s="8">
        <v>11.268680775175905</v>
      </c>
      <c r="C4849">
        <f t="shared" si="226"/>
        <v>17</v>
      </c>
      <c r="D4849">
        <f t="shared" si="227"/>
        <v>7</v>
      </c>
    </row>
    <row r="4850" spans="1:4" x14ac:dyDescent="0.25">
      <c r="A4850" s="7">
        <f t="shared" si="228"/>
        <v>44763.749999988257</v>
      </c>
      <c r="B4850" s="8">
        <v>6.4210479871896737</v>
      </c>
      <c r="C4850">
        <f t="shared" si="226"/>
        <v>18</v>
      </c>
      <c r="D4850">
        <f t="shared" si="227"/>
        <v>7</v>
      </c>
    </row>
    <row r="4851" spans="1:4" x14ac:dyDescent="0.25">
      <c r="A4851" s="7">
        <f t="shared" si="228"/>
        <v>44763.791666654921</v>
      </c>
      <c r="B4851" s="8">
        <v>1.9407554861811431</v>
      </c>
      <c r="C4851">
        <f t="shared" si="226"/>
        <v>19</v>
      </c>
      <c r="D4851">
        <f t="shared" si="227"/>
        <v>7</v>
      </c>
    </row>
    <row r="4852" spans="1:4" x14ac:dyDescent="0.25">
      <c r="A4852" s="7">
        <f t="shared" si="228"/>
        <v>44763.833333321585</v>
      </c>
      <c r="B4852" s="8">
        <v>0.25825476991631868</v>
      </c>
      <c r="C4852">
        <f t="shared" si="226"/>
        <v>20</v>
      </c>
      <c r="D4852">
        <f t="shared" si="227"/>
        <v>7</v>
      </c>
    </row>
    <row r="4853" spans="1:4" x14ac:dyDescent="0.25">
      <c r="A4853" s="7">
        <f t="shared" si="228"/>
        <v>44763.874999988249</v>
      </c>
      <c r="B4853" s="8">
        <v>-4.9800999999999998E-2</v>
      </c>
      <c r="C4853">
        <f t="shared" si="226"/>
        <v>21</v>
      </c>
      <c r="D4853">
        <f t="shared" si="227"/>
        <v>7</v>
      </c>
    </row>
    <row r="4854" spans="1:4" x14ac:dyDescent="0.25">
      <c r="A4854" s="7">
        <f t="shared" si="228"/>
        <v>44763.916666654914</v>
      </c>
      <c r="B4854" s="8">
        <v>-4.9800999999999998E-2</v>
      </c>
      <c r="C4854">
        <f t="shared" si="226"/>
        <v>22</v>
      </c>
      <c r="D4854">
        <f t="shared" si="227"/>
        <v>7</v>
      </c>
    </row>
    <row r="4855" spans="1:4" x14ac:dyDescent="0.25">
      <c r="A4855" s="7">
        <f t="shared" si="228"/>
        <v>44763.958333321578</v>
      </c>
      <c r="B4855" s="8">
        <v>-4.9800999999999998E-2</v>
      </c>
      <c r="C4855">
        <f t="shared" si="226"/>
        <v>23</v>
      </c>
      <c r="D4855">
        <f t="shared" si="227"/>
        <v>7</v>
      </c>
    </row>
    <row r="4856" spans="1:4" x14ac:dyDescent="0.25">
      <c r="A4856" s="7">
        <f t="shared" si="228"/>
        <v>44763.999999988242</v>
      </c>
      <c r="B4856" s="8">
        <v>-4.9800999999999998E-2</v>
      </c>
      <c r="C4856">
        <f t="shared" si="226"/>
        <v>0</v>
      </c>
      <c r="D4856">
        <f t="shared" si="227"/>
        <v>7</v>
      </c>
    </row>
    <row r="4857" spans="1:4" x14ac:dyDescent="0.25">
      <c r="A4857" s="7">
        <f t="shared" si="228"/>
        <v>44764.041666654906</v>
      </c>
      <c r="B4857" s="8">
        <v>-4.9800999999999998E-2</v>
      </c>
      <c r="C4857">
        <f t="shared" si="226"/>
        <v>1</v>
      </c>
      <c r="D4857">
        <f t="shared" si="227"/>
        <v>7</v>
      </c>
    </row>
    <row r="4858" spans="1:4" x14ac:dyDescent="0.25">
      <c r="A4858" s="7">
        <f t="shared" si="228"/>
        <v>44764.083333321571</v>
      </c>
      <c r="B4858" s="8">
        <v>-4.9800999999999998E-2</v>
      </c>
      <c r="C4858">
        <f t="shared" si="226"/>
        <v>2</v>
      </c>
      <c r="D4858">
        <f t="shared" si="227"/>
        <v>7</v>
      </c>
    </row>
    <row r="4859" spans="1:4" x14ac:dyDescent="0.25">
      <c r="A4859" s="7">
        <f t="shared" si="228"/>
        <v>44764.124999988235</v>
      </c>
      <c r="B4859" s="8">
        <v>-4.9800999999999998E-2</v>
      </c>
      <c r="C4859">
        <f t="shared" si="226"/>
        <v>3</v>
      </c>
      <c r="D4859">
        <f t="shared" si="227"/>
        <v>7</v>
      </c>
    </row>
    <row r="4860" spans="1:4" x14ac:dyDescent="0.25">
      <c r="A4860" s="7">
        <f t="shared" si="228"/>
        <v>44764.166666654899</v>
      </c>
      <c r="B4860" s="8">
        <v>-4.9800999999999998E-2</v>
      </c>
      <c r="C4860">
        <f t="shared" si="226"/>
        <v>4</v>
      </c>
      <c r="D4860">
        <f t="shared" si="227"/>
        <v>7</v>
      </c>
    </row>
    <row r="4861" spans="1:4" x14ac:dyDescent="0.25">
      <c r="A4861" s="7">
        <f t="shared" si="228"/>
        <v>44764.208333321563</v>
      </c>
      <c r="B4861" s="8">
        <v>-4.9800999999999998E-2</v>
      </c>
      <c r="C4861">
        <f t="shared" si="226"/>
        <v>5</v>
      </c>
      <c r="D4861">
        <f t="shared" si="227"/>
        <v>7</v>
      </c>
    </row>
    <row r="4862" spans="1:4" x14ac:dyDescent="0.25">
      <c r="A4862" s="7">
        <f t="shared" si="228"/>
        <v>44764.249999988228</v>
      </c>
      <c r="B4862" s="8">
        <v>-4.9800999999999998E-2</v>
      </c>
      <c r="C4862">
        <f t="shared" si="226"/>
        <v>6</v>
      </c>
      <c r="D4862">
        <f t="shared" si="227"/>
        <v>7</v>
      </c>
    </row>
    <row r="4863" spans="1:4" x14ac:dyDescent="0.25">
      <c r="A4863" s="7">
        <f t="shared" si="228"/>
        <v>44764.291666654892</v>
      </c>
      <c r="B4863" s="8">
        <v>1.4888779171166433</v>
      </c>
      <c r="C4863">
        <f t="shared" si="226"/>
        <v>7</v>
      </c>
      <c r="D4863">
        <f t="shared" si="227"/>
        <v>7</v>
      </c>
    </row>
    <row r="4864" spans="1:4" x14ac:dyDescent="0.25">
      <c r="A4864" s="7">
        <f t="shared" si="228"/>
        <v>44764.333333321556</v>
      </c>
      <c r="B4864" s="8">
        <v>4.483475042240384</v>
      </c>
      <c r="C4864">
        <f t="shared" si="226"/>
        <v>8</v>
      </c>
      <c r="D4864">
        <f t="shared" si="227"/>
        <v>7</v>
      </c>
    </row>
    <row r="4865" spans="1:4" x14ac:dyDescent="0.25">
      <c r="A4865" s="7">
        <f t="shared" si="228"/>
        <v>44764.37499998822</v>
      </c>
      <c r="B4865" s="8">
        <v>10.519207774309621</v>
      </c>
      <c r="C4865">
        <f t="shared" si="226"/>
        <v>9</v>
      </c>
      <c r="D4865">
        <f t="shared" si="227"/>
        <v>7</v>
      </c>
    </row>
    <row r="4866" spans="1:4" x14ac:dyDescent="0.25">
      <c r="A4866" s="7">
        <f t="shared" si="228"/>
        <v>44764.416666654884</v>
      </c>
      <c r="B4866" s="8">
        <v>16.019267698519961</v>
      </c>
      <c r="C4866">
        <f t="shared" si="226"/>
        <v>10</v>
      </c>
      <c r="D4866">
        <f t="shared" si="227"/>
        <v>7</v>
      </c>
    </row>
    <row r="4867" spans="1:4" x14ac:dyDescent="0.25">
      <c r="A4867" s="7">
        <f t="shared" si="228"/>
        <v>44764.458333321549</v>
      </c>
      <c r="B4867" s="8">
        <v>11.577945868366383</v>
      </c>
      <c r="C4867">
        <f t="shared" si="226"/>
        <v>11</v>
      </c>
      <c r="D4867">
        <f t="shared" si="227"/>
        <v>7</v>
      </c>
    </row>
    <row r="4868" spans="1:4" x14ac:dyDescent="0.25">
      <c r="A4868" s="7">
        <f t="shared" si="228"/>
        <v>44764.499999988213</v>
      </c>
      <c r="B4868" s="8">
        <v>18.443680818994054</v>
      </c>
      <c r="C4868">
        <f t="shared" si="226"/>
        <v>12</v>
      </c>
      <c r="D4868">
        <f t="shared" si="227"/>
        <v>7</v>
      </c>
    </row>
    <row r="4869" spans="1:4" x14ac:dyDescent="0.25">
      <c r="A4869" s="7">
        <f t="shared" si="228"/>
        <v>44764.541666654877</v>
      </c>
      <c r="B4869" s="8">
        <v>20.451313987518528</v>
      </c>
      <c r="C4869">
        <f t="shared" si="226"/>
        <v>13</v>
      </c>
      <c r="D4869">
        <f t="shared" si="227"/>
        <v>7</v>
      </c>
    </row>
    <row r="4870" spans="1:4" x14ac:dyDescent="0.25">
      <c r="A4870" s="7">
        <f t="shared" si="228"/>
        <v>44764.583333321541</v>
      </c>
      <c r="B4870" s="8">
        <v>20.451282038432328</v>
      </c>
      <c r="C4870">
        <f t="shared" si="226"/>
        <v>14</v>
      </c>
      <c r="D4870">
        <f t="shared" si="227"/>
        <v>7</v>
      </c>
    </row>
    <row r="4871" spans="1:4" x14ac:dyDescent="0.25">
      <c r="A4871" s="7">
        <f t="shared" si="228"/>
        <v>44764.624999988206</v>
      </c>
      <c r="B4871" s="8">
        <v>17.879393997287622</v>
      </c>
      <c r="C4871">
        <f t="shared" si="226"/>
        <v>15</v>
      </c>
      <c r="D4871">
        <f t="shared" si="227"/>
        <v>7</v>
      </c>
    </row>
    <row r="4872" spans="1:4" x14ac:dyDescent="0.25">
      <c r="A4872" s="7">
        <f t="shared" si="228"/>
        <v>44764.66666665487</v>
      </c>
      <c r="B4872" s="8">
        <v>14.526077685381923</v>
      </c>
      <c r="C4872">
        <f t="shared" si="226"/>
        <v>16</v>
      </c>
      <c r="D4872">
        <f t="shared" si="227"/>
        <v>7</v>
      </c>
    </row>
    <row r="4873" spans="1:4" x14ac:dyDescent="0.25">
      <c r="A4873" s="7">
        <f t="shared" si="228"/>
        <v>44764.708333321534</v>
      </c>
      <c r="B4873" s="8">
        <v>11.826061441184587</v>
      </c>
      <c r="C4873">
        <f t="shared" si="226"/>
        <v>17</v>
      </c>
      <c r="D4873">
        <f t="shared" si="227"/>
        <v>7</v>
      </c>
    </row>
    <row r="4874" spans="1:4" x14ac:dyDescent="0.25">
      <c r="A4874" s="7">
        <f t="shared" si="228"/>
        <v>44764.749999988198</v>
      </c>
      <c r="B4874" s="8">
        <v>6.7057689678682983</v>
      </c>
      <c r="C4874">
        <f t="shared" ref="C4874:C4937" si="229">HOUR(A4874)</f>
        <v>18</v>
      </c>
      <c r="D4874">
        <f t="shared" ref="D4874:D4937" si="230">MONTH(A4874)</f>
        <v>7</v>
      </c>
    </row>
    <row r="4875" spans="1:4" x14ac:dyDescent="0.25">
      <c r="A4875" s="7">
        <f t="shared" ref="A4875:A4938" si="231">+A4874+1/24</f>
        <v>44764.791666654863</v>
      </c>
      <c r="B4875" s="8">
        <v>1.9087610528904482</v>
      </c>
      <c r="C4875">
        <f t="shared" si="229"/>
        <v>19</v>
      </c>
      <c r="D4875">
        <f t="shared" si="230"/>
        <v>7</v>
      </c>
    </row>
    <row r="4876" spans="1:4" x14ac:dyDescent="0.25">
      <c r="A4876" s="7">
        <f t="shared" si="231"/>
        <v>44764.833333321527</v>
      </c>
      <c r="B4876" s="8">
        <v>0.23569665382732466</v>
      </c>
      <c r="C4876">
        <f t="shared" si="229"/>
        <v>20</v>
      </c>
      <c r="D4876">
        <f t="shared" si="230"/>
        <v>7</v>
      </c>
    </row>
    <row r="4877" spans="1:4" x14ac:dyDescent="0.25">
      <c r="A4877" s="7">
        <f t="shared" si="231"/>
        <v>44764.874999988191</v>
      </c>
      <c r="B4877" s="8">
        <v>-4.9800999999999998E-2</v>
      </c>
      <c r="C4877">
        <f t="shared" si="229"/>
        <v>21</v>
      </c>
      <c r="D4877">
        <f t="shared" si="230"/>
        <v>7</v>
      </c>
    </row>
    <row r="4878" spans="1:4" x14ac:dyDescent="0.25">
      <c r="A4878" s="7">
        <f t="shared" si="231"/>
        <v>44764.916666654855</v>
      </c>
      <c r="B4878" s="8">
        <v>-4.9800999999999998E-2</v>
      </c>
      <c r="C4878">
        <f t="shared" si="229"/>
        <v>22</v>
      </c>
      <c r="D4878">
        <f t="shared" si="230"/>
        <v>7</v>
      </c>
    </row>
    <row r="4879" spans="1:4" x14ac:dyDescent="0.25">
      <c r="A4879" s="7">
        <f t="shared" si="231"/>
        <v>44764.95833332152</v>
      </c>
      <c r="B4879" s="8">
        <v>-4.9800999999999998E-2</v>
      </c>
      <c r="C4879">
        <f t="shared" si="229"/>
        <v>23</v>
      </c>
      <c r="D4879">
        <f t="shared" si="230"/>
        <v>7</v>
      </c>
    </row>
    <row r="4880" spans="1:4" x14ac:dyDescent="0.25">
      <c r="A4880" s="7">
        <f t="shared" si="231"/>
        <v>44764.999999988184</v>
      </c>
      <c r="B4880" s="8">
        <v>-4.9800999999999998E-2</v>
      </c>
      <c r="C4880">
        <f t="shared" si="229"/>
        <v>0</v>
      </c>
      <c r="D4880">
        <f t="shared" si="230"/>
        <v>7</v>
      </c>
    </row>
    <row r="4881" spans="1:4" x14ac:dyDescent="0.25">
      <c r="A4881" s="7">
        <f t="shared" si="231"/>
        <v>44765.041666654848</v>
      </c>
      <c r="B4881" s="8">
        <v>-4.9800999999999998E-2</v>
      </c>
      <c r="C4881">
        <f t="shared" si="229"/>
        <v>1</v>
      </c>
      <c r="D4881">
        <f t="shared" si="230"/>
        <v>7</v>
      </c>
    </row>
    <row r="4882" spans="1:4" x14ac:dyDescent="0.25">
      <c r="A4882" s="7">
        <f t="shared" si="231"/>
        <v>44765.083333321512</v>
      </c>
      <c r="B4882" s="8">
        <v>-4.9800999999999998E-2</v>
      </c>
      <c r="C4882">
        <f t="shared" si="229"/>
        <v>2</v>
      </c>
      <c r="D4882">
        <f t="shared" si="230"/>
        <v>7</v>
      </c>
    </row>
    <row r="4883" spans="1:4" x14ac:dyDescent="0.25">
      <c r="A4883" s="7">
        <f t="shared" si="231"/>
        <v>44765.124999988177</v>
      </c>
      <c r="B4883" s="8">
        <v>-4.9800999999999998E-2</v>
      </c>
      <c r="C4883">
        <f t="shared" si="229"/>
        <v>3</v>
      </c>
      <c r="D4883">
        <f t="shared" si="230"/>
        <v>7</v>
      </c>
    </row>
    <row r="4884" spans="1:4" x14ac:dyDescent="0.25">
      <c r="A4884" s="7">
        <f t="shared" si="231"/>
        <v>44765.166666654841</v>
      </c>
      <c r="B4884" s="8">
        <v>-4.9800999999999998E-2</v>
      </c>
      <c r="C4884">
        <f t="shared" si="229"/>
        <v>4</v>
      </c>
      <c r="D4884">
        <f t="shared" si="230"/>
        <v>7</v>
      </c>
    </row>
    <row r="4885" spans="1:4" x14ac:dyDescent="0.25">
      <c r="A4885" s="7">
        <f t="shared" si="231"/>
        <v>44765.208333321505</v>
      </c>
      <c r="B4885" s="8">
        <v>-4.9800999999999998E-2</v>
      </c>
      <c r="C4885">
        <f t="shared" si="229"/>
        <v>5</v>
      </c>
      <c r="D4885">
        <f t="shared" si="230"/>
        <v>7</v>
      </c>
    </row>
    <row r="4886" spans="1:4" x14ac:dyDescent="0.25">
      <c r="A4886" s="7">
        <f t="shared" si="231"/>
        <v>44765.249999988169</v>
      </c>
      <c r="B4886" s="8">
        <v>-4.9800999999999998E-2</v>
      </c>
      <c r="C4886">
        <f t="shared" si="229"/>
        <v>6</v>
      </c>
      <c r="D4886">
        <f t="shared" si="230"/>
        <v>7</v>
      </c>
    </row>
    <row r="4887" spans="1:4" x14ac:dyDescent="0.25">
      <c r="A4887" s="7">
        <f t="shared" si="231"/>
        <v>44765.291666654834</v>
      </c>
      <c r="B4887" s="8">
        <v>1.0422049572557901</v>
      </c>
      <c r="C4887">
        <f t="shared" si="229"/>
        <v>7</v>
      </c>
      <c r="D4887">
        <f t="shared" si="230"/>
        <v>7</v>
      </c>
    </row>
    <row r="4888" spans="1:4" x14ac:dyDescent="0.25">
      <c r="A4888" s="7">
        <f t="shared" si="231"/>
        <v>44765.333333321498</v>
      </c>
      <c r="B4888" s="8">
        <v>5.3487160722623974</v>
      </c>
      <c r="C4888">
        <f t="shared" si="229"/>
        <v>8</v>
      </c>
      <c r="D4888">
        <f t="shared" si="230"/>
        <v>7</v>
      </c>
    </row>
    <row r="4889" spans="1:4" x14ac:dyDescent="0.25">
      <c r="A4889" s="7">
        <f t="shared" si="231"/>
        <v>44765.374999988162</v>
      </c>
      <c r="B4889" s="8">
        <v>10.93077693336148</v>
      </c>
      <c r="C4889">
        <f t="shared" si="229"/>
        <v>9</v>
      </c>
      <c r="D4889">
        <f t="shared" si="230"/>
        <v>7</v>
      </c>
    </row>
    <row r="4890" spans="1:4" x14ac:dyDescent="0.25">
      <c r="A4890" s="7">
        <f t="shared" si="231"/>
        <v>44765.416666654826</v>
      </c>
      <c r="B4890" s="8">
        <v>15.483940146915169</v>
      </c>
      <c r="C4890">
        <f t="shared" si="229"/>
        <v>10</v>
      </c>
      <c r="D4890">
        <f t="shared" si="230"/>
        <v>7</v>
      </c>
    </row>
    <row r="4891" spans="1:4" x14ac:dyDescent="0.25">
      <c r="A4891" s="7">
        <f t="shared" si="231"/>
        <v>44765.45833332149</v>
      </c>
      <c r="B4891" s="8">
        <v>12.656200731628976</v>
      </c>
      <c r="C4891">
        <f t="shared" si="229"/>
        <v>11</v>
      </c>
      <c r="D4891">
        <f t="shared" si="230"/>
        <v>7</v>
      </c>
    </row>
    <row r="4892" spans="1:4" x14ac:dyDescent="0.25">
      <c r="A4892" s="7">
        <f t="shared" si="231"/>
        <v>44765.499999988155</v>
      </c>
      <c r="B4892" s="8">
        <v>14.379254113823523</v>
      </c>
      <c r="C4892">
        <f t="shared" si="229"/>
        <v>12</v>
      </c>
      <c r="D4892">
        <f t="shared" si="230"/>
        <v>7</v>
      </c>
    </row>
    <row r="4893" spans="1:4" x14ac:dyDescent="0.25">
      <c r="A4893" s="7">
        <f t="shared" si="231"/>
        <v>44765.541666654819</v>
      </c>
      <c r="B4893" s="8">
        <v>20.451313987518528</v>
      </c>
      <c r="C4893">
        <f t="shared" si="229"/>
        <v>13</v>
      </c>
      <c r="D4893">
        <f t="shared" si="230"/>
        <v>7</v>
      </c>
    </row>
    <row r="4894" spans="1:4" x14ac:dyDescent="0.25">
      <c r="A4894" s="7">
        <f t="shared" si="231"/>
        <v>44765.583333321483</v>
      </c>
      <c r="B4894" s="8">
        <v>7.2722571846755182</v>
      </c>
      <c r="C4894">
        <f t="shared" si="229"/>
        <v>14</v>
      </c>
      <c r="D4894">
        <f t="shared" si="230"/>
        <v>7</v>
      </c>
    </row>
    <row r="4895" spans="1:4" x14ac:dyDescent="0.25">
      <c r="A4895" s="7">
        <f t="shared" si="231"/>
        <v>44765.624999988147</v>
      </c>
      <c r="B4895" s="8">
        <v>17.860322454057229</v>
      </c>
      <c r="C4895">
        <f t="shared" si="229"/>
        <v>15</v>
      </c>
      <c r="D4895">
        <f t="shared" si="230"/>
        <v>7</v>
      </c>
    </row>
    <row r="4896" spans="1:4" x14ac:dyDescent="0.25">
      <c r="A4896" s="7">
        <f t="shared" si="231"/>
        <v>44765.666666654812</v>
      </c>
      <c r="B4896" s="8">
        <v>14.335389049085776</v>
      </c>
      <c r="C4896">
        <f t="shared" si="229"/>
        <v>16</v>
      </c>
      <c r="D4896">
        <f t="shared" si="230"/>
        <v>7</v>
      </c>
    </row>
    <row r="4897" spans="1:4" x14ac:dyDescent="0.25">
      <c r="A4897" s="7">
        <f t="shared" si="231"/>
        <v>44765.708333321476</v>
      </c>
      <c r="B4897" s="8">
        <v>11.926492878348343</v>
      </c>
      <c r="C4897">
        <f t="shared" si="229"/>
        <v>17</v>
      </c>
      <c r="D4897">
        <f t="shared" si="230"/>
        <v>7</v>
      </c>
    </row>
    <row r="4898" spans="1:4" x14ac:dyDescent="0.25">
      <c r="A4898" s="7">
        <f t="shared" si="231"/>
        <v>44765.74999998814</v>
      </c>
      <c r="B4898" s="8">
        <v>6.5439818871954936</v>
      </c>
      <c r="C4898">
        <f t="shared" si="229"/>
        <v>18</v>
      </c>
      <c r="D4898">
        <f t="shared" si="230"/>
        <v>7</v>
      </c>
    </row>
    <row r="4899" spans="1:4" x14ac:dyDescent="0.25">
      <c r="A4899" s="7">
        <f t="shared" si="231"/>
        <v>44765.791666654804</v>
      </c>
      <c r="B4899" s="8">
        <v>1.9398660648459456</v>
      </c>
      <c r="C4899">
        <f t="shared" si="229"/>
        <v>19</v>
      </c>
      <c r="D4899">
        <f t="shared" si="230"/>
        <v>7</v>
      </c>
    </row>
    <row r="4900" spans="1:4" x14ac:dyDescent="0.25">
      <c r="A4900" s="7">
        <f t="shared" si="231"/>
        <v>44765.833333321469</v>
      </c>
      <c r="B4900" s="8">
        <v>0.23305930829224902</v>
      </c>
      <c r="C4900">
        <f t="shared" si="229"/>
        <v>20</v>
      </c>
      <c r="D4900">
        <f t="shared" si="230"/>
        <v>7</v>
      </c>
    </row>
    <row r="4901" spans="1:4" x14ac:dyDescent="0.25">
      <c r="A4901" s="7">
        <f t="shared" si="231"/>
        <v>44765.874999988133</v>
      </c>
      <c r="B4901" s="8">
        <v>-4.9800999999999998E-2</v>
      </c>
      <c r="C4901">
        <f t="shared" si="229"/>
        <v>21</v>
      </c>
      <c r="D4901">
        <f t="shared" si="230"/>
        <v>7</v>
      </c>
    </row>
    <row r="4902" spans="1:4" x14ac:dyDescent="0.25">
      <c r="A4902" s="7">
        <f t="shared" si="231"/>
        <v>44765.916666654797</v>
      </c>
      <c r="B4902" s="8">
        <v>-4.9800999999999998E-2</v>
      </c>
      <c r="C4902">
        <f t="shared" si="229"/>
        <v>22</v>
      </c>
      <c r="D4902">
        <f t="shared" si="230"/>
        <v>7</v>
      </c>
    </row>
    <row r="4903" spans="1:4" x14ac:dyDescent="0.25">
      <c r="A4903" s="7">
        <f t="shared" si="231"/>
        <v>44765.958333321461</v>
      </c>
      <c r="B4903" s="8">
        <v>-4.9800999999999998E-2</v>
      </c>
      <c r="C4903">
        <f t="shared" si="229"/>
        <v>23</v>
      </c>
      <c r="D4903">
        <f t="shared" si="230"/>
        <v>7</v>
      </c>
    </row>
    <row r="4904" spans="1:4" x14ac:dyDescent="0.25">
      <c r="A4904" s="7">
        <f t="shared" si="231"/>
        <v>44765.999999988126</v>
      </c>
      <c r="B4904" s="8">
        <v>-4.9800999999999998E-2</v>
      </c>
      <c r="C4904">
        <f t="shared" si="229"/>
        <v>0</v>
      </c>
      <c r="D4904">
        <f t="shared" si="230"/>
        <v>7</v>
      </c>
    </row>
    <row r="4905" spans="1:4" x14ac:dyDescent="0.25">
      <c r="A4905" s="7">
        <f t="shared" si="231"/>
        <v>44766.04166665479</v>
      </c>
      <c r="B4905" s="8">
        <v>-4.9800999999999998E-2</v>
      </c>
      <c r="C4905">
        <f t="shared" si="229"/>
        <v>1</v>
      </c>
      <c r="D4905">
        <f t="shared" si="230"/>
        <v>7</v>
      </c>
    </row>
    <row r="4906" spans="1:4" x14ac:dyDescent="0.25">
      <c r="A4906" s="7">
        <f t="shared" si="231"/>
        <v>44766.083333321454</v>
      </c>
      <c r="B4906" s="8">
        <v>-4.9800999999999998E-2</v>
      </c>
      <c r="C4906">
        <f t="shared" si="229"/>
        <v>2</v>
      </c>
      <c r="D4906">
        <f t="shared" si="230"/>
        <v>7</v>
      </c>
    </row>
    <row r="4907" spans="1:4" x14ac:dyDescent="0.25">
      <c r="A4907" s="7">
        <f t="shared" si="231"/>
        <v>44766.124999988118</v>
      </c>
      <c r="B4907" s="8">
        <v>-4.9800999999999998E-2</v>
      </c>
      <c r="C4907">
        <f t="shared" si="229"/>
        <v>3</v>
      </c>
      <c r="D4907">
        <f t="shared" si="230"/>
        <v>7</v>
      </c>
    </row>
    <row r="4908" spans="1:4" x14ac:dyDescent="0.25">
      <c r="A4908" s="7">
        <f t="shared" si="231"/>
        <v>44766.166666654783</v>
      </c>
      <c r="B4908" s="8">
        <v>-4.9800999999999998E-2</v>
      </c>
      <c r="C4908">
        <f t="shared" si="229"/>
        <v>4</v>
      </c>
      <c r="D4908">
        <f t="shared" si="230"/>
        <v>7</v>
      </c>
    </row>
    <row r="4909" spans="1:4" x14ac:dyDescent="0.25">
      <c r="A4909" s="7">
        <f t="shared" si="231"/>
        <v>44766.208333321447</v>
      </c>
      <c r="B4909" s="8">
        <v>-4.9800999999999998E-2</v>
      </c>
      <c r="C4909">
        <f t="shared" si="229"/>
        <v>5</v>
      </c>
      <c r="D4909">
        <f t="shared" si="230"/>
        <v>7</v>
      </c>
    </row>
    <row r="4910" spans="1:4" x14ac:dyDescent="0.25">
      <c r="A4910" s="7">
        <f t="shared" si="231"/>
        <v>44766.249999988111</v>
      </c>
      <c r="B4910" s="8">
        <v>-4.9800999999999998E-2</v>
      </c>
      <c r="C4910">
        <f t="shared" si="229"/>
        <v>6</v>
      </c>
      <c r="D4910">
        <f t="shared" si="230"/>
        <v>7</v>
      </c>
    </row>
    <row r="4911" spans="1:4" x14ac:dyDescent="0.25">
      <c r="A4911" s="7">
        <f t="shared" si="231"/>
        <v>44766.291666654775</v>
      </c>
      <c r="B4911" s="8">
        <v>1.3077894659159375</v>
      </c>
      <c r="C4911">
        <f t="shared" si="229"/>
        <v>7</v>
      </c>
      <c r="D4911">
        <f t="shared" si="230"/>
        <v>7</v>
      </c>
    </row>
    <row r="4912" spans="1:4" x14ac:dyDescent="0.25">
      <c r="A4912" s="7">
        <f t="shared" si="231"/>
        <v>44766.33333332144</v>
      </c>
      <c r="B4912" s="8">
        <v>3.3970927436946297</v>
      </c>
      <c r="C4912">
        <f t="shared" si="229"/>
        <v>8</v>
      </c>
      <c r="D4912">
        <f t="shared" si="230"/>
        <v>7</v>
      </c>
    </row>
    <row r="4913" spans="1:4" x14ac:dyDescent="0.25">
      <c r="A4913" s="7">
        <f t="shared" si="231"/>
        <v>44766.374999988104</v>
      </c>
      <c r="B4913" s="8">
        <v>10.823061104543989</v>
      </c>
      <c r="C4913">
        <f t="shared" si="229"/>
        <v>9</v>
      </c>
      <c r="D4913">
        <f t="shared" si="230"/>
        <v>7</v>
      </c>
    </row>
    <row r="4914" spans="1:4" x14ac:dyDescent="0.25">
      <c r="A4914" s="7">
        <f t="shared" si="231"/>
        <v>44766.416666654768</v>
      </c>
      <c r="B4914" s="8">
        <v>2.7816028735811544</v>
      </c>
      <c r="C4914">
        <f t="shared" si="229"/>
        <v>10</v>
      </c>
      <c r="D4914">
        <f t="shared" si="230"/>
        <v>7</v>
      </c>
    </row>
    <row r="4915" spans="1:4" x14ac:dyDescent="0.25">
      <c r="A4915" s="7">
        <f t="shared" si="231"/>
        <v>44766.458333321432</v>
      </c>
      <c r="B4915" s="8">
        <v>2.7205234350753873</v>
      </c>
      <c r="C4915">
        <f t="shared" si="229"/>
        <v>11</v>
      </c>
      <c r="D4915">
        <f t="shared" si="230"/>
        <v>7</v>
      </c>
    </row>
    <row r="4916" spans="1:4" x14ac:dyDescent="0.25">
      <c r="A4916" s="7">
        <f t="shared" si="231"/>
        <v>44766.499999988097</v>
      </c>
      <c r="B4916" s="8">
        <v>3.0860117056691387</v>
      </c>
      <c r="C4916">
        <f t="shared" si="229"/>
        <v>12</v>
      </c>
      <c r="D4916">
        <f t="shared" si="230"/>
        <v>7</v>
      </c>
    </row>
    <row r="4917" spans="1:4" x14ac:dyDescent="0.25">
      <c r="A4917" s="7">
        <f t="shared" si="231"/>
        <v>44766.541666654761</v>
      </c>
      <c r="B4917" s="8">
        <v>4.8956574176241592</v>
      </c>
      <c r="C4917">
        <f t="shared" si="229"/>
        <v>13</v>
      </c>
      <c r="D4917">
        <f t="shared" si="230"/>
        <v>7</v>
      </c>
    </row>
    <row r="4918" spans="1:4" x14ac:dyDescent="0.25">
      <c r="A4918" s="7">
        <f t="shared" si="231"/>
        <v>44766.583333321425</v>
      </c>
      <c r="B4918" s="8">
        <v>3.1047142884846983</v>
      </c>
      <c r="C4918">
        <f t="shared" si="229"/>
        <v>14</v>
      </c>
      <c r="D4918">
        <f t="shared" si="230"/>
        <v>7</v>
      </c>
    </row>
    <row r="4919" spans="1:4" x14ac:dyDescent="0.25">
      <c r="A4919" s="7">
        <f t="shared" si="231"/>
        <v>44766.624999988089</v>
      </c>
      <c r="B4919" s="8">
        <v>2.9456871966133513</v>
      </c>
      <c r="C4919">
        <f t="shared" si="229"/>
        <v>15</v>
      </c>
      <c r="D4919">
        <f t="shared" si="230"/>
        <v>7</v>
      </c>
    </row>
    <row r="4920" spans="1:4" x14ac:dyDescent="0.25">
      <c r="A4920" s="7">
        <f t="shared" si="231"/>
        <v>44766.666666654753</v>
      </c>
      <c r="B4920" s="8">
        <v>2.3490946956796912</v>
      </c>
      <c r="C4920">
        <f t="shared" si="229"/>
        <v>16</v>
      </c>
      <c r="D4920">
        <f t="shared" si="230"/>
        <v>7</v>
      </c>
    </row>
    <row r="4921" spans="1:4" x14ac:dyDescent="0.25">
      <c r="A4921" s="7">
        <f t="shared" si="231"/>
        <v>44766.708333321418</v>
      </c>
      <c r="B4921" s="8">
        <v>2.5404295280096361</v>
      </c>
      <c r="C4921">
        <f t="shared" si="229"/>
        <v>17</v>
      </c>
      <c r="D4921">
        <f t="shared" si="230"/>
        <v>7</v>
      </c>
    </row>
    <row r="4922" spans="1:4" x14ac:dyDescent="0.25">
      <c r="A4922" s="7">
        <f t="shared" si="231"/>
        <v>44766.749999988082</v>
      </c>
      <c r="B4922" s="8">
        <v>2.930585584997305</v>
      </c>
      <c r="C4922">
        <f t="shared" si="229"/>
        <v>18</v>
      </c>
      <c r="D4922">
        <f t="shared" si="230"/>
        <v>7</v>
      </c>
    </row>
    <row r="4923" spans="1:4" x14ac:dyDescent="0.25">
      <c r="A4923" s="7">
        <f t="shared" si="231"/>
        <v>44766.791666654746</v>
      </c>
      <c r="B4923" s="8">
        <v>1.2758579001819601</v>
      </c>
      <c r="C4923">
        <f t="shared" si="229"/>
        <v>19</v>
      </c>
      <c r="D4923">
        <f t="shared" si="230"/>
        <v>7</v>
      </c>
    </row>
    <row r="4924" spans="1:4" x14ac:dyDescent="0.25">
      <c r="A4924" s="7">
        <f t="shared" si="231"/>
        <v>44766.83333332141</v>
      </c>
      <c r="B4924" s="8">
        <v>-4.9800999999999998E-2</v>
      </c>
      <c r="C4924">
        <f t="shared" si="229"/>
        <v>20</v>
      </c>
      <c r="D4924">
        <f t="shared" si="230"/>
        <v>7</v>
      </c>
    </row>
    <row r="4925" spans="1:4" x14ac:dyDescent="0.25">
      <c r="A4925" s="7">
        <f t="shared" si="231"/>
        <v>44766.874999988075</v>
      </c>
      <c r="B4925" s="8">
        <v>-4.9800999999999998E-2</v>
      </c>
      <c r="C4925">
        <f t="shared" si="229"/>
        <v>21</v>
      </c>
      <c r="D4925">
        <f t="shared" si="230"/>
        <v>7</v>
      </c>
    </row>
    <row r="4926" spans="1:4" x14ac:dyDescent="0.25">
      <c r="A4926" s="7">
        <f t="shared" si="231"/>
        <v>44766.916666654739</v>
      </c>
      <c r="B4926" s="8">
        <v>-4.9800999999999998E-2</v>
      </c>
      <c r="C4926">
        <f t="shared" si="229"/>
        <v>22</v>
      </c>
      <c r="D4926">
        <f t="shared" si="230"/>
        <v>7</v>
      </c>
    </row>
    <row r="4927" spans="1:4" x14ac:dyDescent="0.25">
      <c r="A4927" s="7">
        <f t="shared" si="231"/>
        <v>44766.958333321403</v>
      </c>
      <c r="B4927" s="8">
        <v>-4.9800999999999998E-2</v>
      </c>
      <c r="C4927">
        <f t="shared" si="229"/>
        <v>23</v>
      </c>
      <c r="D4927">
        <f t="shared" si="230"/>
        <v>7</v>
      </c>
    </row>
    <row r="4928" spans="1:4" x14ac:dyDescent="0.25">
      <c r="A4928" s="7">
        <f t="shared" si="231"/>
        <v>44766.999999988067</v>
      </c>
      <c r="B4928" s="8">
        <v>-4.9800999999999998E-2</v>
      </c>
      <c r="C4928">
        <f t="shared" si="229"/>
        <v>0</v>
      </c>
      <c r="D4928">
        <f t="shared" si="230"/>
        <v>7</v>
      </c>
    </row>
    <row r="4929" spans="1:4" x14ac:dyDescent="0.25">
      <c r="A4929" s="7">
        <f t="shared" si="231"/>
        <v>44767.041666654732</v>
      </c>
      <c r="B4929" s="8">
        <v>-4.9800999999999998E-2</v>
      </c>
      <c r="C4929">
        <f t="shared" si="229"/>
        <v>1</v>
      </c>
      <c r="D4929">
        <f t="shared" si="230"/>
        <v>7</v>
      </c>
    </row>
    <row r="4930" spans="1:4" x14ac:dyDescent="0.25">
      <c r="A4930" s="7">
        <f t="shared" si="231"/>
        <v>44767.083333321396</v>
      </c>
      <c r="B4930" s="8">
        <v>-4.9800999999999998E-2</v>
      </c>
      <c r="C4930">
        <f t="shared" si="229"/>
        <v>2</v>
      </c>
      <c r="D4930">
        <f t="shared" si="230"/>
        <v>7</v>
      </c>
    </row>
    <row r="4931" spans="1:4" x14ac:dyDescent="0.25">
      <c r="A4931" s="7">
        <f t="shared" si="231"/>
        <v>44767.12499998806</v>
      </c>
      <c r="B4931" s="8">
        <v>-4.9800999999999998E-2</v>
      </c>
      <c r="C4931">
        <f t="shared" si="229"/>
        <v>3</v>
      </c>
      <c r="D4931">
        <f t="shared" si="230"/>
        <v>7</v>
      </c>
    </row>
    <row r="4932" spans="1:4" x14ac:dyDescent="0.25">
      <c r="A4932" s="7">
        <f t="shared" si="231"/>
        <v>44767.166666654724</v>
      </c>
      <c r="B4932" s="8">
        <v>-4.9800999999999998E-2</v>
      </c>
      <c r="C4932">
        <f t="shared" si="229"/>
        <v>4</v>
      </c>
      <c r="D4932">
        <f t="shared" si="230"/>
        <v>7</v>
      </c>
    </row>
    <row r="4933" spans="1:4" x14ac:dyDescent="0.25">
      <c r="A4933" s="7">
        <f t="shared" si="231"/>
        <v>44767.208333321389</v>
      </c>
      <c r="B4933" s="8">
        <v>-4.9800999999999998E-2</v>
      </c>
      <c r="C4933">
        <f t="shared" si="229"/>
        <v>5</v>
      </c>
      <c r="D4933">
        <f t="shared" si="230"/>
        <v>7</v>
      </c>
    </row>
    <row r="4934" spans="1:4" x14ac:dyDescent="0.25">
      <c r="A4934" s="7">
        <f t="shared" si="231"/>
        <v>44767.249999988053</v>
      </c>
      <c r="B4934" s="8">
        <v>-4.9800999999999998E-2</v>
      </c>
      <c r="C4934">
        <f t="shared" si="229"/>
        <v>6</v>
      </c>
      <c r="D4934">
        <f t="shared" si="230"/>
        <v>7</v>
      </c>
    </row>
    <row r="4935" spans="1:4" x14ac:dyDescent="0.25">
      <c r="A4935" s="7">
        <f t="shared" si="231"/>
        <v>44767.291666654717</v>
      </c>
      <c r="B4935" s="8">
        <v>1.1321601859927994</v>
      </c>
      <c r="C4935">
        <f t="shared" si="229"/>
        <v>7</v>
      </c>
      <c r="D4935">
        <f t="shared" si="230"/>
        <v>7</v>
      </c>
    </row>
    <row r="4936" spans="1:4" x14ac:dyDescent="0.25">
      <c r="A4936" s="7">
        <f t="shared" si="231"/>
        <v>44767.333333321381</v>
      </c>
      <c r="B4936" s="8">
        <v>5.433571814595517</v>
      </c>
      <c r="C4936">
        <f t="shared" si="229"/>
        <v>8</v>
      </c>
      <c r="D4936">
        <f t="shared" si="230"/>
        <v>7</v>
      </c>
    </row>
    <row r="4937" spans="1:4" x14ac:dyDescent="0.25">
      <c r="A4937" s="7">
        <f t="shared" si="231"/>
        <v>44767.374999988046</v>
      </c>
      <c r="B4937" s="8">
        <v>9.7636273449006019</v>
      </c>
      <c r="C4937">
        <f t="shared" si="229"/>
        <v>9</v>
      </c>
      <c r="D4937">
        <f t="shared" si="230"/>
        <v>7</v>
      </c>
    </row>
    <row r="4938" spans="1:4" x14ac:dyDescent="0.25">
      <c r="A4938" s="7">
        <f t="shared" si="231"/>
        <v>44767.41666665471</v>
      </c>
      <c r="B4938" s="8">
        <v>13.811904302304569</v>
      </c>
      <c r="C4938">
        <f t="shared" ref="C4938:C5001" si="232">HOUR(A4938)</f>
        <v>10</v>
      </c>
      <c r="D4938">
        <f t="shared" ref="D4938:D5001" si="233">MONTH(A4938)</f>
        <v>7</v>
      </c>
    </row>
    <row r="4939" spans="1:4" x14ac:dyDescent="0.25">
      <c r="A4939" s="7">
        <f t="shared" ref="A4939:A5002" si="234">+A4938+1/24</f>
        <v>44767.458333321374</v>
      </c>
      <c r="B4939" s="8">
        <v>12.05228982872401</v>
      </c>
      <c r="C4939">
        <f t="shared" si="232"/>
        <v>11</v>
      </c>
      <c r="D4939">
        <f t="shared" si="233"/>
        <v>7</v>
      </c>
    </row>
    <row r="4940" spans="1:4" x14ac:dyDescent="0.25">
      <c r="A4940" s="7">
        <f t="shared" si="234"/>
        <v>44767.499999988038</v>
      </c>
      <c r="B4940" s="8">
        <v>14.575527656510667</v>
      </c>
      <c r="C4940">
        <f t="shared" si="232"/>
        <v>12</v>
      </c>
      <c r="D4940">
        <f t="shared" si="233"/>
        <v>7</v>
      </c>
    </row>
    <row r="4941" spans="1:4" x14ac:dyDescent="0.25">
      <c r="A4941" s="7">
        <f t="shared" si="234"/>
        <v>44767.541666654703</v>
      </c>
      <c r="B4941" s="8">
        <v>19.030824635337805</v>
      </c>
      <c r="C4941">
        <f t="shared" si="232"/>
        <v>13</v>
      </c>
      <c r="D4941">
        <f t="shared" si="233"/>
        <v>7</v>
      </c>
    </row>
    <row r="4942" spans="1:4" x14ac:dyDescent="0.25">
      <c r="A4942" s="7">
        <f t="shared" si="234"/>
        <v>44767.583333321367</v>
      </c>
      <c r="B4942" s="8">
        <v>18.958520761418786</v>
      </c>
      <c r="C4942">
        <f t="shared" si="232"/>
        <v>14</v>
      </c>
      <c r="D4942">
        <f t="shared" si="233"/>
        <v>7</v>
      </c>
    </row>
    <row r="4943" spans="1:4" x14ac:dyDescent="0.25">
      <c r="A4943" s="7">
        <f t="shared" si="234"/>
        <v>44767.624999988031</v>
      </c>
      <c r="B4943" s="8">
        <v>17.063746193974417</v>
      </c>
      <c r="C4943">
        <f t="shared" si="232"/>
        <v>15</v>
      </c>
      <c r="D4943">
        <f t="shared" si="233"/>
        <v>7</v>
      </c>
    </row>
    <row r="4944" spans="1:4" x14ac:dyDescent="0.25">
      <c r="A4944" s="7">
        <f t="shared" si="234"/>
        <v>44767.666666654695</v>
      </c>
      <c r="B4944" s="8">
        <v>13.988480718041203</v>
      </c>
      <c r="C4944">
        <f t="shared" si="232"/>
        <v>16</v>
      </c>
      <c r="D4944">
        <f t="shared" si="233"/>
        <v>7</v>
      </c>
    </row>
    <row r="4945" spans="1:4" x14ac:dyDescent="0.25">
      <c r="A4945" s="7">
        <f t="shared" si="234"/>
        <v>44767.70833332136</v>
      </c>
      <c r="B4945" s="8">
        <v>10.413507829769818</v>
      </c>
      <c r="C4945">
        <f t="shared" si="232"/>
        <v>17</v>
      </c>
      <c r="D4945">
        <f t="shared" si="233"/>
        <v>7</v>
      </c>
    </row>
    <row r="4946" spans="1:4" x14ac:dyDescent="0.25">
      <c r="A4946" s="7">
        <f t="shared" si="234"/>
        <v>44767.749999988024</v>
      </c>
      <c r="B4946" s="8">
        <v>6.0090851329465664</v>
      </c>
      <c r="C4946">
        <f t="shared" si="232"/>
        <v>18</v>
      </c>
      <c r="D4946">
        <f t="shared" si="233"/>
        <v>7</v>
      </c>
    </row>
    <row r="4947" spans="1:4" x14ac:dyDescent="0.25">
      <c r="A4947" s="7">
        <f t="shared" si="234"/>
        <v>44767.791666654688</v>
      </c>
      <c r="B4947" s="8">
        <v>1.8701067810504535</v>
      </c>
      <c r="C4947">
        <f t="shared" si="232"/>
        <v>19</v>
      </c>
      <c r="D4947">
        <f t="shared" si="233"/>
        <v>7</v>
      </c>
    </row>
    <row r="4948" spans="1:4" x14ac:dyDescent="0.25">
      <c r="A4948" s="7">
        <f t="shared" si="234"/>
        <v>44767.833333321352</v>
      </c>
      <c r="B4948" s="8">
        <v>0.21513277908665868</v>
      </c>
      <c r="C4948">
        <f t="shared" si="232"/>
        <v>20</v>
      </c>
      <c r="D4948">
        <f t="shared" si="233"/>
        <v>7</v>
      </c>
    </row>
    <row r="4949" spans="1:4" x14ac:dyDescent="0.25">
      <c r="A4949" s="7">
        <f t="shared" si="234"/>
        <v>44767.874999988016</v>
      </c>
      <c r="B4949" s="8">
        <v>-4.9800999999999998E-2</v>
      </c>
      <c r="C4949">
        <f t="shared" si="232"/>
        <v>21</v>
      </c>
      <c r="D4949">
        <f t="shared" si="233"/>
        <v>7</v>
      </c>
    </row>
    <row r="4950" spans="1:4" x14ac:dyDescent="0.25">
      <c r="A4950" s="7">
        <f t="shared" si="234"/>
        <v>44767.916666654681</v>
      </c>
      <c r="B4950" s="8">
        <v>-4.9800999999999998E-2</v>
      </c>
      <c r="C4950">
        <f t="shared" si="232"/>
        <v>22</v>
      </c>
      <c r="D4950">
        <f t="shared" si="233"/>
        <v>7</v>
      </c>
    </row>
    <row r="4951" spans="1:4" x14ac:dyDescent="0.25">
      <c r="A4951" s="7">
        <f t="shared" si="234"/>
        <v>44767.958333321345</v>
      </c>
      <c r="B4951" s="8">
        <v>-4.9800999999999998E-2</v>
      </c>
      <c r="C4951">
        <f t="shared" si="232"/>
        <v>23</v>
      </c>
      <c r="D4951">
        <f t="shared" si="233"/>
        <v>7</v>
      </c>
    </row>
    <row r="4952" spans="1:4" x14ac:dyDescent="0.25">
      <c r="A4952" s="7">
        <f t="shared" si="234"/>
        <v>44767.999999988009</v>
      </c>
      <c r="B4952" s="8">
        <v>-4.9800999999999998E-2</v>
      </c>
      <c r="C4952">
        <f t="shared" si="232"/>
        <v>0</v>
      </c>
      <c r="D4952">
        <f t="shared" si="233"/>
        <v>7</v>
      </c>
    </row>
    <row r="4953" spans="1:4" x14ac:dyDescent="0.25">
      <c r="A4953" s="7">
        <f t="shared" si="234"/>
        <v>44768.041666654673</v>
      </c>
      <c r="B4953" s="8">
        <v>-4.9800999999999998E-2</v>
      </c>
      <c r="C4953">
        <f t="shared" si="232"/>
        <v>1</v>
      </c>
      <c r="D4953">
        <f t="shared" si="233"/>
        <v>7</v>
      </c>
    </row>
    <row r="4954" spans="1:4" x14ac:dyDescent="0.25">
      <c r="A4954" s="7">
        <f t="shared" si="234"/>
        <v>44768.083333321338</v>
      </c>
      <c r="B4954" s="8">
        <v>-4.9800999999999998E-2</v>
      </c>
      <c r="C4954">
        <f t="shared" si="232"/>
        <v>2</v>
      </c>
      <c r="D4954">
        <f t="shared" si="233"/>
        <v>7</v>
      </c>
    </row>
    <row r="4955" spans="1:4" x14ac:dyDescent="0.25">
      <c r="A4955" s="7">
        <f t="shared" si="234"/>
        <v>44768.124999988002</v>
      </c>
      <c r="B4955" s="8">
        <v>-4.9800999999999998E-2</v>
      </c>
      <c r="C4955">
        <f t="shared" si="232"/>
        <v>3</v>
      </c>
      <c r="D4955">
        <f t="shared" si="233"/>
        <v>7</v>
      </c>
    </row>
    <row r="4956" spans="1:4" x14ac:dyDescent="0.25">
      <c r="A4956" s="7">
        <f t="shared" si="234"/>
        <v>44768.166666654666</v>
      </c>
      <c r="B4956" s="8">
        <v>-4.9800999999999998E-2</v>
      </c>
      <c r="C4956">
        <f t="shared" si="232"/>
        <v>4</v>
      </c>
      <c r="D4956">
        <f t="shared" si="233"/>
        <v>7</v>
      </c>
    </row>
    <row r="4957" spans="1:4" x14ac:dyDescent="0.25">
      <c r="A4957" s="7">
        <f t="shared" si="234"/>
        <v>44768.20833332133</v>
      </c>
      <c r="B4957" s="8">
        <v>-4.9800999999999998E-2</v>
      </c>
      <c r="C4957">
        <f t="shared" si="232"/>
        <v>5</v>
      </c>
      <c r="D4957">
        <f t="shared" si="233"/>
        <v>7</v>
      </c>
    </row>
    <row r="4958" spans="1:4" x14ac:dyDescent="0.25">
      <c r="A4958" s="7">
        <f t="shared" si="234"/>
        <v>44768.249999987995</v>
      </c>
      <c r="B4958" s="8">
        <v>-4.9800999999999998E-2</v>
      </c>
      <c r="C4958">
        <f t="shared" si="232"/>
        <v>6</v>
      </c>
      <c r="D4958">
        <f t="shared" si="233"/>
        <v>7</v>
      </c>
    </row>
    <row r="4959" spans="1:4" x14ac:dyDescent="0.25">
      <c r="A4959" s="7">
        <f t="shared" si="234"/>
        <v>44768.291666654659</v>
      </c>
      <c r="B4959" s="8">
        <v>1.2386969904679224</v>
      </c>
      <c r="C4959">
        <f t="shared" si="232"/>
        <v>7</v>
      </c>
      <c r="D4959">
        <f t="shared" si="233"/>
        <v>7</v>
      </c>
    </row>
    <row r="4960" spans="1:4" x14ac:dyDescent="0.25">
      <c r="A4960" s="7">
        <f t="shared" si="234"/>
        <v>44768.333333321323</v>
      </c>
      <c r="B4960" s="8">
        <v>5.6781193959160934</v>
      </c>
      <c r="C4960">
        <f t="shared" si="232"/>
        <v>8</v>
      </c>
      <c r="D4960">
        <f t="shared" si="233"/>
        <v>7</v>
      </c>
    </row>
    <row r="4961" spans="1:4" x14ac:dyDescent="0.25">
      <c r="A4961" s="7">
        <f t="shared" si="234"/>
        <v>44768.374999987987</v>
      </c>
      <c r="B4961" s="8">
        <v>11.173320997792576</v>
      </c>
      <c r="C4961">
        <f t="shared" si="232"/>
        <v>9</v>
      </c>
      <c r="D4961">
        <f t="shared" si="233"/>
        <v>7</v>
      </c>
    </row>
    <row r="4962" spans="1:4" x14ac:dyDescent="0.25">
      <c r="A4962" s="7">
        <f t="shared" si="234"/>
        <v>44768.416666654652</v>
      </c>
      <c r="B4962" s="8">
        <v>15.714428069076112</v>
      </c>
      <c r="C4962">
        <f t="shared" si="232"/>
        <v>10</v>
      </c>
      <c r="D4962">
        <f t="shared" si="233"/>
        <v>7</v>
      </c>
    </row>
    <row r="4963" spans="1:4" x14ac:dyDescent="0.25">
      <c r="A4963" s="7">
        <f t="shared" si="234"/>
        <v>44768.458333321316</v>
      </c>
      <c r="B4963" s="8">
        <v>18.979342290080425</v>
      </c>
      <c r="C4963">
        <f t="shared" si="232"/>
        <v>11</v>
      </c>
      <c r="D4963">
        <f t="shared" si="233"/>
        <v>7</v>
      </c>
    </row>
    <row r="4964" spans="1:4" x14ac:dyDescent="0.25">
      <c r="A4964" s="7">
        <f t="shared" si="234"/>
        <v>44768.49999998798</v>
      </c>
      <c r="B4964" s="8">
        <v>20.451286160895062</v>
      </c>
      <c r="C4964">
        <f t="shared" si="232"/>
        <v>12</v>
      </c>
      <c r="D4964">
        <f t="shared" si="233"/>
        <v>7</v>
      </c>
    </row>
    <row r="4965" spans="1:4" x14ac:dyDescent="0.25">
      <c r="A4965" s="7">
        <f t="shared" si="234"/>
        <v>44768.541666654644</v>
      </c>
      <c r="B4965" s="8">
        <v>20.451288222126433</v>
      </c>
      <c r="C4965">
        <f t="shared" si="232"/>
        <v>13</v>
      </c>
      <c r="D4965">
        <f t="shared" si="233"/>
        <v>7</v>
      </c>
    </row>
    <row r="4966" spans="1:4" x14ac:dyDescent="0.25">
      <c r="A4966" s="7">
        <f t="shared" si="234"/>
        <v>44768.583333321309</v>
      </c>
      <c r="B4966" s="8">
        <v>20.451299558898956</v>
      </c>
      <c r="C4966">
        <f t="shared" si="232"/>
        <v>14</v>
      </c>
      <c r="D4966">
        <f t="shared" si="233"/>
        <v>7</v>
      </c>
    </row>
    <row r="4967" spans="1:4" x14ac:dyDescent="0.25">
      <c r="A4967" s="7">
        <f t="shared" si="234"/>
        <v>44768.624999987973</v>
      </c>
      <c r="B4967" s="8">
        <v>18.732994223160091</v>
      </c>
      <c r="C4967">
        <f t="shared" si="232"/>
        <v>15</v>
      </c>
      <c r="D4967">
        <f t="shared" si="233"/>
        <v>7</v>
      </c>
    </row>
    <row r="4968" spans="1:4" x14ac:dyDescent="0.25">
      <c r="A4968" s="7">
        <f t="shared" si="234"/>
        <v>44768.666666654637</v>
      </c>
      <c r="B4968" s="8">
        <v>16.647516590800002</v>
      </c>
      <c r="C4968">
        <f t="shared" si="232"/>
        <v>16</v>
      </c>
      <c r="D4968">
        <f t="shared" si="233"/>
        <v>7</v>
      </c>
    </row>
    <row r="4969" spans="1:4" x14ac:dyDescent="0.25">
      <c r="A4969" s="7">
        <f t="shared" si="234"/>
        <v>44768.708333321301</v>
      </c>
      <c r="B4969" s="8">
        <v>11.757418314174746</v>
      </c>
      <c r="C4969">
        <f t="shared" si="232"/>
        <v>17</v>
      </c>
      <c r="D4969">
        <f t="shared" si="233"/>
        <v>7</v>
      </c>
    </row>
    <row r="4970" spans="1:4" x14ac:dyDescent="0.25">
      <c r="A4970" s="7">
        <f t="shared" si="234"/>
        <v>44768.749999987966</v>
      </c>
      <c r="B4970" s="8">
        <v>6.5972430751232674</v>
      </c>
      <c r="C4970">
        <f t="shared" si="232"/>
        <v>18</v>
      </c>
      <c r="D4970">
        <f t="shared" si="233"/>
        <v>7</v>
      </c>
    </row>
    <row r="4971" spans="1:4" x14ac:dyDescent="0.25">
      <c r="A4971" s="7">
        <f t="shared" si="234"/>
        <v>44768.79166665463</v>
      </c>
      <c r="B4971" s="8">
        <v>1.8400437215513692</v>
      </c>
      <c r="C4971">
        <f t="shared" si="232"/>
        <v>19</v>
      </c>
      <c r="D4971">
        <f t="shared" si="233"/>
        <v>7</v>
      </c>
    </row>
    <row r="4972" spans="1:4" x14ac:dyDescent="0.25">
      <c r="A4972" s="7">
        <f t="shared" si="234"/>
        <v>44768.833333321294</v>
      </c>
      <c r="B4972" s="8">
        <v>0.21460304262513899</v>
      </c>
      <c r="C4972">
        <f t="shared" si="232"/>
        <v>20</v>
      </c>
      <c r="D4972">
        <f t="shared" si="233"/>
        <v>7</v>
      </c>
    </row>
    <row r="4973" spans="1:4" x14ac:dyDescent="0.25">
      <c r="A4973" s="7">
        <f t="shared" si="234"/>
        <v>44768.874999987958</v>
      </c>
      <c r="B4973" s="8">
        <v>-4.9800999999999998E-2</v>
      </c>
      <c r="C4973">
        <f t="shared" si="232"/>
        <v>21</v>
      </c>
      <c r="D4973">
        <f t="shared" si="233"/>
        <v>7</v>
      </c>
    </row>
    <row r="4974" spans="1:4" x14ac:dyDescent="0.25">
      <c r="A4974" s="7">
        <f t="shared" si="234"/>
        <v>44768.916666654623</v>
      </c>
      <c r="B4974" s="8">
        <v>-4.9800999999999998E-2</v>
      </c>
      <c r="C4974">
        <f t="shared" si="232"/>
        <v>22</v>
      </c>
      <c r="D4974">
        <f t="shared" si="233"/>
        <v>7</v>
      </c>
    </row>
    <row r="4975" spans="1:4" x14ac:dyDescent="0.25">
      <c r="A4975" s="7">
        <f t="shared" si="234"/>
        <v>44768.958333321287</v>
      </c>
      <c r="B4975" s="8">
        <v>-4.9800999999999998E-2</v>
      </c>
      <c r="C4975">
        <f t="shared" si="232"/>
        <v>23</v>
      </c>
      <c r="D4975">
        <f t="shared" si="233"/>
        <v>7</v>
      </c>
    </row>
    <row r="4976" spans="1:4" x14ac:dyDescent="0.25">
      <c r="A4976" s="7">
        <f t="shared" si="234"/>
        <v>44768.999999987951</v>
      </c>
      <c r="B4976" s="8">
        <v>-4.9800999999999998E-2</v>
      </c>
      <c r="C4976">
        <f t="shared" si="232"/>
        <v>0</v>
      </c>
      <c r="D4976">
        <f t="shared" si="233"/>
        <v>7</v>
      </c>
    </row>
    <row r="4977" spans="1:4" x14ac:dyDescent="0.25">
      <c r="A4977" s="7">
        <f t="shared" si="234"/>
        <v>44769.041666654615</v>
      </c>
      <c r="B4977" s="8">
        <v>-4.9800999999999998E-2</v>
      </c>
      <c r="C4977">
        <f t="shared" si="232"/>
        <v>1</v>
      </c>
      <c r="D4977">
        <f t="shared" si="233"/>
        <v>7</v>
      </c>
    </row>
    <row r="4978" spans="1:4" x14ac:dyDescent="0.25">
      <c r="A4978" s="7">
        <f t="shared" si="234"/>
        <v>44769.083333321279</v>
      </c>
      <c r="B4978" s="8">
        <v>-4.9800999999999998E-2</v>
      </c>
      <c r="C4978">
        <f t="shared" si="232"/>
        <v>2</v>
      </c>
      <c r="D4978">
        <f t="shared" si="233"/>
        <v>7</v>
      </c>
    </row>
    <row r="4979" spans="1:4" x14ac:dyDescent="0.25">
      <c r="A4979" s="7">
        <f t="shared" si="234"/>
        <v>44769.124999987944</v>
      </c>
      <c r="B4979" s="8">
        <v>-4.9800999999999998E-2</v>
      </c>
      <c r="C4979">
        <f t="shared" si="232"/>
        <v>3</v>
      </c>
      <c r="D4979">
        <f t="shared" si="233"/>
        <v>7</v>
      </c>
    </row>
    <row r="4980" spans="1:4" x14ac:dyDescent="0.25">
      <c r="A4980" s="7">
        <f t="shared" si="234"/>
        <v>44769.166666654608</v>
      </c>
      <c r="B4980" s="8">
        <v>-4.9800999999999998E-2</v>
      </c>
      <c r="C4980">
        <f t="shared" si="232"/>
        <v>4</v>
      </c>
      <c r="D4980">
        <f t="shared" si="233"/>
        <v>7</v>
      </c>
    </row>
    <row r="4981" spans="1:4" x14ac:dyDescent="0.25">
      <c r="A4981" s="7">
        <f t="shared" si="234"/>
        <v>44769.208333321272</v>
      </c>
      <c r="B4981" s="8">
        <v>-4.9800999999999998E-2</v>
      </c>
      <c r="C4981">
        <f t="shared" si="232"/>
        <v>5</v>
      </c>
      <c r="D4981">
        <f t="shared" si="233"/>
        <v>7</v>
      </c>
    </row>
    <row r="4982" spans="1:4" x14ac:dyDescent="0.25">
      <c r="A4982" s="7">
        <f t="shared" si="234"/>
        <v>44769.249999987936</v>
      </c>
      <c r="B4982" s="8">
        <v>-4.9800999999999998E-2</v>
      </c>
      <c r="C4982">
        <f t="shared" si="232"/>
        <v>6</v>
      </c>
      <c r="D4982">
        <f t="shared" si="233"/>
        <v>7</v>
      </c>
    </row>
    <row r="4983" spans="1:4" x14ac:dyDescent="0.25">
      <c r="A4983" s="7">
        <f t="shared" si="234"/>
        <v>44769.291666654601</v>
      </c>
      <c r="B4983" s="8">
        <v>0.64001440092733242</v>
      </c>
      <c r="C4983">
        <f t="shared" si="232"/>
        <v>7</v>
      </c>
      <c r="D4983">
        <f t="shared" si="233"/>
        <v>7</v>
      </c>
    </row>
    <row r="4984" spans="1:4" x14ac:dyDescent="0.25">
      <c r="A4984" s="7">
        <f t="shared" si="234"/>
        <v>44769.333333321265</v>
      </c>
      <c r="B4984" s="8">
        <v>4.1517270679058376</v>
      </c>
      <c r="C4984">
        <f t="shared" si="232"/>
        <v>8</v>
      </c>
      <c r="D4984">
        <f t="shared" si="233"/>
        <v>7</v>
      </c>
    </row>
    <row r="4985" spans="1:4" x14ac:dyDescent="0.25">
      <c r="A4985" s="7">
        <f t="shared" si="234"/>
        <v>44769.374999987929</v>
      </c>
      <c r="B4985" s="8">
        <v>9.0894634932875586</v>
      </c>
      <c r="C4985">
        <f t="shared" si="232"/>
        <v>9</v>
      </c>
      <c r="D4985">
        <f t="shared" si="233"/>
        <v>7</v>
      </c>
    </row>
    <row r="4986" spans="1:4" x14ac:dyDescent="0.25">
      <c r="A4986" s="7">
        <f t="shared" si="234"/>
        <v>44769.416666654593</v>
      </c>
      <c r="B4986" s="8">
        <v>6.4141655356526526</v>
      </c>
      <c r="C4986">
        <f t="shared" si="232"/>
        <v>10</v>
      </c>
      <c r="D4986">
        <f t="shared" si="233"/>
        <v>7</v>
      </c>
    </row>
    <row r="4987" spans="1:4" x14ac:dyDescent="0.25">
      <c r="A4987" s="7">
        <f t="shared" si="234"/>
        <v>44769.458333321258</v>
      </c>
      <c r="B4987" s="8">
        <v>3.0017918532129797</v>
      </c>
      <c r="C4987">
        <f t="shared" si="232"/>
        <v>11</v>
      </c>
      <c r="D4987">
        <f t="shared" si="233"/>
        <v>7</v>
      </c>
    </row>
    <row r="4988" spans="1:4" x14ac:dyDescent="0.25">
      <c r="A4988" s="7">
        <f t="shared" si="234"/>
        <v>44769.499999987922</v>
      </c>
      <c r="B4988" s="8">
        <v>5.2539416845875166</v>
      </c>
      <c r="C4988">
        <f t="shared" si="232"/>
        <v>12</v>
      </c>
      <c r="D4988">
        <f t="shared" si="233"/>
        <v>7</v>
      </c>
    </row>
    <row r="4989" spans="1:4" x14ac:dyDescent="0.25">
      <c r="A4989" s="7">
        <f t="shared" si="234"/>
        <v>44769.541666654586</v>
      </c>
      <c r="B4989" s="8">
        <v>15.577509744855583</v>
      </c>
      <c r="C4989">
        <f t="shared" si="232"/>
        <v>13</v>
      </c>
      <c r="D4989">
        <f t="shared" si="233"/>
        <v>7</v>
      </c>
    </row>
    <row r="4990" spans="1:4" x14ac:dyDescent="0.25">
      <c r="A4990" s="7">
        <f t="shared" si="234"/>
        <v>44769.58333332125</v>
      </c>
      <c r="B4990" s="8">
        <v>19.238748257715649</v>
      </c>
      <c r="C4990">
        <f t="shared" si="232"/>
        <v>14</v>
      </c>
      <c r="D4990">
        <f t="shared" si="233"/>
        <v>7</v>
      </c>
    </row>
    <row r="4991" spans="1:4" x14ac:dyDescent="0.25">
      <c r="A4991" s="7">
        <f t="shared" si="234"/>
        <v>44769.624999987915</v>
      </c>
      <c r="B4991" s="8">
        <v>18.725777852141491</v>
      </c>
      <c r="C4991">
        <f t="shared" si="232"/>
        <v>15</v>
      </c>
      <c r="D4991">
        <f t="shared" si="233"/>
        <v>7</v>
      </c>
    </row>
    <row r="4992" spans="1:4" x14ac:dyDescent="0.25">
      <c r="A4992" s="7">
        <f t="shared" si="234"/>
        <v>44769.666666654579</v>
      </c>
      <c r="B4992" s="8">
        <v>16.905219981325441</v>
      </c>
      <c r="C4992">
        <f t="shared" si="232"/>
        <v>16</v>
      </c>
      <c r="D4992">
        <f t="shared" si="233"/>
        <v>7</v>
      </c>
    </row>
    <row r="4993" spans="1:4" x14ac:dyDescent="0.25">
      <c r="A4993" s="7">
        <f t="shared" si="234"/>
        <v>44769.708333321243</v>
      </c>
      <c r="B4993" s="8">
        <v>11.915170534445121</v>
      </c>
      <c r="C4993">
        <f t="shared" si="232"/>
        <v>17</v>
      </c>
      <c r="D4993">
        <f t="shared" si="233"/>
        <v>7</v>
      </c>
    </row>
    <row r="4994" spans="1:4" x14ac:dyDescent="0.25">
      <c r="A4994" s="7">
        <f t="shared" si="234"/>
        <v>44769.749999987907</v>
      </c>
      <c r="B4994" s="8">
        <v>6.7272645191872007</v>
      </c>
      <c r="C4994">
        <f t="shared" si="232"/>
        <v>18</v>
      </c>
      <c r="D4994">
        <f t="shared" si="233"/>
        <v>7</v>
      </c>
    </row>
    <row r="4995" spans="1:4" x14ac:dyDescent="0.25">
      <c r="A4995" s="7">
        <f t="shared" si="234"/>
        <v>44769.791666654572</v>
      </c>
      <c r="B4995" s="8">
        <v>1.8271867908948358</v>
      </c>
      <c r="C4995">
        <f t="shared" si="232"/>
        <v>19</v>
      </c>
      <c r="D4995">
        <f t="shared" si="233"/>
        <v>7</v>
      </c>
    </row>
    <row r="4996" spans="1:4" x14ac:dyDescent="0.25">
      <c r="A4996" s="7">
        <f t="shared" si="234"/>
        <v>44769.833333321236</v>
      </c>
      <c r="B4996" s="8">
        <v>0.21787112495875557</v>
      </c>
      <c r="C4996">
        <f t="shared" si="232"/>
        <v>20</v>
      </c>
      <c r="D4996">
        <f t="shared" si="233"/>
        <v>7</v>
      </c>
    </row>
    <row r="4997" spans="1:4" x14ac:dyDescent="0.25">
      <c r="A4997" s="7">
        <f t="shared" si="234"/>
        <v>44769.8749999879</v>
      </c>
      <c r="B4997" s="8">
        <v>-4.9800999999999998E-2</v>
      </c>
      <c r="C4997">
        <f t="shared" si="232"/>
        <v>21</v>
      </c>
      <c r="D4997">
        <f t="shared" si="233"/>
        <v>7</v>
      </c>
    </row>
    <row r="4998" spans="1:4" x14ac:dyDescent="0.25">
      <c r="A4998" s="7">
        <f t="shared" si="234"/>
        <v>44769.916666654564</v>
      </c>
      <c r="B4998" s="8">
        <v>-4.9800999999999998E-2</v>
      </c>
      <c r="C4998">
        <f t="shared" si="232"/>
        <v>22</v>
      </c>
      <c r="D4998">
        <f t="shared" si="233"/>
        <v>7</v>
      </c>
    </row>
    <row r="4999" spans="1:4" x14ac:dyDescent="0.25">
      <c r="A4999" s="7">
        <f t="shared" si="234"/>
        <v>44769.958333321229</v>
      </c>
      <c r="B4999" s="8">
        <v>-4.9800999999999998E-2</v>
      </c>
      <c r="C4999">
        <f t="shared" si="232"/>
        <v>23</v>
      </c>
      <c r="D4999">
        <f t="shared" si="233"/>
        <v>7</v>
      </c>
    </row>
    <row r="5000" spans="1:4" x14ac:dyDescent="0.25">
      <c r="A5000" s="7">
        <f t="shared" si="234"/>
        <v>44769.999999987893</v>
      </c>
      <c r="B5000" s="8">
        <v>-4.9800999999999998E-2</v>
      </c>
      <c r="C5000">
        <f t="shared" si="232"/>
        <v>0</v>
      </c>
      <c r="D5000">
        <f t="shared" si="233"/>
        <v>7</v>
      </c>
    </row>
    <row r="5001" spans="1:4" x14ac:dyDescent="0.25">
      <c r="A5001" s="7">
        <f t="shared" si="234"/>
        <v>44770.041666654557</v>
      </c>
      <c r="B5001" s="8">
        <v>-4.9800999999999998E-2</v>
      </c>
      <c r="C5001">
        <f t="shared" si="232"/>
        <v>1</v>
      </c>
      <c r="D5001">
        <f t="shared" si="233"/>
        <v>7</v>
      </c>
    </row>
    <row r="5002" spans="1:4" x14ac:dyDescent="0.25">
      <c r="A5002" s="7">
        <f t="shared" si="234"/>
        <v>44770.083333321221</v>
      </c>
      <c r="B5002" s="8">
        <v>-4.9800999999999998E-2</v>
      </c>
      <c r="C5002">
        <f t="shared" ref="C5002:C5065" si="235">HOUR(A5002)</f>
        <v>2</v>
      </c>
      <c r="D5002">
        <f t="shared" ref="D5002:D5065" si="236">MONTH(A5002)</f>
        <v>7</v>
      </c>
    </row>
    <row r="5003" spans="1:4" x14ac:dyDescent="0.25">
      <c r="A5003" s="7">
        <f t="shared" ref="A5003:A5066" si="237">+A5002+1/24</f>
        <v>44770.124999987886</v>
      </c>
      <c r="B5003" s="8">
        <v>-4.9800999999999998E-2</v>
      </c>
      <c r="C5003">
        <f t="shared" si="235"/>
        <v>3</v>
      </c>
      <c r="D5003">
        <f t="shared" si="236"/>
        <v>7</v>
      </c>
    </row>
    <row r="5004" spans="1:4" x14ac:dyDescent="0.25">
      <c r="A5004" s="7">
        <f t="shared" si="237"/>
        <v>44770.16666665455</v>
      </c>
      <c r="B5004" s="8">
        <v>-4.9800999999999998E-2</v>
      </c>
      <c r="C5004">
        <f t="shared" si="235"/>
        <v>4</v>
      </c>
      <c r="D5004">
        <f t="shared" si="236"/>
        <v>7</v>
      </c>
    </row>
    <row r="5005" spans="1:4" x14ac:dyDescent="0.25">
      <c r="A5005" s="7">
        <f t="shared" si="237"/>
        <v>44770.208333321214</v>
      </c>
      <c r="B5005" s="8">
        <v>-4.9800999999999998E-2</v>
      </c>
      <c r="C5005">
        <f t="shared" si="235"/>
        <v>5</v>
      </c>
      <c r="D5005">
        <f t="shared" si="236"/>
        <v>7</v>
      </c>
    </row>
    <row r="5006" spans="1:4" x14ac:dyDescent="0.25">
      <c r="A5006" s="7">
        <f t="shared" si="237"/>
        <v>44770.249999987878</v>
      </c>
      <c r="B5006" s="8">
        <v>-4.9800999999999998E-2</v>
      </c>
      <c r="C5006">
        <f t="shared" si="235"/>
        <v>6</v>
      </c>
      <c r="D5006">
        <f t="shared" si="236"/>
        <v>7</v>
      </c>
    </row>
    <row r="5007" spans="1:4" x14ac:dyDescent="0.25">
      <c r="A5007" s="7">
        <f t="shared" si="237"/>
        <v>44770.291666654542</v>
      </c>
      <c r="B5007" s="8">
        <v>1.2365759833904759</v>
      </c>
      <c r="C5007">
        <f t="shared" si="235"/>
        <v>7</v>
      </c>
      <c r="D5007">
        <f t="shared" si="236"/>
        <v>7</v>
      </c>
    </row>
    <row r="5008" spans="1:4" x14ac:dyDescent="0.25">
      <c r="A5008" s="7">
        <f t="shared" si="237"/>
        <v>44770.333333321207</v>
      </c>
      <c r="B5008" s="8">
        <v>5.6858253093845414</v>
      </c>
      <c r="C5008">
        <f t="shared" si="235"/>
        <v>8</v>
      </c>
      <c r="D5008">
        <f t="shared" si="236"/>
        <v>7</v>
      </c>
    </row>
    <row r="5009" spans="1:4" x14ac:dyDescent="0.25">
      <c r="A5009" s="7">
        <f t="shared" si="237"/>
        <v>44770.374999987871</v>
      </c>
      <c r="B5009" s="8">
        <v>11.125105704253128</v>
      </c>
      <c r="C5009">
        <f t="shared" si="235"/>
        <v>9</v>
      </c>
      <c r="D5009">
        <f t="shared" si="236"/>
        <v>7</v>
      </c>
    </row>
    <row r="5010" spans="1:4" x14ac:dyDescent="0.25">
      <c r="A5010" s="7">
        <f t="shared" si="237"/>
        <v>44770.416666654535</v>
      </c>
      <c r="B5010" s="8">
        <v>10.159110654358301</v>
      </c>
      <c r="C5010">
        <f t="shared" si="235"/>
        <v>10</v>
      </c>
      <c r="D5010">
        <f t="shared" si="236"/>
        <v>7</v>
      </c>
    </row>
    <row r="5011" spans="1:4" x14ac:dyDescent="0.25">
      <c r="A5011" s="7">
        <f t="shared" si="237"/>
        <v>44770.458333321199</v>
      </c>
      <c r="B5011" s="8">
        <v>17.871191327059538</v>
      </c>
      <c r="C5011">
        <f t="shared" si="235"/>
        <v>11</v>
      </c>
      <c r="D5011">
        <f t="shared" si="236"/>
        <v>7</v>
      </c>
    </row>
    <row r="5012" spans="1:4" x14ac:dyDescent="0.25">
      <c r="A5012" s="7">
        <f t="shared" si="237"/>
        <v>44770.499999987864</v>
      </c>
      <c r="B5012" s="8">
        <v>20.451316048749899</v>
      </c>
      <c r="C5012">
        <f t="shared" si="235"/>
        <v>12</v>
      </c>
      <c r="D5012">
        <f t="shared" si="236"/>
        <v>7</v>
      </c>
    </row>
    <row r="5013" spans="1:4" x14ac:dyDescent="0.25">
      <c r="A5013" s="7">
        <f t="shared" si="237"/>
        <v>44770.541666654528</v>
      </c>
      <c r="B5013" s="8">
        <v>20.482685928936156</v>
      </c>
      <c r="C5013">
        <f t="shared" si="235"/>
        <v>13</v>
      </c>
      <c r="D5013">
        <f t="shared" si="236"/>
        <v>7</v>
      </c>
    </row>
    <row r="5014" spans="1:4" x14ac:dyDescent="0.25">
      <c r="A5014" s="7">
        <f t="shared" si="237"/>
        <v>44770.583333321192</v>
      </c>
      <c r="B5014" s="8">
        <v>20.451289252742114</v>
      </c>
      <c r="C5014">
        <f t="shared" si="235"/>
        <v>14</v>
      </c>
      <c r="D5014">
        <f t="shared" si="236"/>
        <v>7</v>
      </c>
    </row>
    <row r="5015" spans="1:4" x14ac:dyDescent="0.25">
      <c r="A5015" s="7">
        <f t="shared" si="237"/>
        <v>44770.624999987856</v>
      </c>
      <c r="B5015" s="8">
        <v>17.266190032761013</v>
      </c>
      <c r="C5015">
        <f t="shared" si="235"/>
        <v>15</v>
      </c>
      <c r="D5015">
        <f t="shared" si="236"/>
        <v>7</v>
      </c>
    </row>
    <row r="5016" spans="1:4" x14ac:dyDescent="0.25">
      <c r="A5016" s="7">
        <f t="shared" si="237"/>
        <v>44770.666666654521</v>
      </c>
      <c r="B5016" s="8">
        <v>14.458659960420228</v>
      </c>
      <c r="C5016">
        <f t="shared" si="235"/>
        <v>16</v>
      </c>
      <c r="D5016">
        <f t="shared" si="236"/>
        <v>7</v>
      </c>
    </row>
    <row r="5017" spans="1:4" x14ac:dyDescent="0.25">
      <c r="A5017" s="7">
        <f t="shared" si="237"/>
        <v>44770.708333321185</v>
      </c>
      <c r="B5017" s="8">
        <v>12.234148149840582</v>
      </c>
      <c r="C5017">
        <f t="shared" si="235"/>
        <v>17</v>
      </c>
      <c r="D5017">
        <f t="shared" si="236"/>
        <v>7</v>
      </c>
    </row>
    <row r="5018" spans="1:4" x14ac:dyDescent="0.25">
      <c r="A5018" s="7">
        <f t="shared" si="237"/>
        <v>44770.749999987849</v>
      </c>
      <c r="B5018" s="8">
        <v>6.7303223559213041</v>
      </c>
      <c r="C5018">
        <f t="shared" si="235"/>
        <v>18</v>
      </c>
      <c r="D5018">
        <f t="shared" si="236"/>
        <v>7</v>
      </c>
    </row>
    <row r="5019" spans="1:4" x14ac:dyDescent="0.25">
      <c r="A5019" s="7">
        <f t="shared" si="237"/>
        <v>44770.791666654513</v>
      </c>
      <c r="B5019" s="8">
        <v>1.8399221089006703</v>
      </c>
      <c r="C5019">
        <f t="shared" si="235"/>
        <v>19</v>
      </c>
      <c r="D5019">
        <f t="shared" si="236"/>
        <v>7</v>
      </c>
    </row>
    <row r="5020" spans="1:4" x14ac:dyDescent="0.25">
      <c r="A5020" s="7">
        <f t="shared" si="237"/>
        <v>44770.833333321178</v>
      </c>
      <c r="B5020" s="8">
        <v>0.2180617888602753</v>
      </c>
      <c r="C5020">
        <f t="shared" si="235"/>
        <v>20</v>
      </c>
      <c r="D5020">
        <f t="shared" si="236"/>
        <v>7</v>
      </c>
    </row>
    <row r="5021" spans="1:4" x14ac:dyDescent="0.25">
      <c r="A5021" s="7">
        <f t="shared" si="237"/>
        <v>44770.874999987842</v>
      </c>
      <c r="B5021" s="8">
        <v>-4.9800999999999998E-2</v>
      </c>
      <c r="C5021">
        <f t="shared" si="235"/>
        <v>21</v>
      </c>
      <c r="D5021">
        <f t="shared" si="236"/>
        <v>7</v>
      </c>
    </row>
    <row r="5022" spans="1:4" x14ac:dyDescent="0.25">
      <c r="A5022" s="7">
        <f t="shared" si="237"/>
        <v>44770.916666654506</v>
      </c>
      <c r="B5022" s="8">
        <v>-4.9800999999999998E-2</v>
      </c>
      <c r="C5022">
        <f t="shared" si="235"/>
        <v>22</v>
      </c>
      <c r="D5022">
        <f t="shared" si="236"/>
        <v>7</v>
      </c>
    </row>
    <row r="5023" spans="1:4" x14ac:dyDescent="0.25">
      <c r="A5023" s="7">
        <f t="shared" si="237"/>
        <v>44770.95833332117</v>
      </c>
      <c r="B5023" s="8">
        <v>-4.9800999999999998E-2</v>
      </c>
      <c r="C5023">
        <f t="shared" si="235"/>
        <v>23</v>
      </c>
      <c r="D5023">
        <f t="shared" si="236"/>
        <v>7</v>
      </c>
    </row>
    <row r="5024" spans="1:4" x14ac:dyDescent="0.25">
      <c r="A5024" s="7">
        <f t="shared" si="237"/>
        <v>44770.999999987835</v>
      </c>
      <c r="B5024" s="8">
        <v>-4.9800999999999998E-2</v>
      </c>
      <c r="C5024">
        <f t="shared" si="235"/>
        <v>0</v>
      </c>
      <c r="D5024">
        <f t="shared" si="236"/>
        <v>7</v>
      </c>
    </row>
    <row r="5025" spans="1:4" x14ac:dyDescent="0.25">
      <c r="A5025" s="7">
        <f t="shared" si="237"/>
        <v>44771.041666654499</v>
      </c>
      <c r="B5025" s="8">
        <v>-4.9800999999999998E-2</v>
      </c>
      <c r="C5025">
        <f t="shared" si="235"/>
        <v>1</v>
      </c>
      <c r="D5025">
        <f t="shared" si="236"/>
        <v>7</v>
      </c>
    </row>
    <row r="5026" spans="1:4" x14ac:dyDescent="0.25">
      <c r="A5026" s="7">
        <f t="shared" si="237"/>
        <v>44771.083333321163</v>
      </c>
      <c r="B5026" s="8">
        <v>-4.9800999999999998E-2</v>
      </c>
      <c r="C5026">
        <f t="shared" si="235"/>
        <v>2</v>
      </c>
      <c r="D5026">
        <f t="shared" si="236"/>
        <v>7</v>
      </c>
    </row>
    <row r="5027" spans="1:4" x14ac:dyDescent="0.25">
      <c r="A5027" s="7">
        <f t="shared" si="237"/>
        <v>44771.124999987827</v>
      </c>
      <c r="B5027" s="8">
        <v>-4.9800999999999998E-2</v>
      </c>
      <c r="C5027">
        <f t="shared" si="235"/>
        <v>3</v>
      </c>
      <c r="D5027">
        <f t="shared" si="236"/>
        <v>7</v>
      </c>
    </row>
    <row r="5028" spans="1:4" x14ac:dyDescent="0.25">
      <c r="A5028" s="7">
        <f t="shared" si="237"/>
        <v>44771.166666654492</v>
      </c>
      <c r="B5028" s="8">
        <v>-4.9800999999999998E-2</v>
      </c>
      <c r="C5028">
        <f t="shared" si="235"/>
        <v>4</v>
      </c>
      <c r="D5028">
        <f t="shared" si="236"/>
        <v>7</v>
      </c>
    </row>
    <row r="5029" spans="1:4" x14ac:dyDescent="0.25">
      <c r="A5029" s="7">
        <f t="shared" si="237"/>
        <v>44771.208333321156</v>
      </c>
      <c r="B5029" s="8">
        <v>-4.9800999999999998E-2</v>
      </c>
      <c r="C5029">
        <f t="shared" si="235"/>
        <v>5</v>
      </c>
      <c r="D5029">
        <f t="shared" si="236"/>
        <v>7</v>
      </c>
    </row>
    <row r="5030" spans="1:4" x14ac:dyDescent="0.25">
      <c r="A5030" s="7">
        <f t="shared" si="237"/>
        <v>44771.24999998782</v>
      </c>
      <c r="B5030" s="8">
        <v>-4.9800999999999998E-2</v>
      </c>
      <c r="C5030">
        <f t="shared" si="235"/>
        <v>6</v>
      </c>
      <c r="D5030">
        <f t="shared" si="236"/>
        <v>7</v>
      </c>
    </row>
    <row r="5031" spans="1:4" x14ac:dyDescent="0.25">
      <c r="A5031" s="7">
        <f t="shared" si="237"/>
        <v>44771.291666654484</v>
      </c>
      <c r="B5031" s="8">
        <v>1.2022688485051309</v>
      </c>
      <c r="C5031">
        <f t="shared" si="235"/>
        <v>7</v>
      </c>
      <c r="D5031">
        <f t="shared" si="236"/>
        <v>7</v>
      </c>
    </row>
    <row r="5032" spans="1:4" x14ac:dyDescent="0.25">
      <c r="A5032" s="7">
        <f t="shared" si="237"/>
        <v>44771.333333321149</v>
      </c>
      <c r="B5032" s="8">
        <v>3.3497967593452134</v>
      </c>
      <c r="C5032">
        <f t="shared" si="235"/>
        <v>8</v>
      </c>
      <c r="D5032">
        <f t="shared" si="236"/>
        <v>7</v>
      </c>
    </row>
    <row r="5033" spans="1:4" x14ac:dyDescent="0.25">
      <c r="A5033" s="7">
        <f t="shared" si="237"/>
        <v>44771.374999987813</v>
      </c>
      <c r="B5033" s="8">
        <v>7.2012560089809385</v>
      </c>
      <c r="C5033">
        <f t="shared" si="235"/>
        <v>9</v>
      </c>
      <c r="D5033">
        <f t="shared" si="236"/>
        <v>7</v>
      </c>
    </row>
    <row r="5034" spans="1:4" x14ac:dyDescent="0.25">
      <c r="A5034" s="7">
        <f t="shared" si="237"/>
        <v>44771.416666654477</v>
      </c>
      <c r="B5034" s="8">
        <v>14.580851817133647</v>
      </c>
      <c r="C5034">
        <f t="shared" si="235"/>
        <v>10</v>
      </c>
      <c r="D5034">
        <f t="shared" si="236"/>
        <v>7</v>
      </c>
    </row>
    <row r="5035" spans="1:4" x14ac:dyDescent="0.25">
      <c r="A5035" s="7">
        <f t="shared" si="237"/>
        <v>44771.458333321141</v>
      </c>
      <c r="B5035" s="8">
        <v>17.218886834101809</v>
      </c>
      <c r="C5035">
        <f t="shared" si="235"/>
        <v>11</v>
      </c>
      <c r="D5035">
        <f t="shared" si="236"/>
        <v>7</v>
      </c>
    </row>
    <row r="5036" spans="1:4" x14ac:dyDescent="0.25">
      <c r="A5036" s="7">
        <f t="shared" si="237"/>
        <v>44771.499999987805</v>
      </c>
      <c r="B5036" s="8">
        <v>20.45130574259306</v>
      </c>
      <c r="C5036">
        <f t="shared" si="235"/>
        <v>12</v>
      </c>
      <c r="D5036">
        <f t="shared" si="236"/>
        <v>7</v>
      </c>
    </row>
    <row r="5037" spans="1:4" x14ac:dyDescent="0.25">
      <c r="A5037" s="7">
        <f t="shared" si="237"/>
        <v>44771.54166665447</v>
      </c>
      <c r="B5037" s="8">
        <v>20.451313987518528</v>
      </c>
      <c r="C5037">
        <f t="shared" si="235"/>
        <v>13</v>
      </c>
      <c r="D5037">
        <f t="shared" si="236"/>
        <v>7</v>
      </c>
    </row>
    <row r="5038" spans="1:4" x14ac:dyDescent="0.25">
      <c r="A5038" s="7">
        <f t="shared" si="237"/>
        <v>44771.583333321134</v>
      </c>
      <c r="B5038" s="8">
        <v>18.409984839209255</v>
      </c>
      <c r="C5038">
        <f t="shared" si="235"/>
        <v>14</v>
      </c>
      <c r="D5038">
        <f t="shared" si="236"/>
        <v>7</v>
      </c>
    </row>
    <row r="5039" spans="1:4" x14ac:dyDescent="0.25">
      <c r="A5039" s="7">
        <f t="shared" si="237"/>
        <v>44771.624999987798</v>
      </c>
      <c r="B5039" s="8">
        <v>15.148435578412842</v>
      </c>
      <c r="C5039">
        <f t="shared" si="235"/>
        <v>15</v>
      </c>
      <c r="D5039">
        <f t="shared" si="236"/>
        <v>7</v>
      </c>
    </row>
    <row r="5040" spans="1:4" x14ac:dyDescent="0.25">
      <c r="A5040" s="7">
        <f t="shared" si="237"/>
        <v>44771.666666654462</v>
      </c>
      <c r="B5040" s="8">
        <v>15.973536188778692</v>
      </c>
      <c r="C5040">
        <f t="shared" si="235"/>
        <v>16</v>
      </c>
      <c r="D5040">
        <f t="shared" si="236"/>
        <v>7</v>
      </c>
    </row>
    <row r="5041" spans="1:4" x14ac:dyDescent="0.25">
      <c r="A5041" s="7">
        <f t="shared" si="237"/>
        <v>44771.708333321127</v>
      </c>
      <c r="B5041" s="8">
        <v>10.751664172426795</v>
      </c>
      <c r="C5041">
        <f t="shared" si="235"/>
        <v>17</v>
      </c>
      <c r="D5041">
        <f t="shared" si="236"/>
        <v>7</v>
      </c>
    </row>
    <row r="5042" spans="1:4" x14ac:dyDescent="0.25">
      <c r="A5042" s="7">
        <f t="shared" si="237"/>
        <v>44771.749999987791</v>
      </c>
      <c r="B5042" s="8">
        <v>5.8919051603039065</v>
      </c>
      <c r="C5042">
        <f t="shared" si="235"/>
        <v>18</v>
      </c>
      <c r="D5042">
        <f t="shared" si="236"/>
        <v>7</v>
      </c>
    </row>
    <row r="5043" spans="1:4" x14ac:dyDescent="0.25">
      <c r="A5043" s="7">
        <f t="shared" si="237"/>
        <v>44771.791666654455</v>
      </c>
      <c r="B5043" s="8">
        <v>1.8740354880374437</v>
      </c>
      <c r="C5043">
        <f t="shared" si="235"/>
        <v>19</v>
      </c>
      <c r="D5043">
        <f t="shared" si="236"/>
        <v>7</v>
      </c>
    </row>
    <row r="5044" spans="1:4" x14ac:dyDescent="0.25">
      <c r="A5044" s="7">
        <f t="shared" si="237"/>
        <v>44771.833333321119</v>
      </c>
      <c r="B5044" s="8">
        <v>0.18024746880265108</v>
      </c>
      <c r="C5044">
        <f t="shared" si="235"/>
        <v>20</v>
      </c>
      <c r="D5044">
        <f t="shared" si="236"/>
        <v>7</v>
      </c>
    </row>
    <row r="5045" spans="1:4" x14ac:dyDescent="0.25">
      <c r="A5045" s="7">
        <f t="shared" si="237"/>
        <v>44771.874999987784</v>
      </c>
      <c r="B5045" s="8">
        <v>-4.9800999999999998E-2</v>
      </c>
      <c r="C5045">
        <f t="shared" si="235"/>
        <v>21</v>
      </c>
      <c r="D5045">
        <f t="shared" si="236"/>
        <v>7</v>
      </c>
    </row>
    <row r="5046" spans="1:4" x14ac:dyDescent="0.25">
      <c r="A5046" s="7">
        <f t="shared" si="237"/>
        <v>44771.916666654448</v>
      </c>
      <c r="B5046" s="8">
        <v>-4.9800999999999998E-2</v>
      </c>
      <c r="C5046">
        <f t="shared" si="235"/>
        <v>22</v>
      </c>
      <c r="D5046">
        <f t="shared" si="236"/>
        <v>7</v>
      </c>
    </row>
    <row r="5047" spans="1:4" x14ac:dyDescent="0.25">
      <c r="A5047" s="7">
        <f t="shared" si="237"/>
        <v>44771.958333321112</v>
      </c>
      <c r="B5047" s="8">
        <v>-4.9800999999999998E-2</v>
      </c>
      <c r="C5047">
        <f t="shared" si="235"/>
        <v>23</v>
      </c>
      <c r="D5047">
        <f t="shared" si="236"/>
        <v>7</v>
      </c>
    </row>
    <row r="5048" spans="1:4" x14ac:dyDescent="0.25">
      <c r="A5048" s="7">
        <f t="shared" si="237"/>
        <v>44771.999999987776</v>
      </c>
      <c r="B5048" s="8">
        <v>-4.9800999999999998E-2</v>
      </c>
      <c r="C5048">
        <f t="shared" si="235"/>
        <v>0</v>
      </c>
      <c r="D5048">
        <f t="shared" si="236"/>
        <v>7</v>
      </c>
    </row>
    <row r="5049" spans="1:4" x14ac:dyDescent="0.25">
      <c r="A5049" s="7">
        <f t="shared" si="237"/>
        <v>44772.041666654441</v>
      </c>
      <c r="B5049" s="8">
        <v>-4.9800999999999998E-2</v>
      </c>
      <c r="C5049">
        <f t="shared" si="235"/>
        <v>1</v>
      </c>
      <c r="D5049">
        <f t="shared" si="236"/>
        <v>7</v>
      </c>
    </row>
    <row r="5050" spans="1:4" x14ac:dyDescent="0.25">
      <c r="A5050" s="7">
        <f t="shared" si="237"/>
        <v>44772.083333321105</v>
      </c>
      <c r="B5050" s="8">
        <v>-4.9800999999999998E-2</v>
      </c>
      <c r="C5050">
        <f t="shared" si="235"/>
        <v>2</v>
      </c>
      <c r="D5050">
        <f t="shared" si="236"/>
        <v>7</v>
      </c>
    </row>
    <row r="5051" spans="1:4" x14ac:dyDescent="0.25">
      <c r="A5051" s="7">
        <f t="shared" si="237"/>
        <v>44772.124999987769</v>
      </c>
      <c r="B5051" s="8">
        <v>-4.9800999999999998E-2</v>
      </c>
      <c r="C5051">
        <f t="shared" si="235"/>
        <v>3</v>
      </c>
      <c r="D5051">
        <f t="shared" si="236"/>
        <v>7</v>
      </c>
    </row>
    <row r="5052" spans="1:4" x14ac:dyDescent="0.25">
      <c r="A5052" s="7">
        <f t="shared" si="237"/>
        <v>44772.166666654433</v>
      </c>
      <c r="B5052" s="8">
        <v>-4.9800999999999998E-2</v>
      </c>
      <c r="C5052">
        <f t="shared" si="235"/>
        <v>4</v>
      </c>
      <c r="D5052">
        <f t="shared" si="236"/>
        <v>7</v>
      </c>
    </row>
    <row r="5053" spans="1:4" x14ac:dyDescent="0.25">
      <c r="A5053" s="7">
        <f t="shared" si="237"/>
        <v>44772.208333321098</v>
      </c>
      <c r="B5053" s="8">
        <v>-4.9800999999999998E-2</v>
      </c>
      <c r="C5053">
        <f t="shared" si="235"/>
        <v>5</v>
      </c>
      <c r="D5053">
        <f t="shared" si="236"/>
        <v>7</v>
      </c>
    </row>
    <row r="5054" spans="1:4" x14ac:dyDescent="0.25">
      <c r="A5054" s="7">
        <f t="shared" si="237"/>
        <v>44772.249999987762</v>
      </c>
      <c r="B5054" s="8">
        <v>-4.9800999999999998E-2</v>
      </c>
      <c r="C5054">
        <f t="shared" si="235"/>
        <v>6</v>
      </c>
      <c r="D5054">
        <f t="shared" si="236"/>
        <v>7</v>
      </c>
    </row>
    <row r="5055" spans="1:4" x14ac:dyDescent="0.25">
      <c r="A5055" s="7">
        <f t="shared" si="237"/>
        <v>44772.291666654426</v>
      </c>
      <c r="B5055" s="8">
        <v>1.3175885598383679</v>
      </c>
      <c r="C5055">
        <f t="shared" si="235"/>
        <v>7</v>
      </c>
      <c r="D5055">
        <f t="shared" si="236"/>
        <v>7</v>
      </c>
    </row>
    <row r="5056" spans="1:4" x14ac:dyDescent="0.25">
      <c r="A5056" s="7">
        <f t="shared" si="237"/>
        <v>44772.33333332109</v>
      </c>
      <c r="B5056" s="8">
        <v>5.1790128325216296</v>
      </c>
      <c r="C5056">
        <f t="shared" si="235"/>
        <v>8</v>
      </c>
      <c r="D5056">
        <f t="shared" si="236"/>
        <v>7</v>
      </c>
    </row>
    <row r="5057" spans="1:4" x14ac:dyDescent="0.25">
      <c r="A5057" s="7">
        <f t="shared" si="237"/>
        <v>44772.374999987755</v>
      </c>
      <c r="B5057" s="8">
        <v>11.278329399208488</v>
      </c>
      <c r="C5057">
        <f t="shared" si="235"/>
        <v>9</v>
      </c>
      <c r="D5057">
        <f t="shared" si="236"/>
        <v>7</v>
      </c>
    </row>
    <row r="5058" spans="1:4" x14ac:dyDescent="0.25">
      <c r="A5058" s="7">
        <f t="shared" si="237"/>
        <v>44772.416666654419</v>
      </c>
      <c r="B5058" s="8">
        <v>16.322806690970744</v>
      </c>
      <c r="C5058">
        <f t="shared" si="235"/>
        <v>10</v>
      </c>
      <c r="D5058">
        <f t="shared" si="236"/>
        <v>7</v>
      </c>
    </row>
    <row r="5059" spans="1:4" x14ac:dyDescent="0.25">
      <c r="A5059" s="7">
        <f t="shared" si="237"/>
        <v>44772.458333321083</v>
      </c>
      <c r="B5059" s="8">
        <v>20.120100902723923</v>
      </c>
      <c r="C5059">
        <f t="shared" si="235"/>
        <v>11</v>
      </c>
      <c r="D5059">
        <f t="shared" si="236"/>
        <v>7</v>
      </c>
    </row>
    <row r="5060" spans="1:4" x14ac:dyDescent="0.25">
      <c r="A5060" s="7">
        <f t="shared" si="237"/>
        <v>44772.499999987747</v>
      </c>
      <c r="B5060" s="8">
        <v>20.451316048749899</v>
      </c>
      <c r="C5060">
        <f t="shared" si="235"/>
        <v>12</v>
      </c>
      <c r="D5060">
        <f t="shared" si="236"/>
        <v>7</v>
      </c>
    </row>
    <row r="5061" spans="1:4" x14ac:dyDescent="0.25">
      <c r="A5061" s="7">
        <f t="shared" si="237"/>
        <v>44772.541666654412</v>
      </c>
      <c r="B5061" s="8">
        <v>20.171899646996255</v>
      </c>
      <c r="C5061">
        <f t="shared" si="235"/>
        <v>13</v>
      </c>
      <c r="D5061">
        <f t="shared" si="236"/>
        <v>7</v>
      </c>
    </row>
    <row r="5062" spans="1:4" x14ac:dyDescent="0.25">
      <c r="A5062" s="7">
        <f t="shared" si="237"/>
        <v>44772.583333321076</v>
      </c>
      <c r="B5062" s="8">
        <v>14.346614515114712</v>
      </c>
      <c r="C5062">
        <f t="shared" si="235"/>
        <v>14</v>
      </c>
      <c r="D5062">
        <f t="shared" si="236"/>
        <v>7</v>
      </c>
    </row>
    <row r="5063" spans="1:4" x14ac:dyDescent="0.25">
      <c r="A5063" s="7">
        <f t="shared" si="237"/>
        <v>44772.62499998774</v>
      </c>
      <c r="B5063" s="8">
        <v>19.205339819706655</v>
      </c>
      <c r="C5063">
        <f t="shared" si="235"/>
        <v>15</v>
      </c>
      <c r="D5063">
        <f t="shared" si="236"/>
        <v>7</v>
      </c>
    </row>
    <row r="5064" spans="1:4" x14ac:dyDescent="0.25">
      <c r="A5064" s="7">
        <f t="shared" si="237"/>
        <v>44772.666666654404</v>
      </c>
      <c r="B5064" s="8">
        <v>11.940202128175454</v>
      </c>
      <c r="C5064">
        <f t="shared" si="235"/>
        <v>16</v>
      </c>
      <c r="D5064">
        <f t="shared" si="236"/>
        <v>7</v>
      </c>
    </row>
    <row r="5065" spans="1:4" x14ac:dyDescent="0.25">
      <c r="A5065" s="7">
        <f t="shared" si="237"/>
        <v>44772.708333321068</v>
      </c>
      <c r="B5065" s="8">
        <v>11.994160012305537</v>
      </c>
      <c r="C5065">
        <f t="shared" si="235"/>
        <v>17</v>
      </c>
      <c r="D5065">
        <f t="shared" si="236"/>
        <v>7</v>
      </c>
    </row>
    <row r="5066" spans="1:4" x14ac:dyDescent="0.25">
      <c r="A5066" s="7">
        <f t="shared" si="237"/>
        <v>44772.749999987733</v>
      </c>
      <c r="B5066" s="8">
        <v>6.3655410876867018</v>
      </c>
      <c r="C5066">
        <f t="shared" ref="C5066:C5129" si="238">HOUR(A5066)</f>
        <v>18</v>
      </c>
      <c r="D5066">
        <f t="shared" ref="D5066:D5129" si="239">MONTH(A5066)</f>
        <v>7</v>
      </c>
    </row>
    <row r="5067" spans="1:4" x14ac:dyDescent="0.25">
      <c r="A5067" s="7">
        <f t="shared" ref="A5067:A5130" si="240">+A5066+1/24</f>
        <v>44772.791666654397</v>
      </c>
      <c r="B5067" s="8">
        <v>1.7660970462322299</v>
      </c>
      <c r="C5067">
        <f t="shared" si="238"/>
        <v>19</v>
      </c>
      <c r="D5067">
        <f t="shared" si="239"/>
        <v>7</v>
      </c>
    </row>
    <row r="5068" spans="1:4" x14ac:dyDescent="0.25">
      <c r="A5068" s="7">
        <f t="shared" si="240"/>
        <v>44772.833333321061</v>
      </c>
      <c r="B5068" s="8">
        <v>0.17818520681918631</v>
      </c>
      <c r="C5068">
        <f t="shared" si="238"/>
        <v>20</v>
      </c>
      <c r="D5068">
        <f t="shared" si="239"/>
        <v>7</v>
      </c>
    </row>
    <row r="5069" spans="1:4" x14ac:dyDescent="0.25">
      <c r="A5069" s="7">
        <f t="shared" si="240"/>
        <v>44772.874999987725</v>
      </c>
      <c r="B5069" s="8">
        <v>-4.9800999999999998E-2</v>
      </c>
      <c r="C5069">
        <f t="shared" si="238"/>
        <v>21</v>
      </c>
      <c r="D5069">
        <f t="shared" si="239"/>
        <v>7</v>
      </c>
    </row>
    <row r="5070" spans="1:4" x14ac:dyDescent="0.25">
      <c r="A5070" s="7">
        <f t="shared" si="240"/>
        <v>44772.91666665439</v>
      </c>
      <c r="B5070" s="8">
        <v>-4.9800999999999998E-2</v>
      </c>
      <c r="C5070">
        <f t="shared" si="238"/>
        <v>22</v>
      </c>
      <c r="D5070">
        <f t="shared" si="239"/>
        <v>7</v>
      </c>
    </row>
    <row r="5071" spans="1:4" x14ac:dyDescent="0.25">
      <c r="A5071" s="7">
        <f t="shared" si="240"/>
        <v>44772.958333321054</v>
      </c>
      <c r="B5071" s="8">
        <v>-4.9800999999999998E-2</v>
      </c>
      <c r="C5071">
        <f t="shared" si="238"/>
        <v>23</v>
      </c>
      <c r="D5071">
        <f t="shared" si="239"/>
        <v>7</v>
      </c>
    </row>
    <row r="5072" spans="1:4" x14ac:dyDescent="0.25">
      <c r="A5072" s="7">
        <f t="shared" si="240"/>
        <v>44772.999999987718</v>
      </c>
      <c r="B5072" s="8">
        <v>-4.9800999999999998E-2</v>
      </c>
      <c r="C5072">
        <f t="shared" si="238"/>
        <v>0</v>
      </c>
      <c r="D5072">
        <f t="shared" si="239"/>
        <v>7</v>
      </c>
    </row>
    <row r="5073" spans="1:4" x14ac:dyDescent="0.25">
      <c r="A5073" s="7">
        <f t="shared" si="240"/>
        <v>44773.041666654382</v>
      </c>
      <c r="B5073" s="8">
        <v>-4.9800999999999998E-2</v>
      </c>
      <c r="C5073">
        <f t="shared" si="238"/>
        <v>1</v>
      </c>
      <c r="D5073">
        <f t="shared" si="239"/>
        <v>7</v>
      </c>
    </row>
    <row r="5074" spans="1:4" x14ac:dyDescent="0.25">
      <c r="A5074" s="7">
        <f t="shared" si="240"/>
        <v>44773.083333321047</v>
      </c>
      <c r="B5074" s="8">
        <v>-4.9800999999999998E-2</v>
      </c>
      <c r="C5074">
        <f t="shared" si="238"/>
        <v>2</v>
      </c>
      <c r="D5074">
        <f t="shared" si="239"/>
        <v>7</v>
      </c>
    </row>
    <row r="5075" spans="1:4" x14ac:dyDescent="0.25">
      <c r="A5075" s="7">
        <f t="shared" si="240"/>
        <v>44773.124999987711</v>
      </c>
      <c r="B5075" s="8">
        <v>-4.9800999999999998E-2</v>
      </c>
      <c r="C5075">
        <f t="shared" si="238"/>
        <v>3</v>
      </c>
      <c r="D5075">
        <f t="shared" si="239"/>
        <v>7</v>
      </c>
    </row>
    <row r="5076" spans="1:4" x14ac:dyDescent="0.25">
      <c r="A5076" s="7">
        <f t="shared" si="240"/>
        <v>44773.166666654375</v>
      </c>
      <c r="B5076" s="8">
        <v>-4.9800999999999998E-2</v>
      </c>
      <c r="C5076">
        <f t="shared" si="238"/>
        <v>4</v>
      </c>
      <c r="D5076">
        <f t="shared" si="239"/>
        <v>7</v>
      </c>
    </row>
    <row r="5077" spans="1:4" x14ac:dyDescent="0.25">
      <c r="A5077" s="7">
        <f t="shared" si="240"/>
        <v>44773.208333321039</v>
      </c>
      <c r="B5077" s="8">
        <v>-4.9800999999999998E-2</v>
      </c>
      <c r="C5077">
        <f t="shared" si="238"/>
        <v>5</v>
      </c>
      <c r="D5077">
        <f t="shared" si="239"/>
        <v>7</v>
      </c>
    </row>
    <row r="5078" spans="1:4" x14ac:dyDescent="0.25">
      <c r="A5078" s="7">
        <f t="shared" si="240"/>
        <v>44773.249999987704</v>
      </c>
      <c r="B5078" s="8">
        <v>-4.9800999999999998E-2</v>
      </c>
      <c r="C5078">
        <f t="shared" si="238"/>
        <v>6</v>
      </c>
      <c r="D5078">
        <f t="shared" si="239"/>
        <v>7</v>
      </c>
    </row>
    <row r="5079" spans="1:4" x14ac:dyDescent="0.25">
      <c r="A5079" s="7">
        <f t="shared" si="240"/>
        <v>44773.291666654368</v>
      </c>
      <c r="B5079" s="8">
        <v>1.2479993276307175</v>
      </c>
      <c r="C5079">
        <f t="shared" si="238"/>
        <v>7</v>
      </c>
      <c r="D5079">
        <f t="shared" si="239"/>
        <v>7</v>
      </c>
    </row>
    <row r="5080" spans="1:4" x14ac:dyDescent="0.25">
      <c r="A5080" s="7">
        <f t="shared" si="240"/>
        <v>44773.333333321032</v>
      </c>
      <c r="B5080" s="8">
        <v>5.1837155318872217</v>
      </c>
      <c r="C5080">
        <f t="shared" si="238"/>
        <v>8</v>
      </c>
      <c r="D5080">
        <f t="shared" si="239"/>
        <v>7</v>
      </c>
    </row>
    <row r="5081" spans="1:4" x14ac:dyDescent="0.25">
      <c r="A5081" s="7">
        <f t="shared" si="240"/>
        <v>44773.374999987696</v>
      </c>
      <c r="B5081" s="8">
        <v>11.327756696792189</v>
      </c>
      <c r="C5081">
        <f t="shared" si="238"/>
        <v>9</v>
      </c>
      <c r="D5081">
        <f t="shared" si="239"/>
        <v>7</v>
      </c>
    </row>
    <row r="5082" spans="1:4" x14ac:dyDescent="0.25">
      <c r="A5082" s="7">
        <f t="shared" si="240"/>
        <v>44773.416666654361</v>
      </c>
      <c r="B5082" s="8">
        <v>16.397316082453287</v>
      </c>
      <c r="C5082">
        <f t="shared" si="238"/>
        <v>10</v>
      </c>
      <c r="D5082">
        <f t="shared" si="239"/>
        <v>7</v>
      </c>
    </row>
    <row r="5083" spans="1:4" x14ac:dyDescent="0.25">
      <c r="A5083" s="7">
        <f t="shared" si="240"/>
        <v>44773.458333321025</v>
      </c>
      <c r="B5083" s="8">
        <v>20.173933051740573</v>
      </c>
      <c r="C5083">
        <f t="shared" si="238"/>
        <v>11</v>
      </c>
      <c r="D5083">
        <f t="shared" si="239"/>
        <v>7</v>
      </c>
    </row>
    <row r="5084" spans="1:4" x14ac:dyDescent="0.25">
      <c r="A5084" s="7">
        <f t="shared" si="240"/>
        <v>44773.499999987689</v>
      </c>
      <c r="B5084" s="8">
        <v>20.451297497667586</v>
      </c>
      <c r="C5084">
        <f t="shared" si="238"/>
        <v>12</v>
      </c>
      <c r="D5084">
        <f t="shared" si="239"/>
        <v>7</v>
      </c>
    </row>
    <row r="5085" spans="1:4" x14ac:dyDescent="0.25">
      <c r="A5085" s="7">
        <f t="shared" si="240"/>
        <v>44773.541666654353</v>
      </c>
      <c r="B5085" s="8">
        <v>17.804937167204955</v>
      </c>
      <c r="C5085">
        <f t="shared" si="238"/>
        <v>13</v>
      </c>
      <c r="D5085">
        <f t="shared" si="239"/>
        <v>7</v>
      </c>
    </row>
    <row r="5086" spans="1:4" x14ac:dyDescent="0.25">
      <c r="A5086" s="7">
        <f t="shared" si="240"/>
        <v>44773.583333321018</v>
      </c>
      <c r="B5086" s="8">
        <v>13.864296681210824</v>
      </c>
      <c r="C5086">
        <f t="shared" si="238"/>
        <v>14</v>
      </c>
      <c r="D5086">
        <f t="shared" si="239"/>
        <v>7</v>
      </c>
    </row>
    <row r="5087" spans="1:4" x14ac:dyDescent="0.25">
      <c r="A5087" s="7">
        <f t="shared" si="240"/>
        <v>44773.624999987682</v>
      </c>
      <c r="B5087" s="8">
        <v>18.802266025737108</v>
      </c>
      <c r="C5087">
        <f t="shared" si="238"/>
        <v>15</v>
      </c>
      <c r="D5087">
        <f t="shared" si="239"/>
        <v>7</v>
      </c>
    </row>
    <row r="5088" spans="1:4" x14ac:dyDescent="0.25">
      <c r="A5088" s="7">
        <f t="shared" si="240"/>
        <v>44773.666666654346</v>
      </c>
      <c r="B5088" s="8">
        <v>15.904814734976876</v>
      </c>
      <c r="C5088">
        <f t="shared" si="238"/>
        <v>16</v>
      </c>
      <c r="D5088">
        <f t="shared" si="239"/>
        <v>7</v>
      </c>
    </row>
    <row r="5089" spans="1:4" x14ac:dyDescent="0.25">
      <c r="A5089" s="7">
        <f t="shared" si="240"/>
        <v>44773.70833332101</v>
      </c>
      <c r="B5089" s="8">
        <v>11.427990255744637</v>
      </c>
      <c r="C5089">
        <f t="shared" si="238"/>
        <v>17</v>
      </c>
      <c r="D5089">
        <f t="shared" si="239"/>
        <v>7</v>
      </c>
    </row>
    <row r="5090" spans="1:4" x14ac:dyDescent="0.25">
      <c r="A5090" s="7">
        <f t="shared" si="240"/>
        <v>44773.749999987675</v>
      </c>
      <c r="B5090" s="8">
        <v>3.1068497241817195</v>
      </c>
      <c r="C5090">
        <f t="shared" si="238"/>
        <v>18</v>
      </c>
      <c r="D5090">
        <f t="shared" si="239"/>
        <v>7</v>
      </c>
    </row>
    <row r="5091" spans="1:4" x14ac:dyDescent="0.25">
      <c r="A5091" s="7">
        <f t="shared" si="240"/>
        <v>44773.791666654339</v>
      </c>
      <c r="B5091" s="8">
        <v>0.39657679269830659</v>
      </c>
      <c r="C5091">
        <f t="shared" si="238"/>
        <v>19</v>
      </c>
      <c r="D5091">
        <f t="shared" si="239"/>
        <v>7</v>
      </c>
    </row>
    <row r="5092" spans="1:4" x14ac:dyDescent="0.25">
      <c r="A5092" s="7">
        <f t="shared" si="240"/>
        <v>44773.833333321003</v>
      </c>
      <c r="B5092" s="8">
        <v>-4.9800999999999998E-2</v>
      </c>
      <c r="C5092">
        <f t="shared" si="238"/>
        <v>20</v>
      </c>
      <c r="D5092">
        <f t="shared" si="239"/>
        <v>7</v>
      </c>
    </row>
    <row r="5093" spans="1:4" x14ac:dyDescent="0.25">
      <c r="A5093" s="7">
        <f t="shared" si="240"/>
        <v>44773.874999987667</v>
      </c>
      <c r="B5093" s="8">
        <v>-4.9800999999999998E-2</v>
      </c>
      <c r="C5093">
        <f t="shared" si="238"/>
        <v>21</v>
      </c>
      <c r="D5093">
        <f t="shared" si="239"/>
        <v>7</v>
      </c>
    </row>
    <row r="5094" spans="1:4" x14ac:dyDescent="0.25">
      <c r="A5094" s="7">
        <f t="shared" si="240"/>
        <v>44773.916666654331</v>
      </c>
      <c r="B5094" s="8">
        <v>-4.9800999999999998E-2</v>
      </c>
      <c r="C5094">
        <f t="shared" si="238"/>
        <v>22</v>
      </c>
      <c r="D5094">
        <f t="shared" si="239"/>
        <v>7</v>
      </c>
    </row>
    <row r="5095" spans="1:4" x14ac:dyDescent="0.25">
      <c r="A5095" s="7">
        <f t="shared" si="240"/>
        <v>44773.958333320996</v>
      </c>
      <c r="B5095" s="8">
        <v>-4.9800999999999998E-2</v>
      </c>
      <c r="C5095">
        <f t="shared" si="238"/>
        <v>23</v>
      </c>
      <c r="D5095">
        <f t="shared" si="239"/>
        <v>7</v>
      </c>
    </row>
    <row r="5096" spans="1:4" x14ac:dyDescent="0.25">
      <c r="A5096" s="7">
        <f t="shared" si="240"/>
        <v>44773.99999998766</v>
      </c>
      <c r="B5096" s="8">
        <v>-4.9800999999999998E-2</v>
      </c>
      <c r="C5096">
        <f t="shared" si="238"/>
        <v>0</v>
      </c>
      <c r="D5096">
        <f t="shared" si="239"/>
        <v>8</v>
      </c>
    </row>
    <row r="5097" spans="1:4" x14ac:dyDescent="0.25">
      <c r="A5097" s="7">
        <f t="shared" si="240"/>
        <v>44774.041666654324</v>
      </c>
      <c r="B5097" s="8">
        <v>-4.9800999999999998E-2</v>
      </c>
      <c r="C5097">
        <f t="shared" si="238"/>
        <v>1</v>
      </c>
      <c r="D5097">
        <f t="shared" si="239"/>
        <v>8</v>
      </c>
    </row>
    <row r="5098" spans="1:4" x14ac:dyDescent="0.25">
      <c r="A5098" s="7">
        <f t="shared" si="240"/>
        <v>44774.083333320988</v>
      </c>
      <c r="B5098" s="8">
        <v>-4.9800999999999998E-2</v>
      </c>
      <c r="C5098">
        <f t="shared" si="238"/>
        <v>2</v>
      </c>
      <c r="D5098">
        <f t="shared" si="239"/>
        <v>8</v>
      </c>
    </row>
    <row r="5099" spans="1:4" x14ac:dyDescent="0.25">
      <c r="A5099" s="7">
        <f t="shared" si="240"/>
        <v>44774.124999987653</v>
      </c>
      <c r="B5099" s="8">
        <v>-4.9800999999999998E-2</v>
      </c>
      <c r="C5099">
        <f t="shared" si="238"/>
        <v>3</v>
      </c>
      <c r="D5099">
        <f t="shared" si="239"/>
        <v>8</v>
      </c>
    </row>
    <row r="5100" spans="1:4" x14ac:dyDescent="0.25">
      <c r="A5100" s="7">
        <f t="shared" si="240"/>
        <v>44774.166666654317</v>
      </c>
      <c r="B5100" s="8">
        <v>-4.9800999999999998E-2</v>
      </c>
      <c r="C5100">
        <f t="shared" si="238"/>
        <v>4</v>
      </c>
      <c r="D5100">
        <f t="shared" si="239"/>
        <v>8</v>
      </c>
    </row>
    <row r="5101" spans="1:4" x14ac:dyDescent="0.25">
      <c r="A5101" s="7">
        <f t="shared" si="240"/>
        <v>44774.208333320981</v>
      </c>
      <c r="B5101" s="8">
        <v>-4.9800999999999998E-2</v>
      </c>
      <c r="C5101">
        <f t="shared" si="238"/>
        <v>5</v>
      </c>
      <c r="D5101">
        <f t="shared" si="239"/>
        <v>8</v>
      </c>
    </row>
    <row r="5102" spans="1:4" x14ac:dyDescent="0.25">
      <c r="A5102" s="7">
        <f t="shared" si="240"/>
        <v>44774.249999987645</v>
      </c>
      <c r="B5102" s="8">
        <v>-4.9800999999999998E-2</v>
      </c>
      <c r="C5102">
        <f t="shared" si="238"/>
        <v>6</v>
      </c>
      <c r="D5102">
        <f t="shared" si="239"/>
        <v>8</v>
      </c>
    </row>
    <row r="5103" spans="1:4" x14ac:dyDescent="0.25">
      <c r="A5103" s="7">
        <f t="shared" si="240"/>
        <v>44774.29166665431</v>
      </c>
      <c r="B5103" s="8">
        <v>1.1864777549965615</v>
      </c>
      <c r="C5103">
        <f t="shared" si="238"/>
        <v>7</v>
      </c>
      <c r="D5103">
        <f t="shared" si="239"/>
        <v>8</v>
      </c>
    </row>
    <row r="5104" spans="1:4" x14ac:dyDescent="0.25">
      <c r="A5104" s="7">
        <f t="shared" si="240"/>
        <v>44774.333333320974</v>
      </c>
      <c r="B5104" s="8">
        <v>5.0996049246935549</v>
      </c>
      <c r="C5104">
        <f t="shared" si="238"/>
        <v>8</v>
      </c>
      <c r="D5104">
        <f t="shared" si="239"/>
        <v>8</v>
      </c>
    </row>
    <row r="5105" spans="1:4" x14ac:dyDescent="0.25">
      <c r="A5105" s="7">
        <f t="shared" si="240"/>
        <v>44774.374999987638</v>
      </c>
      <c r="B5105" s="8">
        <v>10.984226723959409</v>
      </c>
      <c r="C5105">
        <f t="shared" si="238"/>
        <v>9</v>
      </c>
      <c r="D5105">
        <f t="shared" si="239"/>
        <v>8</v>
      </c>
    </row>
    <row r="5106" spans="1:4" x14ac:dyDescent="0.25">
      <c r="A5106" s="7">
        <f t="shared" si="240"/>
        <v>44774.416666654302</v>
      </c>
      <c r="B5106" s="8">
        <v>16.288107922125519</v>
      </c>
      <c r="C5106">
        <f t="shared" si="238"/>
        <v>10</v>
      </c>
      <c r="D5106">
        <f t="shared" si="239"/>
        <v>8</v>
      </c>
    </row>
    <row r="5107" spans="1:4" x14ac:dyDescent="0.25">
      <c r="A5107" s="7">
        <f t="shared" si="240"/>
        <v>44774.458333320967</v>
      </c>
      <c r="B5107" s="8">
        <v>19.127029517581928</v>
      </c>
      <c r="C5107">
        <f t="shared" si="238"/>
        <v>11</v>
      </c>
      <c r="D5107">
        <f t="shared" si="239"/>
        <v>8</v>
      </c>
    </row>
    <row r="5108" spans="1:4" x14ac:dyDescent="0.25">
      <c r="A5108" s="7">
        <f t="shared" si="240"/>
        <v>44774.499999987631</v>
      </c>
      <c r="B5108" s="8">
        <v>20.139787723517596</v>
      </c>
      <c r="C5108">
        <f t="shared" si="238"/>
        <v>12</v>
      </c>
      <c r="D5108">
        <f t="shared" si="239"/>
        <v>8</v>
      </c>
    </row>
    <row r="5109" spans="1:4" x14ac:dyDescent="0.25">
      <c r="A5109" s="7">
        <f t="shared" si="240"/>
        <v>44774.541666654295</v>
      </c>
      <c r="B5109" s="8">
        <v>20.451316048749899</v>
      </c>
      <c r="C5109">
        <f t="shared" si="238"/>
        <v>13</v>
      </c>
      <c r="D5109">
        <f t="shared" si="239"/>
        <v>8</v>
      </c>
    </row>
    <row r="5110" spans="1:4" x14ac:dyDescent="0.25">
      <c r="A5110" s="7">
        <f t="shared" si="240"/>
        <v>44774.583333320959</v>
      </c>
      <c r="B5110" s="8">
        <v>20.451315018134213</v>
      </c>
      <c r="C5110">
        <f t="shared" si="238"/>
        <v>14</v>
      </c>
      <c r="D5110">
        <f t="shared" si="239"/>
        <v>8</v>
      </c>
    </row>
    <row r="5111" spans="1:4" x14ac:dyDescent="0.25">
      <c r="A5111" s="7">
        <f t="shared" si="240"/>
        <v>44774.624999987624</v>
      </c>
      <c r="B5111" s="8">
        <v>20.031222667376579</v>
      </c>
      <c r="C5111">
        <f t="shared" si="238"/>
        <v>15</v>
      </c>
      <c r="D5111">
        <f t="shared" si="239"/>
        <v>8</v>
      </c>
    </row>
    <row r="5112" spans="1:4" x14ac:dyDescent="0.25">
      <c r="A5112" s="7">
        <f t="shared" si="240"/>
        <v>44774.666666654288</v>
      </c>
      <c r="B5112" s="8">
        <v>16.599702206761588</v>
      </c>
      <c r="C5112">
        <f t="shared" si="238"/>
        <v>16</v>
      </c>
      <c r="D5112">
        <f t="shared" si="239"/>
        <v>8</v>
      </c>
    </row>
    <row r="5113" spans="1:4" x14ac:dyDescent="0.25">
      <c r="A5113" s="7">
        <f t="shared" si="240"/>
        <v>44774.708333320952</v>
      </c>
      <c r="B5113" s="8">
        <v>11.31556554386745</v>
      </c>
      <c r="C5113">
        <f t="shared" si="238"/>
        <v>17</v>
      </c>
      <c r="D5113">
        <f t="shared" si="239"/>
        <v>8</v>
      </c>
    </row>
    <row r="5114" spans="1:4" x14ac:dyDescent="0.25">
      <c r="A5114" s="7">
        <f t="shared" si="240"/>
        <v>44774.749999987616</v>
      </c>
      <c r="B5114" s="8">
        <v>5.7391009259318908</v>
      </c>
      <c r="C5114">
        <f t="shared" si="238"/>
        <v>18</v>
      </c>
      <c r="D5114">
        <f t="shared" si="239"/>
        <v>8</v>
      </c>
    </row>
    <row r="5115" spans="1:4" x14ac:dyDescent="0.25">
      <c r="A5115" s="7">
        <f t="shared" si="240"/>
        <v>44774.791666654281</v>
      </c>
      <c r="B5115" s="8">
        <v>1.8067713248126502</v>
      </c>
      <c r="C5115">
        <f t="shared" si="238"/>
        <v>19</v>
      </c>
      <c r="D5115">
        <f t="shared" si="239"/>
        <v>8</v>
      </c>
    </row>
    <row r="5116" spans="1:4" x14ac:dyDescent="0.25">
      <c r="A5116" s="7">
        <f t="shared" si="240"/>
        <v>44774.833333320945</v>
      </c>
      <c r="B5116" s="8">
        <v>-4.9800999999999998E-2</v>
      </c>
      <c r="C5116">
        <f t="shared" si="238"/>
        <v>20</v>
      </c>
      <c r="D5116">
        <f t="shared" si="239"/>
        <v>8</v>
      </c>
    </row>
    <row r="5117" spans="1:4" x14ac:dyDescent="0.25">
      <c r="A5117" s="7">
        <f t="shared" si="240"/>
        <v>44774.874999987609</v>
      </c>
      <c r="B5117" s="8">
        <v>-4.9800999999999998E-2</v>
      </c>
      <c r="C5117">
        <f t="shared" si="238"/>
        <v>21</v>
      </c>
      <c r="D5117">
        <f t="shared" si="239"/>
        <v>8</v>
      </c>
    </row>
    <row r="5118" spans="1:4" x14ac:dyDescent="0.25">
      <c r="A5118" s="7">
        <f t="shared" si="240"/>
        <v>44774.916666654273</v>
      </c>
      <c r="B5118" s="8">
        <v>-4.9800999999999998E-2</v>
      </c>
      <c r="C5118">
        <f t="shared" si="238"/>
        <v>22</v>
      </c>
      <c r="D5118">
        <f t="shared" si="239"/>
        <v>8</v>
      </c>
    </row>
    <row r="5119" spans="1:4" x14ac:dyDescent="0.25">
      <c r="A5119" s="7">
        <f t="shared" si="240"/>
        <v>44774.958333320938</v>
      </c>
      <c r="B5119" s="8">
        <v>-4.9800999999999998E-2</v>
      </c>
      <c r="C5119">
        <f t="shared" si="238"/>
        <v>23</v>
      </c>
      <c r="D5119">
        <f t="shared" si="239"/>
        <v>8</v>
      </c>
    </row>
    <row r="5120" spans="1:4" x14ac:dyDescent="0.25">
      <c r="A5120" s="7">
        <f t="shared" si="240"/>
        <v>44774.999999987602</v>
      </c>
      <c r="B5120" s="8">
        <v>-4.9800999999999998E-2</v>
      </c>
      <c r="C5120">
        <f t="shared" si="238"/>
        <v>0</v>
      </c>
      <c r="D5120">
        <f t="shared" si="239"/>
        <v>8</v>
      </c>
    </row>
    <row r="5121" spans="1:4" x14ac:dyDescent="0.25">
      <c r="A5121" s="7">
        <f t="shared" si="240"/>
        <v>44775.041666654266</v>
      </c>
      <c r="B5121" s="8">
        <v>-4.9800999999999998E-2</v>
      </c>
      <c r="C5121">
        <f t="shared" si="238"/>
        <v>1</v>
      </c>
      <c r="D5121">
        <f t="shared" si="239"/>
        <v>8</v>
      </c>
    </row>
    <row r="5122" spans="1:4" x14ac:dyDescent="0.25">
      <c r="A5122" s="7">
        <f t="shared" si="240"/>
        <v>44775.08333332093</v>
      </c>
      <c r="B5122" s="8">
        <v>-4.9800999999999998E-2</v>
      </c>
      <c r="C5122">
        <f t="shared" si="238"/>
        <v>2</v>
      </c>
      <c r="D5122">
        <f t="shared" si="239"/>
        <v>8</v>
      </c>
    </row>
    <row r="5123" spans="1:4" x14ac:dyDescent="0.25">
      <c r="A5123" s="7">
        <f t="shared" si="240"/>
        <v>44775.124999987594</v>
      </c>
      <c r="B5123" s="8">
        <v>-4.9800999999999998E-2</v>
      </c>
      <c r="C5123">
        <f t="shared" si="238"/>
        <v>3</v>
      </c>
      <c r="D5123">
        <f t="shared" si="239"/>
        <v>8</v>
      </c>
    </row>
    <row r="5124" spans="1:4" x14ac:dyDescent="0.25">
      <c r="A5124" s="7">
        <f t="shared" si="240"/>
        <v>44775.166666654259</v>
      </c>
      <c r="B5124" s="8">
        <v>-4.9800999999999998E-2</v>
      </c>
      <c r="C5124">
        <f t="shared" si="238"/>
        <v>4</v>
      </c>
      <c r="D5124">
        <f t="shared" si="239"/>
        <v>8</v>
      </c>
    </row>
    <row r="5125" spans="1:4" x14ac:dyDescent="0.25">
      <c r="A5125" s="7">
        <f t="shared" si="240"/>
        <v>44775.208333320923</v>
      </c>
      <c r="B5125" s="8">
        <v>-4.9800999999999998E-2</v>
      </c>
      <c r="C5125">
        <f t="shared" si="238"/>
        <v>5</v>
      </c>
      <c r="D5125">
        <f t="shared" si="239"/>
        <v>8</v>
      </c>
    </row>
    <row r="5126" spans="1:4" x14ac:dyDescent="0.25">
      <c r="A5126" s="7">
        <f t="shared" si="240"/>
        <v>44775.249999987587</v>
      </c>
      <c r="B5126" s="8">
        <v>-4.9800999999999998E-2</v>
      </c>
      <c r="C5126">
        <f t="shared" si="238"/>
        <v>6</v>
      </c>
      <c r="D5126">
        <f t="shared" si="239"/>
        <v>8</v>
      </c>
    </row>
    <row r="5127" spans="1:4" x14ac:dyDescent="0.25">
      <c r="A5127" s="7">
        <f t="shared" si="240"/>
        <v>44775.291666654251</v>
      </c>
      <c r="B5127" s="8">
        <v>1.2180372684686545</v>
      </c>
      <c r="C5127">
        <f t="shared" si="238"/>
        <v>7</v>
      </c>
      <c r="D5127">
        <f t="shared" si="239"/>
        <v>8</v>
      </c>
    </row>
    <row r="5128" spans="1:4" x14ac:dyDescent="0.25">
      <c r="A5128" s="7">
        <f t="shared" si="240"/>
        <v>44775.333333320916</v>
      </c>
      <c r="B5128" s="8">
        <v>5.372523294560267</v>
      </c>
      <c r="C5128">
        <f t="shared" si="238"/>
        <v>8</v>
      </c>
      <c r="D5128">
        <f t="shared" si="239"/>
        <v>8</v>
      </c>
    </row>
    <row r="5129" spans="1:4" x14ac:dyDescent="0.25">
      <c r="A5129" s="7">
        <f t="shared" si="240"/>
        <v>44775.37499998758</v>
      </c>
      <c r="B5129" s="8">
        <v>11.008774958933994</v>
      </c>
      <c r="C5129">
        <f t="shared" si="238"/>
        <v>9</v>
      </c>
      <c r="D5129">
        <f t="shared" si="239"/>
        <v>8</v>
      </c>
    </row>
    <row r="5130" spans="1:4" x14ac:dyDescent="0.25">
      <c r="A5130" s="7">
        <f t="shared" si="240"/>
        <v>44775.416666654244</v>
      </c>
      <c r="B5130" s="8">
        <v>15.979497269894313</v>
      </c>
      <c r="C5130">
        <f t="shared" ref="C5130:C5193" si="241">HOUR(A5130)</f>
        <v>10</v>
      </c>
      <c r="D5130">
        <f t="shared" ref="D5130:D5193" si="242">MONTH(A5130)</f>
        <v>8</v>
      </c>
    </row>
    <row r="5131" spans="1:4" x14ac:dyDescent="0.25">
      <c r="A5131" s="7">
        <f t="shared" ref="A5131:A5194" si="243">+A5130+1/24</f>
        <v>44775.458333320908</v>
      </c>
      <c r="B5131" s="8">
        <v>17.801975177729457</v>
      </c>
      <c r="C5131">
        <f t="shared" si="241"/>
        <v>11</v>
      </c>
      <c r="D5131">
        <f t="shared" si="242"/>
        <v>8</v>
      </c>
    </row>
    <row r="5132" spans="1:4" x14ac:dyDescent="0.25">
      <c r="A5132" s="7">
        <f t="shared" si="243"/>
        <v>44775.499999987573</v>
      </c>
      <c r="B5132" s="8">
        <v>20.285957884732412</v>
      </c>
      <c r="C5132">
        <f t="shared" si="241"/>
        <v>12</v>
      </c>
      <c r="D5132">
        <f t="shared" si="242"/>
        <v>8</v>
      </c>
    </row>
    <row r="5133" spans="1:4" x14ac:dyDescent="0.25">
      <c r="A5133" s="7">
        <f t="shared" si="243"/>
        <v>44775.541666654237</v>
      </c>
      <c r="B5133" s="8">
        <v>20.451315018134213</v>
      </c>
      <c r="C5133">
        <f t="shared" si="241"/>
        <v>13</v>
      </c>
      <c r="D5133">
        <f t="shared" si="242"/>
        <v>8</v>
      </c>
    </row>
    <row r="5134" spans="1:4" x14ac:dyDescent="0.25">
      <c r="A5134" s="7">
        <f t="shared" si="243"/>
        <v>44775.583333320901</v>
      </c>
      <c r="B5134" s="8">
        <v>20.451311926287161</v>
      </c>
      <c r="C5134">
        <f t="shared" si="241"/>
        <v>14</v>
      </c>
      <c r="D5134">
        <f t="shared" si="242"/>
        <v>8</v>
      </c>
    </row>
    <row r="5135" spans="1:4" x14ac:dyDescent="0.25">
      <c r="A5135" s="7">
        <f t="shared" si="243"/>
        <v>44775.624999987565</v>
      </c>
      <c r="B5135" s="8">
        <v>18.877706063182202</v>
      </c>
      <c r="C5135">
        <f t="shared" si="241"/>
        <v>15</v>
      </c>
      <c r="D5135">
        <f t="shared" si="242"/>
        <v>8</v>
      </c>
    </row>
    <row r="5136" spans="1:4" x14ac:dyDescent="0.25">
      <c r="A5136" s="7">
        <f t="shared" si="243"/>
        <v>44775.66666665423</v>
      </c>
      <c r="B5136" s="8">
        <v>15.832139839411658</v>
      </c>
      <c r="C5136">
        <f t="shared" si="241"/>
        <v>16</v>
      </c>
      <c r="D5136">
        <f t="shared" si="242"/>
        <v>8</v>
      </c>
    </row>
    <row r="5137" spans="1:4" x14ac:dyDescent="0.25">
      <c r="A5137" s="7">
        <f t="shared" si="243"/>
        <v>44775.708333320894</v>
      </c>
      <c r="B5137" s="8">
        <v>11.695491709576823</v>
      </c>
      <c r="C5137">
        <f t="shared" si="241"/>
        <v>17</v>
      </c>
      <c r="D5137">
        <f t="shared" si="242"/>
        <v>8</v>
      </c>
    </row>
    <row r="5138" spans="1:4" x14ac:dyDescent="0.25">
      <c r="A5138" s="7">
        <f t="shared" si="243"/>
        <v>44775.749999987558</v>
      </c>
      <c r="B5138" s="8">
        <v>6.2474418058540122</v>
      </c>
      <c r="C5138">
        <f t="shared" si="241"/>
        <v>18</v>
      </c>
      <c r="D5138">
        <f t="shared" si="242"/>
        <v>8</v>
      </c>
    </row>
    <row r="5139" spans="1:4" x14ac:dyDescent="0.25">
      <c r="A5139" s="7">
        <f t="shared" si="243"/>
        <v>44775.791666654222</v>
      </c>
      <c r="B5139" s="8">
        <v>1.7462041023017767</v>
      </c>
      <c r="C5139">
        <f t="shared" si="241"/>
        <v>19</v>
      </c>
      <c r="D5139">
        <f t="shared" si="242"/>
        <v>8</v>
      </c>
    </row>
    <row r="5140" spans="1:4" x14ac:dyDescent="0.25">
      <c r="A5140" s="7">
        <f t="shared" si="243"/>
        <v>44775.833333320887</v>
      </c>
      <c r="B5140" s="8">
        <v>-4.9800999999999998E-2</v>
      </c>
      <c r="C5140">
        <f t="shared" si="241"/>
        <v>20</v>
      </c>
      <c r="D5140">
        <f t="shared" si="242"/>
        <v>8</v>
      </c>
    </row>
    <row r="5141" spans="1:4" x14ac:dyDescent="0.25">
      <c r="A5141" s="7">
        <f t="shared" si="243"/>
        <v>44775.874999987551</v>
      </c>
      <c r="B5141" s="8">
        <v>-4.9800999999999998E-2</v>
      </c>
      <c r="C5141">
        <f t="shared" si="241"/>
        <v>21</v>
      </c>
      <c r="D5141">
        <f t="shared" si="242"/>
        <v>8</v>
      </c>
    </row>
    <row r="5142" spans="1:4" x14ac:dyDescent="0.25">
      <c r="A5142" s="7">
        <f t="shared" si="243"/>
        <v>44775.916666654215</v>
      </c>
      <c r="B5142" s="8">
        <v>-4.9800999999999998E-2</v>
      </c>
      <c r="C5142">
        <f t="shared" si="241"/>
        <v>22</v>
      </c>
      <c r="D5142">
        <f t="shared" si="242"/>
        <v>8</v>
      </c>
    </row>
    <row r="5143" spans="1:4" x14ac:dyDescent="0.25">
      <c r="A5143" s="7">
        <f t="shared" si="243"/>
        <v>44775.958333320879</v>
      </c>
      <c r="B5143" s="8">
        <v>-4.9800999999999998E-2</v>
      </c>
      <c r="C5143">
        <f t="shared" si="241"/>
        <v>23</v>
      </c>
      <c r="D5143">
        <f t="shared" si="242"/>
        <v>8</v>
      </c>
    </row>
    <row r="5144" spans="1:4" x14ac:dyDescent="0.25">
      <c r="A5144" s="7">
        <f t="shared" si="243"/>
        <v>44775.999999987544</v>
      </c>
      <c r="B5144" s="8">
        <v>-4.9800999999999998E-2</v>
      </c>
      <c r="C5144">
        <f t="shared" si="241"/>
        <v>0</v>
      </c>
      <c r="D5144">
        <f t="shared" si="242"/>
        <v>8</v>
      </c>
    </row>
    <row r="5145" spans="1:4" x14ac:dyDescent="0.25">
      <c r="A5145" s="7">
        <f t="shared" si="243"/>
        <v>44776.041666654208</v>
      </c>
      <c r="B5145" s="8">
        <v>-4.9800999999999998E-2</v>
      </c>
      <c r="C5145">
        <f t="shared" si="241"/>
        <v>1</v>
      </c>
      <c r="D5145">
        <f t="shared" si="242"/>
        <v>8</v>
      </c>
    </row>
    <row r="5146" spans="1:4" x14ac:dyDescent="0.25">
      <c r="A5146" s="7">
        <f t="shared" si="243"/>
        <v>44776.083333320872</v>
      </c>
      <c r="B5146" s="8">
        <v>-4.9800999999999998E-2</v>
      </c>
      <c r="C5146">
        <f t="shared" si="241"/>
        <v>2</v>
      </c>
      <c r="D5146">
        <f t="shared" si="242"/>
        <v>8</v>
      </c>
    </row>
    <row r="5147" spans="1:4" x14ac:dyDescent="0.25">
      <c r="A5147" s="7">
        <f t="shared" si="243"/>
        <v>44776.124999987536</v>
      </c>
      <c r="B5147" s="8">
        <v>-4.9800999999999998E-2</v>
      </c>
      <c r="C5147">
        <f t="shared" si="241"/>
        <v>3</v>
      </c>
      <c r="D5147">
        <f t="shared" si="242"/>
        <v>8</v>
      </c>
    </row>
    <row r="5148" spans="1:4" x14ac:dyDescent="0.25">
      <c r="A5148" s="7">
        <f t="shared" si="243"/>
        <v>44776.166666654201</v>
      </c>
      <c r="B5148" s="8">
        <v>-4.9800999999999998E-2</v>
      </c>
      <c r="C5148">
        <f t="shared" si="241"/>
        <v>4</v>
      </c>
      <c r="D5148">
        <f t="shared" si="242"/>
        <v>8</v>
      </c>
    </row>
    <row r="5149" spans="1:4" x14ac:dyDescent="0.25">
      <c r="A5149" s="7">
        <f t="shared" si="243"/>
        <v>44776.208333320865</v>
      </c>
      <c r="B5149" s="8">
        <v>-4.9800999999999998E-2</v>
      </c>
      <c r="C5149">
        <f t="shared" si="241"/>
        <v>5</v>
      </c>
      <c r="D5149">
        <f t="shared" si="242"/>
        <v>8</v>
      </c>
    </row>
    <row r="5150" spans="1:4" x14ac:dyDescent="0.25">
      <c r="A5150" s="7">
        <f t="shared" si="243"/>
        <v>44776.249999987529</v>
      </c>
      <c r="B5150" s="8">
        <v>-4.9800999999999998E-2</v>
      </c>
      <c r="C5150">
        <f t="shared" si="241"/>
        <v>6</v>
      </c>
      <c r="D5150">
        <f t="shared" si="242"/>
        <v>8</v>
      </c>
    </row>
    <row r="5151" spans="1:4" x14ac:dyDescent="0.25">
      <c r="A5151" s="7">
        <f t="shared" si="243"/>
        <v>44776.291666654193</v>
      </c>
      <c r="B5151" s="8">
        <v>1.2632411029797734</v>
      </c>
      <c r="C5151">
        <f t="shared" si="241"/>
        <v>7</v>
      </c>
      <c r="D5151">
        <f t="shared" si="242"/>
        <v>8</v>
      </c>
    </row>
    <row r="5152" spans="1:4" x14ac:dyDescent="0.25">
      <c r="A5152" s="7">
        <f t="shared" si="243"/>
        <v>44776.333333320857</v>
      </c>
      <c r="B5152" s="8">
        <v>2.7102564416324708</v>
      </c>
      <c r="C5152">
        <f t="shared" si="241"/>
        <v>8</v>
      </c>
      <c r="D5152">
        <f t="shared" si="242"/>
        <v>8</v>
      </c>
    </row>
    <row r="5153" spans="1:4" x14ac:dyDescent="0.25">
      <c r="A5153" s="7">
        <f t="shared" si="243"/>
        <v>44776.374999987522</v>
      </c>
      <c r="B5153" s="8">
        <v>5.8297827387260428</v>
      </c>
      <c r="C5153">
        <f t="shared" si="241"/>
        <v>9</v>
      </c>
      <c r="D5153">
        <f t="shared" si="242"/>
        <v>8</v>
      </c>
    </row>
    <row r="5154" spans="1:4" x14ac:dyDescent="0.25">
      <c r="A5154" s="7">
        <f t="shared" si="243"/>
        <v>44776.416666654186</v>
      </c>
      <c r="B5154" s="8">
        <v>6.9967375408226671</v>
      </c>
      <c r="C5154">
        <f t="shared" si="241"/>
        <v>10</v>
      </c>
      <c r="D5154">
        <f t="shared" si="242"/>
        <v>8</v>
      </c>
    </row>
    <row r="5155" spans="1:4" x14ac:dyDescent="0.25">
      <c r="A5155" s="7">
        <f t="shared" si="243"/>
        <v>44776.45833332085</v>
      </c>
      <c r="B5155" s="8">
        <v>6.0456462243325797</v>
      </c>
      <c r="C5155">
        <f t="shared" si="241"/>
        <v>11</v>
      </c>
      <c r="D5155">
        <f t="shared" si="242"/>
        <v>8</v>
      </c>
    </row>
    <row r="5156" spans="1:4" x14ac:dyDescent="0.25">
      <c r="A5156" s="7">
        <f t="shared" si="243"/>
        <v>44776.499999987514</v>
      </c>
      <c r="B5156" s="8">
        <v>10.212932497218111</v>
      </c>
      <c r="C5156">
        <f t="shared" si="241"/>
        <v>12</v>
      </c>
      <c r="D5156">
        <f t="shared" si="242"/>
        <v>8</v>
      </c>
    </row>
    <row r="5157" spans="1:4" x14ac:dyDescent="0.25">
      <c r="A5157" s="7">
        <f t="shared" si="243"/>
        <v>44776.541666654179</v>
      </c>
      <c r="B5157" s="8">
        <v>12.977049945106382</v>
      </c>
      <c r="C5157">
        <f t="shared" si="241"/>
        <v>13</v>
      </c>
      <c r="D5157">
        <f t="shared" si="242"/>
        <v>8</v>
      </c>
    </row>
    <row r="5158" spans="1:4" x14ac:dyDescent="0.25">
      <c r="A5158" s="7">
        <f t="shared" si="243"/>
        <v>44776.583333320843</v>
      </c>
      <c r="B5158" s="8">
        <v>14.946328750954876</v>
      </c>
      <c r="C5158">
        <f t="shared" si="241"/>
        <v>14</v>
      </c>
      <c r="D5158">
        <f t="shared" si="242"/>
        <v>8</v>
      </c>
    </row>
    <row r="5159" spans="1:4" x14ac:dyDescent="0.25">
      <c r="A5159" s="7">
        <f t="shared" si="243"/>
        <v>44776.624999987507</v>
      </c>
      <c r="B5159" s="8">
        <v>5.6459693396571309</v>
      </c>
      <c r="C5159">
        <f t="shared" si="241"/>
        <v>15</v>
      </c>
      <c r="D5159">
        <f t="shared" si="242"/>
        <v>8</v>
      </c>
    </row>
    <row r="5160" spans="1:4" x14ac:dyDescent="0.25">
      <c r="A5160" s="7">
        <f t="shared" si="243"/>
        <v>44776.666666654171</v>
      </c>
      <c r="B5160" s="8">
        <v>4.8320241134537119</v>
      </c>
      <c r="C5160">
        <f t="shared" si="241"/>
        <v>16</v>
      </c>
      <c r="D5160">
        <f t="shared" si="242"/>
        <v>8</v>
      </c>
    </row>
    <row r="5161" spans="1:4" x14ac:dyDescent="0.25">
      <c r="A5161" s="7">
        <f t="shared" si="243"/>
        <v>44776.708333320836</v>
      </c>
      <c r="B5161" s="8">
        <v>3.3012970158770134</v>
      </c>
      <c r="C5161">
        <f t="shared" si="241"/>
        <v>17</v>
      </c>
      <c r="D5161">
        <f t="shared" si="242"/>
        <v>8</v>
      </c>
    </row>
    <row r="5162" spans="1:4" x14ac:dyDescent="0.25">
      <c r="A5162" s="7">
        <f t="shared" si="243"/>
        <v>44776.7499999875</v>
      </c>
      <c r="B5162" s="8">
        <v>3.067333857629992</v>
      </c>
      <c r="C5162">
        <f t="shared" si="241"/>
        <v>18</v>
      </c>
      <c r="D5162">
        <f t="shared" si="242"/>
        <v>8</v>
      </c>
    </row>
    <row r="5163" spans="1:4" x14ac:dyDescent="0.25">
      <c r="A5163" s="7">
        <f t="shared" si="243"/>
        <v>44776.791666654164</v>
      </c>
      <c r="B5163" s="8">
        <v>1.1922976417634907</v>
      </c>
      <c r="C5163">
        <f t="shared" si="241"/>
        <v>19</v>
      </c>
      <c r="D5163">
        <f t="shared" si="242"/>
        <v>8</v>
      </c>
    </row>
    <row r="5164" spans="1:4" x14ac:dyDescent="0.25">
      <c r="A5164" s="7">
        <f t="shared" si="243"/>
        <v>44776.833333320828</v>
      </c>
      <c r="B5164" s="8">
        <v>-4.9800999999999998E-2</v>
      </c>
      <c r="C5164">
        <f t="shared" si="241"/>
        <v>20</v>
      </c>
      <c r="D5164">
        <f t="shared" si="242"/>
        <v>8</v>
      </c>
    </row>
    <row r="5165" spans="1:4" x14ac:dyDescent="0.25">
      <c r="A5165" s="7">
        <f t="shared" si="243"/>
        <v>44776.874999987493</v>
      </c>
      <c r="B5165" s="8">
        <v>-4.9800999999999998E-2</v>
      </c>
      <c r="C5165">
        <f t="shared" si="241"/>
        <v>21</v>
      </c>
      <c r="D5165">
        <f t="shared" si="242"/>
        <v>8</v>
      </c>
    </row>
    <row r="5166" spans="1:4" x14ac:dyDescent="0.25">
      <c r="A5166" s="7">
        <f t="shared" si="243"/>
        <v>44776.916666654157</v>
      </c>
      <c r="B5166" s="8">
        <v>-4.9800999999999998E-2</v>
      </c>
      <c r="C5166">
        <f t="shared" si="241"/>
        <v>22</v>
      </c>
      <c r="D5166">
        <f t="shared" si="242"/>
        <v>8</v>
      </c>
    </row>
    <row r="5167" spans="1:4" x14ac:dyDescent="0.25">
      <c r="A5167" s="7">
        <f t="shared" si="243"/>
        <v>44776.958333320821</v>
      </c>
      <c r="B5167" s="8">
        <v>-4.9800999999999998E-2</v>
      </c>
      <c r="C5167">
        <f t="shared" si="241"/>
        <v>23</v>
      </c>
      <c r="D5167">
        <f t="shared" si="242"/>
        <v>8</v>
      </c>
    </row>
    <row r="5168" spans="1:4" x14ac:dyDescent="0.25">
      <c r="A5168" s="7">
        <f t="shared" si="243"/>
        <v>44776.999999987485</v>
      </c>
      <c r="B5168" s="8">
        <v>-4.9800999999999998E-2</v>
      </c>
      <c r="C5168">
        <f t="shared" si="241"/>
        <v>0</v>
      </c>
      <c r="D5168">
        <f t="shared" si="242"/>
        <v>8</v>
      </c>
    </row>
    <row r="5169" spans="1:4" x14ac:dyDescent="0.25">
      <c r="A5169" s="7">
        <f t="shared" si="243"/>
        <v>44777.04166665415</v>
      </c>
      <c r="B5169" s="8">
        <v>-4.9800999999999998E-2</v>
      </c>
      <c r="C5169">
        <f t="shared" si="241"/>
        <v>1</v>
      </c>
      <c r="D5169">
        <f t="shared" si="242"/>
        <v>8</v>
      </c>
    </row>
    <row r="5170" spans="1:4" x14ac:dyDescent="0.25">
      <c r="A5170" s="7">
        <f t="shared" si="243"/>
        <v>44777.083333320814</v>
      </c>
      <c r="B5170" s="8">
        <v>-4.9800999999999998E-2</v>
      </c>
      <c r="C5170">
        <f t="shared" si="241"/>
        <v>2</v>
      </c>
      <c r="D5170">
        <f t="shared" si="242"/>
        <v>8</v>
      </c>
    </row>
    <row r="5171" spans="1:4" x14ac:dyDescent="0.25">
      <c r="A5171" s="7">
        <f t="shared" si="243"/>
        <v>44777.124999987478</v>
      </c>
      <c r="B5171" s="8">
        <v>-4.9800999999999998E-2</v>
      </c>
      <c r="C5171">
        <f t="shared" si="241"/>
        <v>3</v>
      </c>
      <c r="D5171">
        <f t="shared" si="242"/>
        <v>8</v>
      </c>
    </row>
    <row r="5172" spans="1:4" x14ac:dyDescent="0.25">
      <c r="A5172" s="7">
        <f t="shared" si="243"/>
        <v>44777.166666654142</v>
      </c>
      <c r="B5172" s="8">
        <v>-4.9800999999999998E-2</v>
      </c>
      <c r="C5172">
        <f t="shared" si="241"/>
        <v>4</v>
      </c>
      <c r="D5172">
        <f t="shared" si="242"/>
        <v>8</v>
      </c>
    </row>
    <row r="5173" spans="1:4" x14ac:dyDescent="0.25">
      <c r="A5173" s="7">
        <f t="shared" si="243"/>
        <v>44777.208333320807</v>
      </c>
      <c r="B5173" s="8">
        <v>-4.9800999999999998E-2</v>
      </c>
      <c r="C5173">
        <f t="shared" si="241"/>
        <v>5</v>
      </c>
      <c r="D5173">
        <f t="shared" si="242"/>
        <v>8</v>
      </c>
    </row>
    <row r="5174" spans="1:4" x14ac:dyDescent="0.25">
      <c r="A5174" s="7">
        <f t="shared" si="243"/>
        <v>44777.249999987471</v>
      </c>
      <c r="B5174" s="8">
        <v>-4.9800999999999998E-2</v>
      </c>
      <c r="C5174">
        <f t="shared" si="241"/>
        <v>6</v>
      </c>
      <c r="D5174">
        <f t="shared" si="242"/>
        <v>8</v>
      </c>
    </row>
    <row r="5175" spans="1:4" x14ac:dyDescent="0.25">
      <c r="A5175" s="7">
        <f t="shared" si="243"/>
        <v>44777.291666654135</v>
      </c>
      <c r="B5175" s="8">
        <v>0.90497847894577776</v>
      </c>
      <c r="C5175">
        <f t="shared" si="241"/>
        <v>7</v>
      </c>
      <c r="D5175">
        <f t="shared" si="242"/>
        <v>8</v>
      </c>
    </row>
    <row r="5176" spans="1:4" x14ac:dyDescent="0.25">
      <c r="A5176" s="7">
        <f t="shared" si="243"/>
        <v>44777.333333320799</v>
      </c>
      <c r="B5176" s="8">
        <v>2.2879863999347756</v>
      </c>
      <c r="C5176">
        <f t="shared" si="241"/>
        <v>8</v>
      </c>
      <c r="D5176">
        <f t="shared" si="242"/>
        <v>8</v>
      </c>
    </row>
    <row r="5177" spans="1:4" x14ac:dyDescent="0.25">
      <c r="A5177" s="7">
        <f t="shared" si="243"/>
        <v>44777.374999987464</v>
      </c>
      <c r="B5177" s="8">
        <v>7.1046038395300091</v>
      </c>
      <c r="C5177">
        <f t="shared" si="241"/>
        <v>9</v>
      </c>
      <c r="D5177">
        <f t="shared" si="242"/>
        <v>8</v>
      </c>
    </row>
    <row r="5178" spans="1:4" x14ac:dyDescent="0.25">
      <c r="A5178" s="7">
        <f t="shared" si="243"/>
        <v>44777.416666654128</v>
      </c>
      <c r="B5178" s="8">
        <v>5.94133554973466</v>
      </c>
      <c r="C5178">
        <f t="shared" si="241"/>
        <v>10</v>
      </c>
      <c r="D5178">
        <f t="shared" si="242"/>
        <v>8</v>
      </c>
    </row>
    <row r="5179" spans="1:4" x14ac:dyDescent="0.25">
      <c r="A5179" s="7">
        <f t="shared" si="243"/>
        <v>44777.458333320792</v>
      </c>
      <c r="B5179" s="8">
        <v>7.2273161571637923</v>
      </c>
      <c r="C5179">
        <f t="shared" si="241"/>
        <v>11</v>
      </c>
      <c r="D5179">
        <f t="shared" si="242"/>
        <v>8</v>
      </c>
    </row>
    <row r="5180" spans="1:4" x14ac:dyDescent="0.25">
      <c r="A5180" s="7">
        <f t="shared" si="243"/>
        <v>44777.499999987456</v>
      </c>
      <c r="B5180" s="8">
        <v>6.3653504237851823</v>
      </c>
      <c r="C5180">
        <f t="shared" si="241"/>
        <v>12</v>
      </c>
      <c r="D5180">
        <f t="shared" si="242"/>
        <v>8</v>
      </c>
    </row>
    <row r="5181" spans="1:4" x14ac:dyDescent="0.25">
      <c r="A5181" s="7">
        <f t="shared" si="243"/>
        <v>44777.54166665412</v>
      </c>
      <c r="B5181" s="8">
        <v>15.696711785470036</v>
      </c>
      <c r="C5181">
        <f t="shared" si="241"/>
        <v>13</v>
      </c>
      <c r="D5181">
        <f t="shared" si="242"/>
        <v>8</v>
      </c>
    </row>
    <row r="5182" spans="1:4" x14ac:dyDescent="0.25">
      <c r="A5182" s="7">
        <f t="shared" si="243"/>
        <v>44777.583333320785</v>
      </c>
      <c r="B5182" s="8">
        <v>15.741445659229301</v>
      </c>
      <c r="C5182">
        <f t="shared" si="241"/>
        <v>14</v>
      </c>
      <c r="D5182">
        <f t="shared" si="242"/>
        <v>8</v>
      </c>
    </row>
    <row r="5183" spans="1:4" x14ac:dyDescent="0.25">
      <c r="A5183" s="7">
        <f t="shared" si="243"/>
        <v>44777.624999987449</v>
      </c>
      <c r="B5183" s="8">
        <v>17.230208147389348</v>
      </c>
      <c r="C5183">
        <f t="shared" si="241"/>
        <v>15</v>
      </c>
      <c r="D5183">
        <f t="shared" si="242"/>
        <v>8</v>
      </c>
    </row>
    <row r="5184" spans="1:4" x14ac:dyDescent="0.25">
      <c r="A5184" s="7">
        <f t="shared" si="243"/>
        <v>44777.666666654113</v>
      </c>
      <c r="B5184" s="8">
        <v>13.580071426676151</v>
      </c>
      <c r="C5184">
        <f t="shared" si="241"/>
        <v>16</v>
      </c>
      <c r="D5184">
        <f t="shared" si="242"/>
        <v>8</v>
      </c>
    </row>
    <row r="5185" spans="1:4" x14ac:dyDescent="0.25">
      <c r="A5185" s="7">
        <f t="shared" si="243"/>
        <v>44777.708333320777</v>
      </c>
      <c r="B5185" s="8">
        <v>6.2176322778131654</v>
      </c>
      <c r="C5185">
        <f t="shared" si="241"/>
        <v>17</v>
      </c>
      <c r="D5185">
        <f t="shared" si="242"/>
        <v>8</v>
      </c>
    </row>
    <row r="5186" spans="1:4" x14ac:dyDescent="0.25">
      <c r="A5186" s="7">
        <f t="shared" si="243"/>
        <v>44777.749999987442</v>
      </c>
      <c r="B5186" s="8">
        <v>5.8350388787138838</v>
      </c>
      <c r="C5186">
        <f t="shared" si="241"/>
        <v>18</v>
      </c>
      <c r="D5186">
        <f t="shared" si="242"/>
        <v>8</v>
      </c>
    </row>
    <row r="5187" spans="1:4" x14ac:dyDescent="0.25">
      <c r="A5187" s="7">
        <f t="shared" si="243"/>
        <v>44777.791666654106</v>
      </c>
      <c r="B5187" s="8">
        <v>1.715535040780565</v>
      </c>
      <c r="C5187">
        <f t="shared" si="241"/>
        <v>19</v>
      </c>
      <c r="D5187">
        <f t="shared" si="242"/>
        <v>8</v>
      </c>
    </row>
    <row r="5188" spans="1:4" x14ac:dyDescent="0.25">
      <c r="A5188" s="7">
        <f t="shared" si="243"/>
        <v>44777.83333332077</v>
      </c>
      <c r="B5188" s="8">
        <v>-4.9800999999999998E-2</v>
      </c>
      <c r="C5188">
        <f t="shared" si="241"/>
        <v>20</v>
      </c>
      <c r="D5188">
        <f t="shared" si="242"/>
        <v>8</v>
      </c>
    </row>
    <row r="5189" spans="1:4" x14ac:dyDescent="0.25">
      <c r="A5189" s="7">
        <f t="shared" si="243"/>
        <v>44777.874999987434</v>
      </c>
      <c r="B5189" s="8">
        <v>-4.9800999999999998E-2</v>
      </c>
      <c r="C5189">
        <f t="shared" si="241"/>
        <v>21</v>
      </c>
      <c r="D5189">
        <f t="shared" si="242"/>
        <v>8</v>
      </c>
    </row>
    <row r="5190" spans="1:4" x14ac:dyDescent="0.25">
      <c r="A5190" s="7">
        <f t="shared" si="243"/>
        <v>44777.916666654099</v>
      </c>
      <c r="B5190" s="8">
        <v>-4.9800999999999998E-2</v>
      </c>
      <c r="C5190">
        <f t="shared" si="241"/>
        <v>22</v>
      </c>
      <c r="D5190">
        <f t="shared" si="242"/>
        <v>8</v>
      </c>
    </row>
    <row r="5191" spans="1:4" x14ac:dyDescent="0.25">
      <c r="A5191" s="7">
        <f t="shared" si="243"/>
        <v>44777.958333320763</v>
      </c>
      <c r="B5191" s="8">
        <v>-4.9800999999999998E-2</v>
      </c>
      <c r="C5191">
        <f t="shared" si="241"/>
        <v>23</v>
      </c>
      <c r="D5191">
        <f t="shared" si="242"/>
        <v>8</v>
      </c>
    </row>
    <row r="5192" spans="1:4" x14ac:dyDescent="0.25">
      <c r="A5192" s="7">
        <f t="shared" si="243"/>
        <v>44777.999999987427</v>
      </c>
      <c r="B5192" s="8">
        <v>-4.9800999999999998E-2</v>
      </c>
      <c r="C5192">
        <f t="shared" si="241"/>
        <v>0</v>
      </c>
      <c r="D5192">
        <f t="shared" si="242"/>
        <v>8</v>
      </c>
    </row>
    <row r="5193" spans="1:4" x14ac:dyDescent="0.25">
      <c r="A5193" s="7">
        <f t="shared" si="243"/>
        <v>44778.041666654091</v>
      </c>
      <c r="B5193" s="8">
        <v>-4.9800999999999998E-2</v>
      </c>
      <c r="C5193">
        <f t="shared" si="241"/>
        <v>1</v>
      </c>
      <c r="D5193">
        <f t="shared" si="242"/>
        <v>8</v>
      </c>
    </row>
    <row r="5194" spans="1:4" x14ac:dyDescent="0.25">
      <c r="A5194" s="7">
        <f t="shared" si="243"/>
        <v>44778.083333320756</v>
      </c>
      <c r="B5194" s="8">
        <v>-4.9800999999999998E-2</v>
      </c>
      <c r="C5194">
        <f t="shared" ref="C5194:C5257" si="244">HOUR(A5194)</f>
        <v>2</v>
      </c>
      <c r="D5194">
        <f t="shared" ref="D5194:D5257" si="245">MONTH(A5194)</f>
        <v>8</v>
      </c>
    </row>
    <row r="5195" spans="1:4" x14ac:dyDescent="0.25">
      <c r="A5195" s="7">
        <f t="shared" ref="A5195:A5258" si="246">+A5194+1/24</f>
        <v>44778.12499998742</v>
      </c>
      <c r="B5195" s="8">
        <v>-4.9800999999999998E-2</v>
      </c>
      <c r="C5195">
        <f t="shared" si="244"/>
        <v>3</v>
      </c>
      <c r="D5195">
        <f t="shared" si="245"/>
        <v>8</v>
      </c>
    </row>
    <row r="5196" spans="1:4" x14ac:dyDescent="0.25">
      <c r="A5196" s="7">
        <f t="shared" si="246"/>
        <v>44778.166666654084</v>
      </c>
      <c r="B5196" s="8">
        <v>-4.9800999999999998E-2</v>
      </c>
      <c r="C5196">
        <f t="shared" si="244"/>
        <v>4</v>
      </c>
      <c r="D5196">
        <f t="shared" si="245"/>
        <v>8</v>
      </c>
    </row>
    <row r="5197" spans="1:4" x14ac:dyDescent="0.25">
      <c r="A5197" s="7">
        <f t="shared" si="246"/>
        <v>44778.208333320748</v>
      </c>
      <c r="B5197" s="8">
        <v>-4.9800999999999998E-2</v>
      </c>
      <c r="C5197">
        <f t="shared" si="244"/>
        <v>5</v>
      </c>
      <c r="D5197">
        <f t="shared" si="245"/>
        <v>8</v>
      </c>
    </row>
    <row r="5198" spans="1:4" x14ac:dyDescent="0.25">
      <c r="A5198" s="7">
        <f t="shared" si="246"/>
        <v>44778.249999987413</v>
      </c>
      <c r="B5198" s="8">
        <v>-4.9800999999999998E-2</v>
      </c>
      <c r="C5198">
        <f t="shared" si="244"/>
        <v>6</v>
      </c>
      <c r="D5198">
        <f t="shared" si="245"/>
        <v>8</v>
      </c>
    </row>
    <row r="5199" spans="1:4" x14ac:dyDescent="0.25">
      <c r="A5199" s="7">
        <f t="shared" si="246"/>
        <v>44778.291666654077</v>
      </c>
      <c r="B5199" s="8">
        <v>0.87691378325775704</v>
      </c>
      <c r="C5199">
        <f t="shared" si="244"/>
        <v>7</v>
      </c>
      <c r="D5199">
        <f t="shared" si="245"/>
        <v>8</v>
      </c>
    </row>
    <row r="5200" spans="1:4" x14ac:dyDescent="0.25">
      <c r="A5200" s="7">
        <f t="shared" si="246"/>
        <v>44778.333333320741</v>
      </c>
      <c r="B5200" s="8">
        <v>3.1687598389287026</v>
      </c>
      <c r="C5200">
        <f t="shared" si="244"/>
        <v>8</v>
      </c>
      <c r="D5200">
        <f t="shared" si="245"/>
        <v>8</v>
      </c>
    </row>
    <row r="5201" spans="1:4" x14ac:dyDescent="0.25">
      <c r="A5201" s="7">
        <f t="shared" si="246"/>
        <v>44778.374999987405</v>
      </c>
      <c r="B5201" s="8">
        <v>8.6216690956010549</v>
      </c>
      <c r="C5201">
        <f t="shared" si="244"/>
        <v>9</v>
      </c>
      <c r="D5201">
        <f t="shared" si="245"/>
        <v>8</v>
      </c>
    </row>
    <row r="5202" spans="1:4" x14ac:dyDescent="0.25">
      <c r="A5202" s="7">
        <f t="shared" si="246"/>
        <v>44778.41666665407</v>
      </c>
      <c r="B5202" s="8">
        <v>16.231283895778535</v>
      </c>
      <c r="C5202">
        <f t="shared" si="244"/>
        <v>10</v>
      </c>
      <c r="D5202">
        <f t="shared" si="245"/>
        <v>8</v>
      </c>
    </row>
    <row r="5203" spans="1:4" x14ac:dyDescent="0.25">
      <c r="A5203" s="7">
        <f t="shared" si="246"/>
        <v>44778.458333320734</v>
      </c>
      <c r="B5203" s="8">
        <v>17.150377687130877</v>
      </c>
      <c r="C5203">
        <f t="shared" si="244"/>
        <v>11</v>
      </c>
      <c r="D5203">
        <f t="shared" si="245"/>
        <v>8</v>
      </c>
    </row>
    <row r="5204" spans="1:4" x14ac:dyDescent="0.25">
      <c r="A5204" s="7">
        <f t="shared" si="246"/>
        <v>44778.499999987398</v>
      </c>
      <c r="B5204" s="8">
        <v>18.073097184459147</v>
      </c>
      <c r="C5204">
        <f t="shared" si="244"/>
        <v>12</v>
      </c>
      <c r="D5204">
        <f t="shared" si="245"/>
        <v>8</v>
      </c>
    </row>
    <row r="5205" spans="1:4" x14ac:dyDescent="0.25">
      <c r="A5205" s="7">
        <f t="shared" si="246"/>
        <v>44778.541666654062</v>
      </c>
      <c r="B5205" s="8">
        <v>17.437180511490961</v>
      </c>
      <c r="C5205">
        <f t="shared" si="244"/>
        <v>13</v>
      </c>
      <c r="D5205">
        <f t="shared" si="245"/>
        <v>8</v>
      </c>
    </row>
    <row r="5206" spans="1:4" x14ac:dyDescent="0.25">
      <c r="A5206" s="7">
        <f t="shared" si="246"/>
        <v>44778.583333320727</v>
      </c>
      <c r="B5206" s="8">
        <v>13.988763106738586</v>
      </c>
      <c r="C5206">
        <f t="shared" si="244"/>
        <v>14</v>
      </c>
      <c r="D5206">
        <f t="shared" si="245"/>
        <v>8</v>
      </c>
    </row>
    <row r="5207" spans="1:4" x14ac:dyDescent="0.25">
      <c r="A5207" s="7">
        <f t="shared" si="246"/>
        <v>44778.624999987391</v>
      </c>
      <c r="B5207" s="8">
        <v>14.95120150190831</v>
      </c>
      <c r="C5207">
        <f t="shared" si="244"/>
        <v>15</v>
      </c>
      <c r="D5207">
        <f t="shared" si="245"/>
        <v>8</v>
      </c>
    </row>
    <row r="5208" spans="1:4" x14ac:dyDescent="0.25">
      <c r="A5208" s="7">
        <f t="shared" si="246"/>
        <v>44778.666666654055</v>
      </c>
      <c r="B5208" s="8">
        <v>16.577328570880013</v>
      </c>
      <c r="C5208">
        <f t="shared" si="244"/>
        <v>16</v>
      </c>
      <c r="D5208">
        <f t="shared" si="245"/>
        <v>8</v>
      </c>
    </row>
    <row r="5209" spans="1:4" x14ac:dyDescent="0.25">
      <c r="A5209" s="7">
        <f t="shared" si="246"/>
        <v>44778.708333320719</v>
      </c>
      <c r="B5209" s="8">
        <v>11.620483500103276</v>
      </c>
      <c r="C5209">
        <f t="shared" si="244"/>
        <v>17</v>
      </c>
      <c r="D5209">
        <f t="shared" si="245"/>
        <v>8</v>
      </c>
    </row>
    <row r="5210" spans="1:4" x14ac:dyDescent="0.25">
      <c r="A5210" s="7">
        <f t="shared" si="246"/>
        <v>44778.749999987383</v>
      </c>
      <c r="B5210" s="8">
        <v>5.9231029276709553</v>
      </c>
      <c r="C5210">
        <f t="shared" si="244"/>
        <v>18</v>
      </c>
      <c r="D5210">
        <f t="shared" si="245"/>
        <v>8</v>
      </c>
    </row>
    <row r="5211" spans="1:4" x14ac:dyDescent="0.25">
      <c r="A5211" s="7">
        <f t="shared" si="246"/>
        <v>44778.791666654048</v>
      </c>
      <c r="B5211" s="8">
        <v>1.6024909288773577</v>
      </c>
      <c r="C5211">
        <f t="shared" si="244"/>
        <v>19</v>
      </c>
      <c r="D5211">
        <f t="shared" si="245"/>
        <v>8</v>
      </c>
    </row>
    <row r="5212" spans="1:4" x14ac:dyDescent="0.25">
      <c r="A5212" s="7">
        <f t="shared" si="246"/>
        <v>44778.833333320712</v>
      </c>
      <c r="B5212" s="8">
        <v>-4.9800999999999998E-2</v>
      </c>
      <c r="C5212">
        <f t="shared" si="244"/>
        <v>20</v>
      </c>
      <c r="D5212">
        <f t="shared" si="245"/>
        <v>8</v>
      </c>
    </row>
    <row r="5213" spans="1:4" x14ac:dyDescent="0.25">
      <c r="A5213" s="7">
        <f t="shared" si="246"/>
        <v>44778.874999987376</v>
      </c>
      <c r="B5213" s="8">
        <v>-4.9800999999999998E-2</v>
      </c>
      <c r="C5213">
        <f t="shared" si="244"/>
        <v>21</v>
      </c>
      <c r="D5213">
        <f t="shared" si="245"/>
        <v>8</v>
      </c>
    </row>
    <row r="5214" spans="1:4" x14ac:dyDescent="0.25">
      <c r="A5214" s="7">
        <f t="shared" si="246"/>
        <v>44778.91666665404</v>
      </c>
      <c r="B5214" s="8">
        <v>-4.9800999999999998E-2</v>
      </c>
      <c r="C5214">
        <f t="shared" si="244"/>
        <v>22</v>
      </c>
      <c r="D5214">
        <f t="shared" si="245"/>
        <v>8</v>
      </c>
    </row>
    <row r="5215" spans="1:4" x14ac:dyDescent="0.25">
      <c r="A5215" s="7">
        <f t="shared" si="246"/>
        <v>44778.958333320705</v>
      </c>
      <c r="B5215" s="8">
        <v>-4.9800999999999998E-2</v>
      </c>
      <c r="C5215">
        <f t="shared" si="244"/>
        <v>23</v>
      </c>
      <c r="D5215">
        <f t="shared" si="245"/>
        <v>8</v>
      </c>
    </row>
    <row r="5216" spans="1:4" x14ac:dyDescent="0.25">
      <c r="A5216" s="7">
        <f t="shared" si="246"/>
        <v>44778.999999987369</v>
      </c>
      <c r="B5216" s="8">
        <v>-4.9800999999999998E-2</v>
      </c>
      <c r="C5216">
        <f t="shared" si="244"/>
        <v>0</v>
      </c>
      <c r="D5216">
        <f t="shared" si="245"/>
        <v>8</v>
      </c>
    </row>
    <row r="5217" spans="1:4" x14ac:dyDescent="0.25">
      <c r="A5217" s="7">
        <f t="shared" si="246"/>
        <v>44779.041666654033</v>
      </c>
      <c r="B5217" s="8">
        <v>-4.9800999999999998E-2</v>
      </c>
      <c r="C5217">
        <f t="shared" si="244"/>
        <v>1</v>
      </c>
      <c r="D5217">
        <f t="shared" si="245"/>
        <v>8</v>
      </c>
    </row>
    <row r="5218" spans="1:4" x14ac:dyDescent="0.25">
      <c r="A5218" s="7">
        <f t="shared" si="246"/>
        <v>44779.083333320697</v>
      </c>
      <c r="B5218" s="8">
        <v>-4.9800999999999998E-2</v>
      </c>
      <c r="C5218">
        <f t="shared" si="244"/>
        <v>2</v>
      </c>
      <c r="D5218">
        <f t="shared" si="245"/>
        <v>8</v>
      </c>
    </row>
    <row r="5219" spans="1:4" x14ac:dyDescent="0.25">
      <c r="A5219" s="7">
        <f t="shared" si="246"/>
        <v>44779.124999987362</v>
      </c>
      <c r="B5219" s="8">
        <v>-4.9800999999999998E-2</v>
      </c>
      <c r="C5219">
        <f t="shared" si="244"/>
        <v>3</v>
      </c>
      <c r="D5219">
        <f t="shared" si="245"/>
        <v>8</v>
      </c>
    </row>
    <row r="5220" spans="1:4" x14ac:dyDescent="0.25">
      <c r="A5220" s="7">
        <f t="shared" si="246"/>
        <v>44779.166666654026</v>
      </c>
      <c r="B5220" s="8">
        <v>-4.9800999999999998E-2</v>
      </c>
      <c r="C5220">
        <f t="shared" si="244"/>
        <v>4</v>
      </c>
      <c r="D5220">
        <f t="shared" si="245"/>
        <v>8</v>
      </c>
    </row>
    <row r="5221" spans="1:4" x14ac:dyDescent="0.25">
      <c r="A5221" s="7">
        <f t="shared" si="246"/>
        <v>44779.20833332069</v>
      </c>
      <c r="B5221" s="8">
        <v>-4.9800999999999998E-2</v>
      </c>
      <c r="C5221">
        <f t="shared" si="244"/>
        <v>5</v>
      </c>
      <c r="D5221">
        <f t="shared" si="245"/>
        <v>8</v>
      </c>
    </row>
    <row r="5222" spans="1:4" x14ac:dyDescent="0.25">
      <c r="A5222" s="7">
        <f t="shared" si="246"/>
        <v>44779.249999987354</v>
      </c>
      <c r="B5222" s="8">
        <v>-4.9800999999999998E-2</v>
      </c>
      <c r="C5222">
        <f t="shared" si="244"/>
        <v>6</v>
      </c>
      <c r="D5222">
        <f t="shared" si="245"/>
        <v>8</v>
      </c>
    </row>
    <row r="5223" spans="1:4" x14ac:dyDescent="0.25">
      <c r="A5223" s="7">
        <f t="shared" si="246"/>
        <v>44779.291666654019</v>
      </c>
      <c r="B5223" s="8">
        <v>1.1657036346563818</v>
      </c>
      <c r="C5223">
        <f t="shared" si="244"/>
        <v>7</v>
      </c>
      <c r="D5223">
        <f t="shared" si="245"/>
        <v>8</v>
      </c>
    </row>
    <row r="5224" spans="1:4" x14ac:dyDescent="0.25">
      <c r="A5224" s="7">
        <f t="shared" si="246"/>
        <v>44779.333333320683</v>
      </c>
      <c r="B5224" s="8">
        <v>5.2997041127993034</v>
      </c>
      <c r="C5224">
        <f t="shared" si="244"/>
        <v>8</v>
      </c>
      <c r="D5224">
        <f t="shared" si="245"/>
        <v>8</v>
      </c>
    </row>
    <row r="5225" spans="1:4" x14ac:dyDescent="0.25">
      <c r="A5225" s="7">
        <f t="shared" si="246"/>
        <v>44779.374999987347</v>
      </c>
      <c r="B5225" s="8">
        <v>10.939929831250113</v>
      </c>
      <c r="C5225">
        <f t="shared" si="244"/>
        <v>9</v>
      </c>
      <c r="D5225">
        <f t="shared" si="245"/>
        <v>8</v>
      </c>
    </row>
    <row r="5226" spans="1:4" x14ac:dyDescent="0.25">
      <c r="A5226" s="7">
        <f t="shared" si="246"/>
        <v>44779.416666654011</v>
      </c>
      <c r="B5226" s="8">
        <v>16.102667180891746</v>
      </c>
      <c r="C5226">
        <f t="shared" si="244"/>
        <v>10</v>
      </c>
      <c r="D5226">
        <f t="shared" si="245"/>
        <v>8</v>
      </c>
    </row>
    <row r="5227" spans="1:4" x14ac:dyDescent="0.25">
      <c r="A5227" s="7">
        <f t="shared" si="246"/>
        <v>44779.458333320676</v>
      </c>
      <c r="B5227" s="8">
        <v>20.095724780568545</v>
      </c>
      <c r="C5227">
        <f t="shared" si="244"/>
        <v>11</v>
      </c>
      <c r="D5227">
        <f t="shared" si="245"/>
        <v>8</v>
      </c>
    </row>
    <row r="5228" spans="1:4" x14ac:dyDescent="0.25">
      <c r="A5228" s="7">
        <f t="shared" si="246"/>
        <v>44779.49999998734</v>
      </c>
      <c r="B5228" s="8">
        <v>20.451315018134213</v>
      </c>
      <c r="C5228">
        <f t="shared" si="244"/>
        <v>12</v>
      </c>
      <c r="D5228">
        <f t="shared" si="245"/>
        <v>8</v>
      </c>
    </row>
    <row r="5229" spans="1:4" x14ac:dyDescent="0.25">
      <c r="A5229" s="7">
        <f t="shared" si="246"/>
        <v>44779.541666654004</v>
      </c>
      <c r="B5229" s="8">
        <v>20.451308834440109</v>
      </c>
      <c r="C5229">
        <f t="shared" si="244"/>
        <v>13</v>
      </c>
      <c r="D5229">
        <f t="shared" si="245"/>
        <v>8</v>
      </c>
    </row>
    <row r="5230" spans="1:4" x14ac:dyDescent="0.25">
      <c r="A5230" s="7">
        <f t="shared" si="246"/>
        <v>44779.583333320668</v>
      </c>
      <c r="B5230" s="8">
        <v>20.285580679392108</v>
      </c>
      <c r="C5230">
        <f t="shared" si="244"/>
        <v>14</v>
      </c>
      <c r="D5230">
        <f t="shared" si="245"/>
        <v>8</v>
      </c>
    </row>
    <row r="5231" spans="1:4" x14ac:dyDescent="0.25">
      <c r="A5231" s="7">
        <f t="shared" si="246"/>
        <v>44779.624999987333</v>
      </c>
      <c r="B5231" s="8">
        <v>20.365696620195013</v>
      </c>
      <c r="C5231">
        <f t="shared" si="244"/>
        <v>15</v>
      </c>
      <c r="D5231">
        <f t="shared" si="245"/>
        <v>8</v>
      </c>
    </row>
    <row r="5232" spans="1:4" x14ac:dyDescent="0.25">
      <c r="A5232" s="7">
        <f t="shared" si="246"/>
        <v>44779.666666653997</v>
      </c>
      <c r="B5232" s="8">
        <v>16.791552346933479</v>
      </c>
      <c r="C5232">
        <f t="shared" si="244"/>
        <v>16</v>
      </c>
      <c r="D5232">
        <f t="shared" si="245"/>
        <v>8</v>
      </c>
    </row>
    <row r="5233" spans="1:4" x14ac:dyDescent="0.25">
      <c r="A5233" s="7">
        <f t="shared" si="246"/>
        <v>44779.708333320661</v>
      </c>
      <c r="B5233" s="8">
        <v>12.049007317770819</v>
      </c>
      <c r="C5233">
        <f t="shared" si="244"/>
        <v>17</v>
      </c>
      <c r="D5233">
        <f t="shared" si="245"/>
        <v>8</v>
      </c>
    </row>
    <row r="5234" spans="1:4" x14ac:dyDescent="0.25">
      <c r="A5234" s="7">
        <f t="shared" si="246"/>
        <v>44779.749999987325</v>
      </c>
      <c r="B5234" s="8">
        <v>6.1093279674401701</v>
      </c>
      <c r="C5234">
        <f t="shared" si="244"/>
        <v>18</v>
      </c>
      <c r="D5234">
        <f t="shared" si="245"/>
        <v>8</v>
      </c>
    </row>
    <row r="5235" spans="1:4" x14ac:dyDescent="0.25">
      <c r="A5235" s="7">
        <f t="shared" si="246"/>
        <v>44779.79166665399</v>
      </c>
      <c r="B5235" s="8">
        <v>1.5990795909636806</v>
      </c>
      <c r="C5235">
        <f t="shared" si="244"/>
        <v>19</v>
      </c>
      <c r="D5235">
        <f t="shared" si="245"/>
        <v>8</v>
      </c>
    </row>
    <row r="5236" spans="1:4" x14ac:dyDescent="0.25">
      <c r="A5236" s="7">
        <f t="shared" si="246"/>
        <v>44779.833333320654</v>
      </c>
      <c r="B5236" s="8">
        <v>-4.9800999999999998E-2</v>
      </c>
      <c r="C5236">
        <f t="shared" si="244"/>
        <v>20</v>
      </c>
      <c r="D5236">
        <f t="shared" si="245"/>
        <v>8</v>
      </c>
    </row>
    <row r="5237" spans="1:4" x14ac:dyDescent="0.25">
      <c r="A5237" s="7">
        <f t="shared" si="246"/>
        <v>44779.874999987318</v>
      </c>
      <c r="B5237" s="8">
        <v>-4.9800999999999998E-2</v>
      </c>
      <c r="C5237">
        <f t="shared" si="244"/>
        <v>21</v>
      </c>
      <c r="D5237">
        <f t="shared" si="245"/>
        <v>8</v>
      </c>
    </row>
    <row r="5238" spans="1:4" x14ac:dyDescent="0.25">
      <c r="A5238" s="7">
        <f t="shared" si="246"/>
        <v>44779.916666653982</v>
      </c>
      <c r="B5238" s="8">
        <v>-4.9800999999999998E-2</v>
      </c>
      <c r="C5238">
        <f t="shared" si="244"/>
        <v>22</v>
      </c>
      <c r="D5238">
        <f t="shared" si="245"/>
        <v>8</v>
      </c>
    </row>
    <row r="5239" spans="1:4" x14ac:dyDescent="0.25">
      <c r="A5239" s="7">
        <f t="shared" si="246"/>
        <v>44779.958333320646</v>
      </c>
      <c r="B5239" s="8">
        <v>-4.9800999999999998E-2</v>
      </c>
      <c r="C5239">
        <f t="shared" si="244"/>
        <v>23</v>
      </c>
      <c r="D5239">
        <f t="shared" si="245"/>
        <v>8</v>
      </c>
    </row>
    <row r="5240" spans="1:4" x14ac:dyDescent="0.25">
      <c r="A5240" s="7">
        <f t="shared" si="246"/>
        <v>44779.999999987311</v>
      </c>
      <c r="B5240" s="8">
        <v>-4.9800999999999998E-2</v>
      </c>
      <c r="C5240">
        <f t="shared" si="244"/>
        <v>0</v>
      </c>
      <c r="D5240">
        <f t="shared" si="245"/>
        <v>8</v>
      </c>
    </row>
    <row r="5241" spans="1:4" x14ac:dyDescent="0.25">
      <c r="A5241" s="7">
        <f t="shared" si="246"/>
        <v>44780.041666653975</v>
      </c>
      <c r="B5241" s="8">
        <v>-4.9800999999999998E-2</v>
      </c>
      <c r="C5241">
        <f t="shared" si="244"/>
        <v>1</v>
      </c>
      <c r="D5241">
        <f t="shared" si="245"/>
        <v>8</v>
      </c>
    </row>
    <row r="5242" spans="1:4" x14ac:dyDescent="0.25">
      <c r="A5242" s="7">
        <f t="shared" si="246"/>
        <v>44780.083333320639</v>
      </c>
      <c r="B5242" s="8">
        <v>-4.9800999999999998E-2</v>
      </c>
      <c r="C5242">
        <f t="shared" si="244"/>
        <v>2</v>
      </c>
      <c r="D5242">
        <f t="shared" si="245"/>
        <v>8</v>
      </c>
    </row>
    <row r="5243" spans="1:4" x14ac:dyDescent="0.25">
      <c r="A5243" s="7">
        <f t="shared" si="246"/>
        <v>44780.124999987303</v>
      </c>
      <c r="B5243" s="8">
        <v>-4.9800999999999998E-2</v>
      </c>
      <c r="C5243">
        <f t="shared" si="244"/>
        <v>3</v>
      </c>
      <c r="D5243">
        <f t="shared" si="245"/>
        <v>8</v>
      </c>
    </row>
    <row r="5244" spans="1:4" x14ac:dyDescent="0.25">
      <c r="A5244" s="7">
        <f t="shared" si="246"/>
        <v>44780.166666653968</v>
      </c>
      <c r="B5244" s="8">
        <v>-4.9800999999999998E-2</v>
      </c>
      <c r="C5244">
        <f t="shared" si="244"/>
        <v>4</v>
      </c>
      <c r="D5244">
        <f t="shared" si="245"/>
        <v>8</v>
      </c>
    </row>
    <row r="5245" spans="1:4" x14ac:dyDescent="0.25">
      <c r="A5245" s="7">
        <f t="shared" si="246"/>
        <v>44780.208333320632</v>
      </c>
      <c r="B5245" s="8">
        <v>-4.9800999999999998E-2</v>
      </c>
      <c r="C5245">
        <f t="shared" si="244"/>
        <v>5</v>
      </c>
      <c r="D5245">
        <f t="shared" si="245"/>
        <v>8</v>
      </c>
    </row>
    <row r="5246" spans="1:4" x14ac:dyDescent="0.25">
      <c r="A5246" s="7">
        <f t="shared" si="246"/>
        <v>44780.249999987296</v>
      </c>
      <c r="B5246" s="8">
        <v>-4.9800999999999998E-2</v>
      </c>
      <c r="C5246">
        <f t="shared" si="244"/>
        <v>6</v>
      </c>
      <c r="D5246">
        <f t="shared" si="245"/>
        <v>8</v>
      </c>
    </row>
    <row r="5247" spans="1:4" x14ac:dyDescent="0.25">
      <c r="A5247" s="7">
        <f t="shared" si="246"/>
        <v>44780.29166665396</v>
      </c>
      <c r="B5247" s="8">
        <v>1.1508534932672043</v>
      </c>
      <c r="C5247">
        <f t="shared" si="244"/>
        <v>7</v>
      </c>
      <c r="D5247">
        <f t="shared" si="245"/>
        <v>8</v>
      </c>
    </row>
    <row r="5248" spans="1:4" x14ac:dyDescent="0.25">
      <c r="A5248" s="7">
        <f t="shared" si="246"/>
        <v>44780.333333320625</v>
      </c>
      <c r="B5248" s="8">
        <v>4.4282711437484759</v>
      </c>
      <c r="C5248">
        <f t="shared" si="244"/>
        <v>8</v>
      </c>
      <c r="D5248">
        <f t="shared" si="245"/>
        <v>8</v>
      </c>
    </row>
    <row r="5249" spans="1:4" x14ac:dyDescent="0.25">
      <c r="A5249" s="7">
        <f t="shared" si="246"/>
        <v>44780.374999987289</v>
      </c>
      <c r="B5249" s="8">
        <v>11.170640366398777</v>
      </c>
      <c r="C5249">
        <f t="shared" si="244"/>
        <v>9</v>
      </c>
      <c r="D5249">
        <f t="shared" si="245"/>
        <v>8</v>
      </c>
    </row>
    <row r="5250" spans="1:4" x14ac:dyDescent="0.25">
      <c r="A5250" s="7">
        <f t="shared" si="246"/>
        <v>44780.416666653953</v>
      </c>
      <c r="B5250" s="8">
        <v>16.103159815188643</v>
      </c>
      <c r="C5250">
        <f t="shared" si="244"/>
        <v>10</v>
      </c>
      <c r="D5250">
        <f t="shared" si="245"/>
        <v>8</v>
      </c>
    </row>
    <row r="5251" spans="1:4" x14ac:dyDescent="0.25">
      <c r="A5251" s="7">
        <f t="shared" si="246"/>
        <v>44780.458333320617</v>
      </c>
      <c r="B5251" s="8">
        <v>19.779932798251991</v>
      </c>
      <c r="C5251">
        <f t="shared" si="244"/>
        <v>11</v>
      </c>
      <c r="D5251">
        <f t="shared" si="245"/>
        <v>8</v>
      </c>
    </row>
    <row r="5252" spans="1:4" x14ac:dyDescent="0.25">
      <c r="A5252" s="7">
        <f t="shared" si="246"/>
        <v>44780.499999987282</v>
      </c>
      <c r="B5252" s="8">
        <v>19.642297165515476</v>
      </c>
      <c r="C5252">
        <f t="shared" si="244"/>
        <v>12</v>
      </c>
      <c r="D5252">
        <f t="shared" si="245"/>
        <v>8</v>
      </c>
    </row>
    <row r="5253" spans="1:4" x14ac:dyDescent="0.25">
      <c r="A5253" s="7">
        <f t="shared" si="246"/>
        <v>44780.541666653946</v>
      </c>
      <c r="B5253" s="8">
        <v>20.45125111996181</v>
      </c>
      <c r="C5253">
        <f t="shared" si="244"/>
        <v>13</v>
      </c>
      <c r="D5253">
        <f t="shared" si="245"/>
        <v>8</v>
      </c>
    </row>
    <row r="5254" spans="1:4" x14ac:dyDescent="0.25">
      <c r="A5254" s="7">
        <f t="shared" si="246"/>
        <v>44780.58333332061</v>
      </c>
      <c r="B5254" s="8">
        <v>19.682245890654436</v>
      </c>
      <c r="C5254">
        <f t="shared" si="244"/>
        <v>14</v>
      </c>
      <c r="D5254">
        <f t="shared" si="245"/>
        <v>8</v>
      </c>
    </row>
    <row r="5255" spans="1:4" x14ac:dyDescent="0.25">
      <c r="A5255" s="7">
        <f t="shared" si="246"/>
        <v>44780.624999987274</v>
      </c>
      <c r="B5255" s="8">
        <v>20.451268640428438</v>
      </c>
      <c r="C5255">
        <f t="shared" si="244"/>
        <v>15</v>
      </c>
      <c r="D5255">
        <f t="shared" si="245"/>
        <v>8</v>
      </c>
    </row>
    <row r="5256" spans="1:4" x14ac:dyDescent="0.25">
      <c r="A5256" s="7">
        <f t="shared" si="246"/>
        <v>44780.666666653939</v>
      </c>
      <c r="B5256" s="8">
        <v>16.85114357639171</v>
      </c>
      <c r="C5256">
        <f t="shared" si="244"/>
        <v>16</v>
      </c>
      <c r="D5256">
        <f t="shared" si="245"/>
        <v>8</v>
      </c>
    </row>
    <row r="5257" spans="1:4" x14ac:dyDescent="0.25">
      <c r="A5257" s="7">
        <f t="shared" si="246"/>
        <v>44780.708333320603</v>
      </c>
      <c r="B5257" s="8">
        <v>11.618030634775616</v>
      </c>
      <c r="C5257">
        <f t="shared" si="244"/>
        <v>17</v>
      </c>
      <c r="D5257">
        <f t="shared" si="245"/>
        <v>8</v>
      </c>
    </row>
    <row r="5258" spans="1:4" x14ac:dyDescent="0.25">
      <c r="A5258" s="7">
        <f t="shared" si="246"/>
        <v>44780.749999987267</v>
      </c>
      <c r="B5258" s="8">
        <v>5.9759827877956893</v>
      </c>
      <c r="C5258">
        <f t="shared" ref="C5258:C5321" si="247">HOUR(A5258)</f>
        <v>18</v>
      </c>
      <c r="D5258">
        <f t="shared" ref="D5258:D5321" si="248">MONTH(A5258)</f>
        <v>8</v>
      </c>
    </row>
    <row r="5259" spans="1:4" x14ac:dyDescent="0.25">
      <c r="A5259" s="7">
        <f t="shared" ref="A5259:A5322" si="249">+A5258+1/24</f>
        <v>44780.791666653931</v>
      </c>
      <c r="B5259" s="8">
        <v>1.6355706004831894</v>
      </c>
      <c r="C5259">
        <f t="shared" si="247"/>
        <v>19</v>
      </c>
      <c r="D5259">
        <f t="shared" si="248"/>
        <v>8</v>
      </c>
    </row>
    <row r="5260" spans="1:4" x14ac:dyDescent="0.25">
      <c r="A5260" s="7">
        <f t="shared" si="249"/>
        <v>44780.833333320596</v>
      </c>
      <c r="B5260" s="8">
        <v>-4.9800999999999998E-2</v>
      </c>
      <c r="C5260">
        <f t="shared" si="247"/>
        <v>20</v>
      </c>
      <c r="D5260">
        <f t="shared" si="248"/>
        <v>8</v>
      </c>
    </row>
    <row r="5261" spans="1:4" x14ac:dyDescent="0.25">
      <c r="A5261" s="7">
        <f t="shared" si="249"/>
        <v>44780.87499998726</v>
      </c>
      <c r="B5261" s="8">
        <v>-4.9800999999999998E-2</v>
      </c>
      <c r="C5261">
        <f t="shared" si="247"/>
        <v>21</v>
      </c>
      <c r="D5261">
        <f t="shared" si="248"/>
        <v>8</v>
      </c>
    </row>
    <row r="5262" spans="1:4" x14ac:dyDescent="0.25">
      <c r="A5262" s="7">
        <f t="shared" si="249"/>
        <v>44780.916666653924</v>
      </c>
      <c r="B5262" s="8">
        <v>-4.9800999999999998E-2</v>
      </c>
      <c r="C5262">
        <f t="shared" si="247"/>
        <v>22</v>
      </c>
      <c r="D5262">
        <f t="shared" si="248"/>
        <v>8</v>
      </c>
    </row>
    <row r="5263" spans="1:4" x14ac:dyDescent="0.25">
      <c r="A5263" s="7">
        <f t="shared" si="249"/>
        <v>44780.958333320588</v>
      </c>
      <c r="B5263" s="8">
        <v>-4.9800999999999998E-2</v>
      </c>
      <c r="C5263">
        <f t="shared" si="247"/>
        <v>23</v>
      </c>
      <c r="D5263">
        <f t="shared" si="248"/>
        <v>8</v>
      </c>
    </row>
    <row r="5264" spans="1:4" x14ac:dyDescent="0.25">
      <c r="A5264" s="7">
        <f t="shared" si="249"/>
        <v>44780.999999987253</v>
      </c>
      <c r="B5264" s="8">
        <v>-4.9800999999999998E-2</v>
      </c>
      <c r="C5264">
        <f t="shared" si="247"/>
        <v>0</v>
      </c>
      <c r="D5264">
        <f t="shared" si="248"/>
        <v>8</v>
      </c>
    </row>
    <row r="5265" spans="1:4" x14ac:dyDescent="0.25">
      <c r="A5265" s="7">
        <f t="shared" si="249"/>
        <v>44781.041666653917</v>
      </c>
      <c r="B5265" s="8">
        <v>-4.9800999999999998E-2</v>
      </c>
      <c r="C5265">
        <f t="shared" si="247"/>
        <v>1</v>
      </c>
      <c r="D5265">
        <f t="shared" si="248"/>
        <v>8</v>
      </c>
    </row>
    <row r="5266" spans="1:4" x14ac:dyDescent="0.25">
      <c r="A5266" s="7">
        <f t="shared" si="249"/>
        <v>44781.083333320581</v>
      </c>
      <c r="B5266" s="8">
        <v>-4.9800999999999998E-2</v>
      </c>
      <c r="C5266">
        <f t="shared" si="247"/>
        <v>2</v>
      </c>
      <c r="D5266">
        <f t="shared" si="248"/>
        <v>8</v>
      </c>
    </row>
    <row r="5267" spans="1:4" x14ac:dyDescent="0.25">
      <c r="A5267" s="7">
        <f t="shared" si="249"/>
        <v>44781.124999987245</v>
      </c>
      <c r="B5267" s="8">
        <v>-4.9800999999999998E-2</v>
      </c>
      <c r="C5267">
        <f t="shared" si="247"/>
        <v>3</v>
      </c>
      <c r="D5267">
        <f t="shared" si="248"/>
        <v>8</v>
      </c>
    </row>
    <row r="5268" spans="1:4" x14ac:dyDescent="0.25">
      <c r="A5268" s="7">
        <f t="shared" si="249"/>
        <v>44781.166666653909</v>
      </c>
      <c r="B5268" s="8">
        <v>-4.9800999999999998E-2</v>
      </c>
      <c r="C5268">
        <f t="shared" si="247"/>
        <v>4</v>
      </c>
      <c r="D5268">
        <f t="shared" si="248"/>
        <v>8</v>
      </c>
    </row>
    <row r="5269" spans="1:4" x14ac:dyDescent="0.25">
      <c r="A5269" s="7">
        <f t="shared" si="249"/>
        <v>44781.208333320574</v>
      </c>
      <c r="B5269" s="8">
        <v>-4.9800999999999998E-2</v>
      </c>
      <c r="C5269">
        <f t="shared" si="247"/>
        <v>5</v>
      </c>
      <c r="D5269">
        <f t="shared" si="248"/>
        <v>8</v>
      </c>
    </row>
    <row r="5270" spans="1:4" x14ac:dyDescent="0.25">
      <c r="A5270" s="7">
        <f t="shared" si="249"/>
        <v>44781.249999987238</v>
      </c>
      <c r="B5270" s="8">
        <v>-4.9800999999999998E-2</v>
      </c>
      <c r="C5270">
        <f t="shared" si="247"/>
        <v>6</v>
      </c>
      <c r="D5270">
        <f t="shared" si="248"/>
        <v>8</v>
      </c>
    </row>
    <row r="5271" spans="1:4" x14ac:dyDescent="0.25">
      <c r="A5271" s="7">
        <f t="shared" si="249"/>
        <v>44781.291666653902</v>
      </c>
      <c r="B5271" s="8">
        <v>0.88510305548195056</v>
      </c>
      <c r="C5271">
        <f t="shared" si="247"/>
        <v>7</v>
      </c>
      <c r="D5271">
        <f t="shared" si="248"/>
        <v>8</v>
      </c>
    </row>
    <row r="5272" spans="1:4" x14ac:dyDescent="0.25">
      <c r="A5272" s="7">
        <f t="shared" si="249"/>
        <v>44781.333333320566</v>
      </c>
      <c r="B5272" s="8">
        <v>4.1430389776906411</v>
      </c>
      <c r="C5272">
        <f t="shared" si="247"/>
        <v>8</v>
      </c>
      <c r="D5272">
        <f t="shared" si="248"/>
        <v>8</v>
      </c>
    </row>
    <row r="5273" spans="1:4" x14ac:dyDescent="0.25">
      <c r="A5273" s="7">
        <f t="shared" si="249"/>
        <v>44781.374999987231</v>
      </c>
      <c r="B5273" s="8">
        <v>10.092407146065543</v>
      </c>
      <c r="C5273">
        <f t="shared" si="247"/>
        <v>9</v>
      </c>
      <c r="D5273">
        <f t="shared" si="248"/>
        <v>8</v>
      </c>
    </row>
    <row r="5274" spans="1:4" x14ac:dyDescent="0.25">
      <c r="A5274" s="7">
        <f t="shared" si="249"/>
        <v>44781.416666653895</v>
      </c>
      <c r="B5274" s="8">
        <v>16.009411920734916</v>
      </c>
      <c r="C5274">
        <f t="shared" si="247"/>
        <v>10</v>
      </c>
      <c r="D5274">
        <f t="shared" si="248"/>
        <v>8</v>
      </c>
    </row>
    <row r="5275" spans="1:4" x14ac:dyDescent="0.25">
      <c r="A5275" s="7">
        <f t="shared" si="249"/>
        <v>44781.458333320559</v>
      </c>
      <c r="B5275" s="8">
        <v>19.097767246469225</v>
      </c>
      <c r="C5275">
        <f t="shared" si="247"/>
        <v>11</v>
      </c>
      <c r="D5275">
        <f t="shared" si="248"/>
        <v>8</v>
      </c>
    </row>
    <row r="5276" spans="1:4" x14ac:dyDescent="0.25">
      <c r="A5276" s="7">
        <f t="shared" si="249"/>
        <v>44781.499999987223</v>
      </c>
      <c r="B5276" s="8">
        <v>20.170959725492548</v>
      </c>
      <c r="C5276">
        <f t="shared" si="247"/>
        <v>12</v>
      </c>
      <c r="D5276">
        <f t="shared" si="248"/>
        <v>8</v>
      </c>
    </row>
    <row r="5277" spans="1:4" x14ac:dyDescent="0.25">
      <c r="A5277" s="7">
        <f t="shared" si="249"/>
        <v>44781.541666653888</v>
      </c>
      <c r="B5277" s="8">
        <v>20.451308834440109</v>
      </c>
      <c r="C5277">
        <f t="shared" si="247"/>
        <v>13</v>
      </c>
      <c r="D5277">
        <f t="shared" si="248"/>
        <v>8</v>
      </c>
    </row>
    <row r="5278" spans="1:4" x14ac:dyDescent="0.25">
      <c r="A5278" s="7">
        <f t="shared" si="249"/>
        <v>44781.583333320552</v>
      </c>
      <c r="B5278" s="8">
        <v>20.451309865055794</v>
      </c>
      <c r="C5278">
        <f t="shared" si="247"/>
        <v>14</v>
      </c>
      <c r="D5278">
        <f t="shared" si="248"/>
        <v>8</v>
      </c>
    </row>
    <row r="5279" spans="1:4" x14ac:dyDescent="0.25">
      <c r="A5279" s="7">
        <f t="shared" si="249"/>
        <v>44781.624999987216</v>
      </c>
      <c r="B5279" s="8">
        <v>20.431389094501874</v>
      </c>
      <c r="C5279">
        <f t="shared" si="247"/>
        <v>15</v>
      </c>
      <c r="D5279">
        <f t="shared" si="248"/>
        <v>8</v>
      </c>
    </row>
    <row r="5280" spans="1:4" x14ac:dyDescent="0.25">
      <c r="A5280" s="7">
        <f t="shared" si="249"/>
        <v>44781.66666665388</v>
      </c>
      <c r="B5280" s="8">
        <v>16.354697032077365</v>
      </c>
      <c r="C5280">
        <f t="shared" si="247"/>
        <v>16</v>
      </c>
      <c r="D5280">
        <f t="shared" si="248"/>
        <v>8</v>
      </c>
    </row>
    <row r="5281" spans="1:4" x14ac:dyDescent="0.25">
      <c r="A5281" s="7">
        <f t="shared" si="249"/>
        <v>44781.708333320545</v>
      </c>
      <c r="B5281" s="8">
        <v>11.84855875094823</v>
      </c>
      <c r="C5281">
        <f t="shared" si="247"/>
        <v>17</v>
      </c>
      <c r="D5281">
        <f t="shared" si="248"/>
        <v>8</v>
      </c>
    </row>
    <row r="5282" spans="1:4" x14ac:dyDescent="0.25">
      <c r="A5282" s="7">
        <f t="shared" si="249"/>
        <v>44781.749999987209</v>
      </c>
      <c r="B5282" s="8">
        <v>6.1323477993555473</v>
      </c>
      <c r="C5282">
        <f t="shared" si="247"/>
        <v>18</v>
      </c>
      <c r="D5282">
        <f t="shared" si="248"/>
        <v>8</v>
      </c>
    </row>
    <row r="5283" spans="1:4" x14ac:dyDescent="0.25">
      <c r="A5283" s="7">
        <f t="shared" si="249"/>
        <v>44781.791666653873</v>
      </c>
      <c r="B5283" s="8">
        <v>1.5110320318575523</v>
      </c>
      <c r="C5283">
        <f t="shared" si="247"/>
        <v>19</v>
      </c>
      <c r="D5283">
        <f t="shared" si="248"/>
        <v>8</v>
      </c>
    </row>
    <row r="5284" spans="1:4" x14ac:dyDescent="0.25">
      <c r="A5284" s="7">
        <f t="shared" si="249"/>
        <v>44781.833333320537</v>
      </c>
      <c r="B5284" s="8">
        <v>-4.9800999999999998E-2</v>
      </c>
      <c r="C5284">
        <f t="shared" si="247"/>
        <v>20</v>
      </c>
      <c r="D5284">
        <f t="shared" si="248"/>
        <v>8</v>
      </c>
    </row>
    <row r="5285" spans="1:4" x14ac:dyDescent="0.25">
      <c r="A5285" s="7">
        <f t="shared" si="249"/>
        <v>44781.874999987202</v>
      </c>
      <c r="B5285" s="8">
        <v>-4.9800999999999998E-2</v>
      </c>
      <c r="C5285">
        <f t="shared" si="247"/>
        <v>21</v>
      </c>
      <c r="D5285">
        <f t="shared" si="248"/>
        <v>8</v>
      </c>
    </row>
    <row r="5286" spans="1:4" x14ac:dyDescent="0.25">
      <c r="A5286" s="7">
        <f t="shared" si="249"/>
        <v>44781.916666653866</v>
      </c>
      <c r="B5286" s="8">
        <v>-4.9800999999999998E-2</v>
      </c>
      <c r="C5286">
        <f t="shared" si="247"/>
        <v>22</v>
      </c>
      <c r="D5286">
        <f t="shared" si="248"/>
        <v>8</v>
      </c>
    </row>
    <row r="5287" spans="1:4" x14ac:dyDescent="0.25">
      <c r="A5287" s="7">
        <f t="shared" si="249"/>
        <v>44781.95833332053</v>
      </c>
      <c r="B5287" s="8">
        <v>-4.9800999999999998E-2</v>
      </c>
      <c r="C5287">
        <f t="shared" si="247"/>
        <v>23</v>
      </c>
      <c r="D5287">
        <f t="shared" si="248"/>
        <v>8</v>
      </c>
    </row>
    <row r="5288" spans="1:4" x14ac:dyDescent="0.25">
      <c r="A5288" s="7">
        <f t="shared" si="249"/>
        <v>44781.999999987194</v>
      </c>
      <c r="B5288" s="8">
        <v>-4.9800999999999998E-2</v>
      </c>
      <c r="C5288">
        <f t="shared" si="247"/>
        <v>0</v>
      </c>
      <c r="D5288">
        <f t="shared" si="248"/>
        <v>8</v>
      </c>
    </row>
    <row r="5289" spans="1:4" x14ac:dyDescent="0.25">
      <c r="A5289" s="7">
        <f t="shared" si="249"/>
        <v>44782.041666653859</v>
      </c>
      <c r="B5289" s="8">
        <v>-4.9800999999999998E-2</v>
      </c>
      <c r="C5289">
        <f t="shared" si="247"/>
        <v>1</v>
      </c>
      <c r="D5289">
        <f t="shared" si="248"/>
        <v>8</v>
      </c>
    </row>
    <row r="5290" spans="1:4" x14ac:dyDescent="0.25">
      <c r="A5290" s="7">
        <f t="shared" si="249"/>
        <v>44782.083333320523</v>
      </c>
      <c r="B5290" s="8">
        <v>-4.9800999999999998E-2</v>
      </c>
      <c r="C5290">
        <f t="shared" si="247"/>
        <v>2</v>
      </c>
      <c r="D5290">
        <f t="shared" si="248"/>
        <v>8</v>
      </c>
    </row>
    <row r="5291" spans="1:4" x14ac:dyDescent="0.25">
      <c r="A5291" s="7">
        <f t="shared" si="249"/>
        <v>44782.124999987187</v>
      </c>
      <c r="B5291" s="8">
        <v>-4.9800999999999998E-2</v>
      </c>
      <c r="C5291">
        <f t="shared" si="247"/>
        <v>3</v>
      </c>
      <c r="D5291">
        <f t="shared" si="248"/>
        <v>8</v>
      </c>
    </row>
    <row r="5292" spans="1:4" x14ac:dyDescent="0.25">
      <c r="A5292" s="7">
        <f t="shared" si="249"/>
        <v>44782.166666653851</v>
      </c>
      <c r="B5292" s="8">
        <v>-4.9800999999999998E-2</v>
      </c>
      <c r="C5292">
        <f t="shared" si="247"/>
        <v>4</v>
      </c>
      <c r="D5292">
        <f t="shared" si="248"/>
        <v>8</v>
      </c>
    </row>
    <row r="5293" spans="1:4" x14ac:dyDescent="0.25">
      <c r="A5293" s="7">
        <f t="shared" si="249"/>
        <v>44782.208333320516</v>
      </c>
      <c r="B5293" s="8">
        <v>-4.9800999999999998E-2</v>
      </c>
      <c r="C5293">
        <f t="shared" si="247"/>
        <v>5</v>
      </c>
      <c r="D5293">
        <f t="shared" si="248"/>
        <v>8</v>
      </c>
    </row>
    <row r="5294" spans="1:4" x14ac:dyDescent="0.25">
      <c r="A5294" s="7">
        <f t="shared" si="249"/>
        <v>44782.24999998718</v>
      </c>
      <c r="B5294" s="8">
        <v>-4.9800999999999998E-2</v>
      </c>
      <c r="C5294">
        <f t="shared" si="247"/>
        <v>6</v>
      </c>
      <c r="D5294">
        <f t="shared" si="248"/>
        <v>8</v>
      </c>
    </row>
    <row r="5295" spans="1:4" x14ac:dyDescent="0.25">
      <c r="A5295" s="7">
        <f t="shared" si="249"/>
        <v>44782.291666653844</v>
      </c>
      <c r="B5295" s="8">
        <v>1.0761431317263024</v>
      </c>
      <c r="C5295">
        <f t="shared" si="247"/>
        <v>7</v>
      </c>
      <c r="D5295">
        <f t="shared" si="248"/>
        <v>8</v>
      </c>
    </row>
    <row r="5296" spans="1:4" x14ac:dyDescent="0.25">
      <c r="A5296" s="7">
        <f t="shared" si="249"/>
        <v>44782.333333320508</v>
      </c>
      <c r="B5296" s="8">
        <v>5.1444686560289901</v>
      </c>
      <c r="C5296">
        <f t="shared" si="247"/>
        <v>8</v>
      </c>
      <c r="D5296">
        <f t="shared" si="248"/>
        <v>8</v>
      </c>
    </row>
    <row r="5297" spans="1:4" x14ac:dyDescent="0.25">
      <c r="A5297" s="7">
        <f t="shared" si="249"/>
        <v>44782.374999987172</v>
      </c>
      <c r="B5297" s="8">
        <v>10.674305128578295</v>
      </c>
      <c r="C5297">
        <f t="shared" si="247"/>
        <v>9</v>
      </c>
      <c r="D5297">
        <f t="shared" si="248"/>
        <v>8</v>
      </c>
    </row>
    <row r="5298" spans="1:4" x14ac:dyDescent="0.25">
      <c r="A5298" s="7">
        <f t="shared" si="249"/>
        <v>44782.416666653837</v>
      </c>
      <c r="B5298" s="8">
        <v>16.051228121493089</v>
      </c>
      <c r="C5298">
        <f t="shared" si="247"/>
        <v>10</v>
      </c>
      <c r="D5298">
        <f t="shared" si="248"/>
        <v>8</v>
      </c>
    </row>
    <row r="5299" spans="1:4" x14ac:dyDescent="0.25">
      <c r="A5299" s="7">
        <f t="shared" si="249"/>
        <v>44782.458333320501</v>
      </c>
      <c r="B5299" s="8">
        <v>19.723940478761907</v>
      </c>
      <c r="C5299">
        <f t="shared" si="247"/>
        <v>11</v>
      </c>
      <c r="D5299">
        <f t="shared" si="248"/>
        <v>8</v>
      </c>
    </row>
    <row r="5300" spans="1:4" x14ac:dyDescent="0.25">
      <c r="A5300" s="7">
        <f t="shared" si="249"/>
        <v>44782.499999987165</v>
      </c>
      <c r="B5300" s="8">
        <v>20.451299558898956</v>
      </c>
      <c r="C5300">
        <f t="shared" si="247"/>
        <v>12</v>
      </c>
      <c r="D5300">
        <f t="shared" si="248"/>
        <v>8</v>
      </c>
    </row>
    <row r="5301" spans="1:4" x14ac:dyDescent="0.25">
      <c r="A5301" s="7">
        <f t="shared" si="249"/>
        <v>44782.541666653829</v>
      </c>
      <c r="B5301" s="8">
        <v>8.310785935786873</v>
      </c>
      <c r="C5301">
        <f t="shared" si="247"/>
        <v>13</v>
      </c>
      <c r="D5301">
        <f t="shared" si="248"/>
        <v>8</v>
      </c>
    </row>
    <row r="5302" spans="1:4" x14ac:dyDescent="0.25">
      <c r="A5302" s="7">
        <f t="shared" si="249"/>
        <v>44782.583333320494</v>
      </c>
      <c r="B5302" s="8">
        <v>3.8231874001952422</v>
      </c>
      <c r="C5302">
        <f t="shared" si="247"/>
        <v>14</v>
      </c>
      <c r="D5302">
        <f t="shared" si="248"/>
        <v>8</v>
      </c>
    </row>
    <row r="5303" spans="1:4" x14ac:dyDescent="0.25">
      <c r="A5303" s="7">
        <f t="shared" si="249"/>
        <v>44782.624999987158</v>
      </c>
      <c r="B5303" s="8">
        <v>3.4704107434465956</v>
      </c>
      <c r="C5303">
        <f t="shared" si="247"/>
        <v>15</v>
      </c>
      <c r="D5303">
        <f t="shared" si="248"/>
        <v>8</v>
      </c>
    </row>
    <row r="5304" spans="1:4" x14ac:dyDescent="0.25">
      <c r="A5304" s="7">
        <f t="shared" si="249"/>
        <v>44782.666666653822</v>
      </c>
      <c r="B5304" s="8">
        <v>11.368244433933826</v>
      </c>
      <c r="C5304">
        <f t="shared" si="247"/>
        <v>16</v>
      </c>
      <c r="D5304">
        <f t="shared" si="248"/>
        <v>8</v>
      </c>
    </row>
    <row r="5305" spans="1:4" x14ac:dyDescent="0.25">
      <c r="A5305" s="7">
        <f t="shared" si="249"/>
        <v>44782.708333320486</v>
      </c>
      <c r="B5305" s="8">
        <v>11.493096309727367</v>
      </c>
      <c r="C5305">
        <f t="shared" si="247"/>
        <v>17</v>
      </c>
      <c r="D5305">
        <f t="shared" si="248"/>
        <v>8</v>
      </c>
    </row>
    <row r="5306" spans="1:4" x14ac:dyDescent="0.25">
      <c r="A5306" s="7">
        <f t="shared" si="249"/>
        <v>44782.749999987151</v>
      </c>
      <c r="B5306" s="8">
        <v>6.26328030768404</v>
      </c>
      <c r="C5306">
        <f t="shared" si="247"/>
        <v>18</v>
      </c>
      <c r="D5306">
        <f t="shared" si="248"/>
        <v>8</v>
      </c>
    </row>
    <row r="5307" spans="1:4" x14ac:dyDescent="0.25">
      <c r="A5307" s="7">
        <f t="shared" si="249"/>
        <v>44782.791666653815</v>
      </c>
      <c r="B5307" s="8">
        <v>1.4925324803317188</v>
      </c>
      <c r="C5307">
        <f t="shared" si="247"/>
        <v>19</v>
      </c>
      <c r="D5307">
        <f t="shared" si="248"/>
        <v>8</v>
      </c>
    </row>
    <row r="5308" spans="1:4" x14ac:dyDescent="0.25">
      <c r="A5308" s="7">
        <f t="shared" si="249"/>
        <v>44782.833333320479</v>
      </c>
      <c r="B5308" s="8">
        <v>-4.9800999999999998E-2</v>
      </c>
      <c r="C5308">
        <f t="shared" si="247"/>
        <v>20</v>
      </c>
      <c r="D5308">
        <f t="shared" si="248"/>
        <v>8</v>
      </c>
    </row>
    <row r="5309" spans="1:4" x14ac:dyDescent="0.25">
      <c r="A5309" s="7">
        <f t="shared" si="249"/>
        <v>44782.874999987143</v>
      </c>
      <c r="B5309" s="8">
        <v>-4.9800999999999998E-2</v>
      </c>
      <c r="C5309">
        <f t="shared" si="247"/>
        <v>21</v>
      </c>
      <c r="D5309">
        <f t="shared" si="248"/>
        <v>8</v>
      </c>
    </row>
    <row r="5310" spans="1:4" x14ac:dyDescent="0.25">
      <c r="A5310" s="7">
        <f t="shared" si="249"/>
        <v>44782.916666653808</v>
      </c>
      <c r="B5310" s="8">
        <v>-4.9800999999999998E-2</v>
      </c>
      <c r="C5310">
        <f t="shared" si="247"/>
        <v>22</v>
      </c>
      <c r="D5310">
        <f t="shared" si="248"/>
        <v>8</v>
      </c>
    </row>
    <row r="5311" spans="1:4" x14ac:dyDescent="0.25">
      <c r="A5311" s="7">
        <f t="shared" si="249"/>
        <v>44782.958333320472</v>
      </c>
      <c r="B5311" s="8">
        <v>-4.9800999999999998E-2</v>
      </c>
      <c r="C5311">
        <f t="shared" si="247"/>
        <v>23</v>
      </c>
      <c r="D5311">
        <f t="shared" si="248"/>
        <v>8</v>
      </c>
    </row>
    <row r="5312" spans="1:4" x14ac:dyDescent="0.25">
      <c r="A5312" s="7">
        <f t="shared" si="249"/>
        <v>44782.999999987136</v>
      </c>
      <c r="B5312" s="8">
        <v>-4.9800999999999998E-2</v>
      </c>
      <c r="C5312">
        <f t="shared" si="247"/>
        <v>0</v>
      </c>
      <c r="D5312">
        <f t="shared" si="248"/>
        <v>8</v>
      </c>
    </row>
    <row r="5313" spans="1:4" x14ac:dyDescent="0.25">
      <c r="A5313" s="7">
        <f t="shared" si="249"/>
        <v>44783.0416666538</v>
      </c>
      <c r="B5313" s="8">
        <v>-4.9800999999999998E-2</v>
      </c>
      <c r="C5313">
        <f t="shared" si="247"/>
        <v>1</v>
      </c>
      <c r="D5313">
        <f t="shared" si="248"/>
        <v>8</v>
      </c>
    </row>
    <row r="5314" spans="1:4" x14ac:dyDescent="0.25">
      <c r="A5314" s="7">
        <f t="shared" si="249"/>
        <v>44783.083333320465</v>
      </c>
      <c r="B5314" s="8">
        <v>-4.9800999999999998E-2</v>
      </c>
      <c r="C5314">
        <f t="shared" si="247"/>
        <v>2</v>
      </c>
      <c r="D5314">
        <f t="shared" si="248"/>
        <v>8</v>
      </c>
    </row>
    <row r="5315" spans="1:4" x14ac:dyDescent="0.25">
      <c r="A5315" s="7">
        <f t="shared" si="249"/>
        <v>44783.124999987129</v>
      </c>
      <c r="B5315" s="8">
        <v>-4.9800999999999998E-2</v>
      </c>
      <c r="C5315">
        <f t="shared" si="247"/>
        <v>3</v>
      </c>
      <c r="D5315">
        <f t="shared" si="248"/>
        <v>8</v>
      </c>
    </row>
    <row r="5316" spans="1:4" x14ac:dyDescent="0.25">
      <c r="A5316" s="7">
        <f t="shared" si="249"/>
        <v>44783.166666653793</v>
      </c>
      <c r="B5316" s="8">
        <v>-4.9800999999999998E-2</v>
      </c>
      <c r="C5316">
        <f t="shared" si="247"/>
        <v>4</v>
      </c>
      <c r="D5316">
        <f t="shared" si="248"/>
        <v>8</v>
      </c>
    </row>
    <row r="5317" spans="1:4" x14ac:dyDescent="0.25">
      <c r="A5317" s="7">
        <f t="shared" si="249"/>
        <v>44783.208333320457</v>
      </c>
      <c r="B5317" s="8">
        <v>-4.9800999999999998E-2</v>
      </c>
      <c r="C5317">
        <f t="shared" si="247"/>
        <v>5</v>
      </c>
      <c r="D5317">
        <f t="shared" si="248"/>
        <v>8</v>
      </c>
    </row>
    <row r="5318" spans="1:4" x14ac:dyDescent="0.25">
      <c r="A5318" s="7">
        <f t="shared" si="249"/>
        <v>44783.249999987122</v>
      </c>
      <c r="B5318" s="8">
        <v>-4.9800999999999998E-2</v>
      </c>
      <c r="C5318">
        <f t="shared" si="247"/>
        <v>6</v>
      </c>
      <c r="D5318">
        <f t="shared" si="248"/>
        <v>8</v>
      </c>
    </row>
    <row r="5319" spans="1:4" x14ac:dyDescent="0.25">
      <c r="A5319" s="7">
        <f t="shared" si="249"/>
        <v>44783.291666653786</v>
      </c>
      <c r="B5319" s="8">
        <v>0.6554035543191844</v>
      </c>
      <c r="C5319">
        <f t="shared" si="247"/>
        <v>7</v>
      </c>
      <c r="D5319">
        <f t="shared" si="248"/>
        <v>8</v>
      </c>
    </row>
    <row r="5320" spans="1:4" x14ac:dyDescent="0.25">
      <c r="A5320" s="7">
        <f t="shared" si="249"/>
        <v>44783.33333332045</v>
      </c>
      <c r="B5320" s="8">
        <v>2.4500867877754837</v>
      </c>
      <c r="C5320">
        <f t="shared" si="247"/>
        <v>8</v>
      </c>
      <c r="D5320">
        <f t="shared" si="248"/>
        <v>8</v>
      </c>
    </row>
    <row r="5321" spans="1:4" x14ac:dyDescent="0.25">
      <c r="A5321" s="7">
        <f t="shared" si="249"/>
        <v>44783.374999987114</v>
      </c>
      <c r="B5321" s="8">
        <v>5.750961251222102</v>
      </c>
      <c r="C5321">
        <f t="shared" si="247"/>
        <v>9</v>
      </c>
      <c r="D5321">
        <f t="shared" si="248"/>
        <v>8</v>
      </c>
    </row>
    <row r="5322" spans="1:4" x14ac:dyDescent="0.25">
      <c r="A5322" s="7">
        <f t="shared" si="249"/>
        <v>44783.416666653779</v>
      </c>
      <c r="B5322" s="8">
        <v>8.4121861516934846</v>
      </c>
      <c r="C5322">
        <f t="shared" ref="C5322:C5385" si="250">HOUR(A5322)</f>
        <v>10</v>
      </c>
      <c r="D5322">
        <f t="shared" ref="D5322:D5385" si="251">MONTH(A5322)</f>
        <v>8</v>
      </c>
    </row>
    <row r="5323" spans="1:4" x14ac:dyDescent="0.25">
      <c r="A5323" s="7">
        <f t="shared" ref="A5323:A5386" si="252">+A5322+1/24</f>
        <v>44783.458333320443</v>
      </c>
      <c r="B5323" s="8">
        <v>4.5014283674537552</v>
      </c>
      <c r="C5323">
        <f t="shared" si="250"/>
        <v>11</v>
      </c>
      <c r="D5323">
        <f t="shared" si="251"/>
        <v>8</v>
      </c>
    </row>
    <row r="5324" spans="1:4" x14ac:dyDescent="0.25">
      <c r="A5324" s="7">
        <f t="shared" si="252"/>
        <v>44783.499999987107</v>
      </c>
      <c r="B5324" s="8">
        <v>12.830916886056187</v>
      </c>
      <c r="C5324">
        <f t="shared" si="250"/>
        <v>12</v>
      </c>
      <c r="D5324">
        <f t="shared" si="251"/>
        <v>8</v>
      </c>
    </row>
    <row r="5325" spans="1:4" x14ac:dyDescent="0.25">
      <c r="A5325" s="7">
        <f t="shared" si="252"/>
        <v>44783.541666653771</v>
      </c>
      <c r="B5325" s="8">
        <v>20.451272762891172</v>
      </c>
      <c r="C5325">
        <f t="shared" si="250"/>
        <v>13</v>
      </c>
      <c r="D5325">
        <f t="shared" si="251"/>
        <v>8</v>
      </c>
    </row>
    <row r="5326" spans="1:4" x14ac:dyDescent="0.25">
      <c r="A5326" s="7">
        <f t="shared" si="252"/>
        <v>44783.583333320435</v>
      </c>
      <c r="B5326" s="8">
        <v>18.801404431025372</v>
      </c>
      <c r="C5326">
        <f t="shared" si="250"/>
        <v>14</v>
      </c>
      <c r="D5326">
        <f t="shared" si="251"/>
        <v>8</v>
      </c>
    </row>
    <row r="5327" spans="1:4" x14ac:dyDescent="0.25">
      <c r="A5327" s="7">
        <f t="shared" si="252"/>
        <v>44783.6249999871</v>
      </c>
      <c r="B5327" s="8">
        <v>7.2193175488411185</v>
      </c>
      <c r="C5327">
        <f t="shared" si="250"/>
        <v>15</v>
      </c>
      <c r="D5327">
        <f t="shared" si="251"/>
        <v>8</v>
      </c>
    </row>
    <row r="5328" spans="1:4" x14ac:dyDescent="0.25">
      <c r="A5328" s="7">
        <f t="shared" si="252"/>
        <v>44783.666666653764</v>
      </c>
      <c r="B5328" s="8">
        <v>14.004138862126549</v>
      </c>
      <c r="C5328">
        <f t="shared" si="250"/>
        <v>16</v>
      </c>
      <c r="D5328">
        <f t="shared" si="251"/>
        <v>8</v>
      </c>
    </row>
    <row r="5329" spans="1:4" x14ac:dyDescent="0.25">
      <c r="A5329" s="7">
        <f t="shared" si="252"/>
        <v>44783.708333320428</v>
      </c>
      <c r="B5329" s="8">
        <v>10.408199128382099</v>
      </c>
      <c r="C5329">
        <f t="shared" si="250"/>
        <v>17</v>
      </c>
      <c r="D5329">
        <f t="shared" si="251"/>
        <v>8</v>
      </c>
    </row>
    <row r="5330" spans="1:4" x14ac:dyDescent="0.25">
      <c r="A5330" s="7">
        <f t="shared" si="252"/>
        <v>44783.749999987092</v>
      </c>
      <c r="B5330" s="8">
        <v>3.9813704178214833</v>
      </c>
      <c r="C5330">
        <f t="shared" si="250"/>
        <v>18</v>
      </c>
      <c r="D5330">
        <f t="shared" si="251"/>
        <v>8</v>
      </c>
    </row>
    <row r="5331" spans="1:4" x14ac:dyDescent="0.25">
      <c r="A5331" s="7">
        <f t="shared" si="252"/>
        <v>44783.791666653757</v>
      </c>
      <c r="B5331" s="8">
        <v>1.5015410920246053</v>
      </c>
      <c r="C5331">
        <f t="shared" si="250"/>
        <v>19</v>
      </c>
      <c r="D5331">
        <f t="shared" si="251"/>
        <v>8</v>
      </c>
    </row>
    <row r="5332" spans="1:4" x14ac:dyDescent="0.25">
      <c r="A5332" s="7">
        <f t="shared" si="252"/>
        <v>44783.833333320421</v>
      </c>
      <c r="B5332" s="8">
        <v>-4.9800999999999998E-2</v>
      </c>
      <c r="C5332">
        <f t="shared" si="250"/>
        <v>20</v>
      </c>
      <c r="D5332">
        <f t="shared" si="251"/>
        <v>8</v>
      </c>
    </row>
    <row r="5333" spans="1:4" x14ac:dyDescent="0.25">
      <c r="A5333" s="7">
        <f t="shared" si="252"/>
        <v>44783.874999987085</v>
      </c>
      <c r="B5333" s="8">
        <v>-4.9800999999999998E-2</v>
      </c>
      <c r="C5333">
        <f t="shared" si="250"/>
        <v>21</v>
      </c>
      <c r="D5333">
        <f t="shared" si="251"/>
        <v>8</v>
      </c>
    </row>
    <row r="5334" spans="1:4" x14ac:dyDescent="0.25">
      <c r="A5334" s="7">
        <f t="shared" si="252"/>
        <v>44783.916666653749</v>
      </c>
      <c r="B5334" s="8">
        <v>-4.9800999999999998E-2</v>
      </c>
      <c r="C5334">
        <f t="shared" si="250"/>
        <v>22</v>
      </c>
      <c r="D5334">
        <f t="shared" si="251"/>
        <v>8</v>
      </c>
    </row>
    <row r="5335" spans="1:4" x14ac:dyDescent="0.25">
      <c r="A5335" s="7">
        <f t="shared" si="252"/>
        <v>44783.958333320414</v>
      </c>
      <c r="B5335" s="8">
        <v>-4.9800999999999998E-2</v>
      </c>
      <c r="C5335">
        <f t="shared" si="250"/>
        <v>23</v>
      </c>
      <c r="D5335">
        <f t="shared" si="251"/>
        <v>8</v>
      </c>
    </row>
    <row r="5336" spans="1:4" x14ac:dyDescent="0.25">
      <c r="A5336" s="7">
        <f t="shared" si="252"/>
        <v>44783.999999987078</v>
      </c>
      <c r="B5336" s="8">
        <v>-4.9800999999999998E-2</v>
      </c>
      <c r="C5336">
        <f t="shared" si="250"/>
        <v>0</v>
      </c>
      <c r="D5336">
        <f t="shared" si="251"/>
        <v>8</v>
      </c>
    </row>
    <row r="5337" spans="1:4" x14ac:dyDescent="0.25">
      <c r="A5337" s="7">
        <f t="shared" si="252"/>
        <v>44784.041666653742</v>
      </c>
      <c r="B5337" s="8">
        <v>-4.9800999999999998E-2</v>
      </c>
      <c r="C5337">
        <f t="shared" si="250"/>
        <v>1</v>
      </c>
      <c r="D5337">
        <f t="shared" si="251"/>
        <v>8</v>
      </c>
    </row>
    <row r="5338" spans="1:4" x14ac:dyDescent="0.25">
      <c r="A5338" s="7">
        <f t="shared" si="252"/>
        <v>44784.083333320406</v>
      </c>
      <c r="B5338" s="8">
        <v>-4.9800999999999998E-2</v>
      </c>
      <c r="C5338">
        <f t="shared" si="250"/>
        <v>2</v>
      </c>
      <c r="D5338">
        <f t="shared" si="251"/>
        <v>8</v>
      </c>
    </row>
    <row r="5339" spans="1:4" x14ac:dyDescent="0.25">
      <c r="A5339" s="7">
        <f t="shared" si="252"/>
        <v>44784.124999987071</v>
      </c>
      <c r="B5339" s="8">
        <v>-4.9800999999999998E-2</v>
      </c>
      <c r="C5339">
        <f t="shared" si="250"/>
        <v>3</v>
      </c>
      <c r="D5339">
        <f t="shared" si="251"/>
        <v>8</v>
      </c>
    </row>
    <row r="5340" spans="1:4" x14ac:dyDescent="0.25">
      <c r="A5340" s="7">
        <f t="shared" si="252"/>
        <v>44784.166666653735</v>
      </c>
      <c r="B5340" s="8">
        <v>-4.9800999999999998E-2</v>
      </c>
      <c r="C5340">
        <f t="shared" si="250"/>
        <v>4</v>
      </c>
      <c r="D5340">
        <f t="shared" si="251"/>
        <v>8</v>
      </c>
    </row>
    <row r="5341" spans="1:4" x14ac:dyDescent="0.25">
      <c r="A5341" s="7">
        <f t="shared" si="252"/>
        <v>44784.208333320399</v>
      </c>
      <c r="B5341" s="8">
        <v>-4.9800999999999998E-2</v>
      </c>
      <c r="C5341">
        <f t="shared" si="250"/>
        <v>5</v>
      </c>
      <c r="D5341">
        <f t="shared" si="251"/>
        <v>8</v>
      </c>
    </row>
    <row r="5342" spans="1:4" x14ac:dyDescent="0.25">
      <c r="A5342" s="7">
        <f t="shared" si="252"/>
        <v>44784.249999987063</v>
      </c>
      <c r="B5342" s="8">
        <v>-4.9800999999999998E-2</v>
      </c>
      <c r="C5342">
        <f t="shared" si="250"/>
        <v>6</v>
      </c>
      <c r="D5342">
        <f t="shared" si="251"/>
        <v>8</v>
      </c>
    </row>
    <row r="5343" spans="1:4" x14ac:dyDescent="0.25">
      <c r="A5343" s="7">
        <f t="shared" si="252"/>
        <v>44784.291666653728</v>
      </c>
      <c r="B5343" s="8">
        <v>0.59723766635177566</v>
      </c>
      <c r="C5343">
        <f t="shared" si="250"/>
        <v>7</v>
      </c>
      <c r="D5343">
        <f t="shared" si="251"/>
        <v>8</v>
      </c>
    </row>
    <row r="5344" spans="1:4" x14ac:dyDescent="0.25">
      <c r="A5344" s="7">
        <f t="shared" si="252"/>
        <v>44784.333333320392</v>
      </c>
      <c r="B5344" s="8">
        <v>2.4677597855228366</v>
      </c>
      <c r="C5344">
        <f t="shared" si="250"/>
        <v>8</v>
      </c>
      <c r="D5344">
        <f t="shared" si="251"/>
        <v>8</v>
      </c>
    </row>
    <row r="5345" spans="1:4" x14ac:dyDescent="0.25">
      <c r="A5345" s="7">
        <f t="shared" si="252"/>
        <v>44784.374999987056</v>
      </c>
      <c r="B5345" s="8">
        <v>4.8217189872304909</v>
      </c>
      <c r="C5345">
        <f t="shared" si="250"/>
        <v>9</v>
      </c>
      <c r="D5345">
        <f t="shared" si="251"/>
        <v>8</v>
      </c>
    </row>
    <row r="5346" spans="1:4" x14ac:dyDescent="0.25">
      <c r="A5346" s="7">
        <f t="shared" si="252"/>
        <v>44784.41666665372</v>
      </c>
      <c r="B5346" s="8">
        <v>6.1399331307889806</v>
      </c>
      <c r="C5346">
        <f t="shared" si="250"/>
        <v>10</v>
      </c>
      <c r="D5346">
        <f t="shared" si="251"/>
        <v>8</v>
      </c>
    </row>
    <row r="5347" spans="1:4" x14ac:dyDescent="0.25">
      <c r="A5347" s="7">
        <f t="shared" si="252"/>
        <v>44784.458333320385</v>
      </c>
      <c r="B5347" s="8">
        <v>4.8184065884224676</v>
      </c>
      <c r="C5347">
        <f t="shared" si="250"/>
        <v>11</v>
      </c>
      <c r="D5347">
        <f t="shared" si="251"/>
        <v>8</v>
      </c>
    </row>
    <row r="5348" spans="1:4" x14ac:dyDescent="0.25">
      <c r="A5348" s="7">
        <f t="shared" si="252"/>
        <v>44784.499999987049</v>
      </c>
      <c r="B5348" s="8">
        <v>6.2220835069518881</v>
      </c>
      <c r="C5348">
        <f t="shared" si="250"/>
        <v>12</v>
      </c>
      <c r="D5348">
        <f t="shared" si="251"/>
        <v>8</v>
      </c>
    </row>
    <row r="5349" spans="1:4" x14ac:dyDescent="0.25">
      <c r="A5349" s="7">
        <f t="shared" si="252"/>
        <v>44784.541666653713</v>
      </c>
      <c r="B5349" s="8">
        <v>11.748532345748243</v>
      </c>
      <c r="C5349">
        <f t="shared" si="250"/>
        <v>13</v>
      </c>
      <c r="D5349">
        <f t="shared" si="251"/>
        <v>8</v>
      </c>
    </row>
    <row r="5350" spans="1:4" x14ac:dyDescent="0.25">
      <c r="A5350" s="7">
        <f t="shared" si="252"/>
        <v>44784.583333320377</v>
      </c>
      <c r="B5350" s="8">
        <v>11.294480177590735</v>
      </c>
      <c r="C5350">
        <f t="shared" si="250"/>
        <v>14</v>
      </c>
      <c r="D5350">
        <f t="shared" si="251"/>
        <v>8</v>
      </c>
    </row>
    <row r="5351" spans="1:4" x14ac:dyDescent="0.25">
      <c r="A5351" s="7">
        <f t="shared" si="252"/>
        <v>44784.624999987042</v>
      </c>
      <c r="B5351" s="8">
        <v>15.117969548181359</v>
      </c>
      <c r="C5351">
        <f t="shared" si="250"/>
        <v>15</v>
      </c>
      <c r="D5351">
        <f t="shared" si="251"/>
        <v>8</v>
      </c>
    </row>
    <row r="5352" spans="1:4" x14ac:dyDescent="0.25">
      <c r="A5352" s="7">
        <f t="shared" si="252"/>
        <v>44784.666666653706</v>
      </c>
      <c r="B5352" s="8">
        <v>8.9115534608559717</v>
      </c>
      <c r="C5352">
        <f t="shared" si="250"/>
        <v>16</v>
      </c>
      <c r="D5352">
        <f t="shared" si="251"/>
        <v>8</v>
      </c>
    </row>
    <row r="5353" spans="1:4" x14ac:dyDescent="0.25">
      <c r="A5353" s="7">
        <f t="shared" si="252"/>
        <v>44784.70833332037</v>
      </c>
      <c r="B5353" s="8">
        <v>7.1282729593262371</v>
      </c>
      <c r="C5353">
        <f t="shared" si="250"/>
        <v>17</v>
      </c>
      <c r="D5353">
        <f t="shared" si="251"/>
        <v>8</v>
      </c>
    </row>
    <row r="5354" spans="1:4" x14ac:dyDescent="0.25">
      <c r="A5354" s="7">
        <f t="shared" si="252"/>
        <v>44784.749999987034</v>
      </c>
      <c r="B5354" s="8">
        <v>3.0531649532078666</v>
      </c>
      <c r="C5354">
        <f t="shared" si="250"/>
        <v>18</v>
      </c>
      <c r="D5354">
        <f t="shared" si="251"/>
        <v>8</v>
      </c>
    </row>
    <row r="5355" spans="1:4" x14ac:dyDescent="0.25">
      <c r="A5355" s="7">
        <f t="shared" si="252"/>
        <v>44784.791666653698</v>
      </c>
      <c r="B5355" s="8">
        <v>1.5630286543411929</v>
      </c>
      <c r="C5355">
        <f t="shared" si="250"/>
        <v>19</v>
      </c>
      <c r="D5355">
        <f t="shared" si="251"/>
        <v>8</v>
      </c>
    </row>
    <row r="5356" spans="1:4" x14ac:dyDescent="0.25">
      <c r="A5356" s="7">
        <f t="shared" si="252"/>
        <v>44784.833333320363</v>
      </c>
      <c r="B5356" s="8">
        <v>-4.9800999999999998E-2</v>
      </c>
      <c r="C5356">
        <f t="shared" si="250"/>
        <v>20</v>
      </c>
      <c r="D5356">
        <f t="shared" si="251"/>
        <v>8</v>
      </c>
    </row>
    <row r="5357" spans="1:4" x14ac:dyDescent="0.25">
      <c r="A5357" s="7">
        <f t="shared" si="252"/>
        <v>44784.874999987027</v>
      </c>
      <c r="B5357" s="8">
        <v>-4.9800999999999998E-2</v>
      </c>
      <c r="C5357">
        <f t="shared" si="250"/>
        <v>21</v>
      </c>
      <c r="D5357">
        <f t="shared" si="251"/>
        <v>8</v>
      </c>
    </row>
    <row r="5358" spans="1:4" x14ac:dyDescent="0.25">
      <c r="A5358" s="7">
        <f t="shared" si="252"/>
        <v>44784.916666653691</v>
      </c>
      <c r="B5358" s="8">
        <v>-4.9800999999999998E-2</v>
      </c>
      <c r="C5358">
        <f t="shared" si="250"/>
        <v>22</v>
      </c>
      <c r="D5358">
        <f t="shared" si="251"/>
        <v>8</v>
      </c>
    </row>
    <row r="5359" spans="1:4" x14ac:dyDescent="0.25">
      <c r="A5359" s="7">
        <f t="shared" si="252"/>
        <v>44784.958333320355</v>
      </c>
      <c r="B5359" s="8">
        <v>-4.9800999999999998E-2</v>
      </c>
      <c r="C5359">
        <f t="shared" si="250"/>
        <v>23</v>
      </c>
      <c r="D5359">
        <f t="shared" si="251"/>
        <v>8</v>
      </c>
    </row>
    <row r="5360" spans="1:4" x14ac:dyDescent="0.25">
      <c r="A5360" s="7">
        <f t="shared" si="252"/>
        <v>44784.99999998702</v>
      </c>
      <c r="B5360" s="8">
        <v>-4.9800999999999998E-2</v>
      </c>
      <c r="C5360">
        <f t="shared" si="250"/>
        <v>0</v>
      </c>
      <c r="D5360">
        <f t="shared" si="251"/>
        <v>8</v>
      </c>
    </row>
    <row r="5361" spans="1:4" x14ac:dyDescent="0.25">
      <c r="A5361" s="7">
        <f t="shared" si="252"/>
        <v>44785.041666653684</v>
      </c>
      <c r="B5361" s="8">
        <v>-4.9800999999999998E-2</v>
      </c>
      <c r="C5361">
        <f t="shared" si="250"/>
        <v>1</v>
      </c>
      <c r="D5361">
        <f t="shared" si="251"/>
        <v>8</v>
      </c>
    </row>
    <row r="5362" spans="1:4" x14ac:dyDescent="0.25">
      <c r="A5362" s="7">
        <f t="shared" si="252"/>
        <v>44785.083333320348</v>
      </c>
      <c r="B5362" s="8">
        <v>-4.9800999999999998E-2</v>
      </c>
      <c r="C5362">
        <f t="shared" si="250"/>
        <v>2</v>
      </c>
      <c r="D5362">
        <f t="shared" si="251"/>
        <v>8</v>
      </c>
    </row>
    <row r="5363" spans="1:4" x14ac:dyDescent="0.25">
      <c r="A5363" s="7">
        <f t="shared" si="252"/>
        <v>44785.124999987012</v>
      </c>
      <c r="B5363" s="8">
        <v>-4.9800999999999998E-2</v>
      </c>
      <c r="C5363">
        <f t="shared" si="250"/>
        <v>3</v>
      </c>
      <c r="D5363">
        <f t="shared" si="251"/>
        <v>8</v>
      </c>
    </row>
    <row r="5364" spans="1:4" x14ac:dyDescent="0.25">
      <c r="A5364" s="7">
        <f t="shared" si="252"/>
        <v>44785.166666653677</v>
      </c>
      <c r="B5364" s="8">
        <v>-4.9800999999999998E-2</v>
      </c>
      <c r="C5364">
        <f t="shared" si="250"/>
        <v>4</v>
      </c>
      <c r="D5364">
        <f t="shared" si="251"/>
        <v>8</v>
      </c>
    </row>
    <row r="5365" spans="1:4" x14ac:dyDescent="0.25">
      <c r="A5365" s="7">
        <f t="shared" si="252"/>
        <v>44785.208333320341</v>
      </c>
      <c r="B5365" s="8">
        <v>-4.9800999999999998E-2</v>
      </c>
      <c r="C5365">
        <f t="shared" si="250"/>
        <v>5</v>
      </c>
      <c r="D5365">
        <f t="shared" si="251"/>
        <v>8</v>
      </c>
    </row>
    <row r="5366" spans="1:4" x14ac:dyDescent="0.25">
      <c r="A5366" s="7">
        <f t="shared" si="252"/>
        <v>44785.249999987005</v>
      </c>
      <c r="B5366" s="8">
        <v>-4.9800999999999998E-2</v>
      </c>
      <c r="C5366">
        <f t="shared" si="250"/>
        <v>6</v>
      </c>
      <c r="D5366">
        <f t="shared" si="251"/>
        <v>8</v>
      </c>
    </row>
    <row r="5367" spans="1:4" x14ac:dyDescent="0.25">
      <c r="A5367" s="7">
        <f t="shared" si="252"/>
        <v>44785.291666653669</v>
      </c>
      <c r="B5367" s="8">
        <v>0.39299334196541952</v>
      </c>
      <c r="C5367">
        <f t="shared" si="250"/>
        <v>7</v>
      </c>
      <c r="D5367">
        <f t="shared" si="251"/>
        <v>8</v>
      </c>
    </row>
    <row r="5368" spans="1:4" x14ac:dyDescent="0.25">
      <c r="A5368" s="7">
        <f t="shared" si="252"/>
        <v>44785.333333320334</v>
      </c>
      <c r="B5368" s="8">
        <v>2.9113408983320186</v>
      </c>
      <c r="C5368">
        <f t="shared" si="250"/>
        <v>8</v>
      </c>
      <c r="D5368">
        <f t="shared" si="251"/>
        <v>8</v>
      </c>
    </row>
    <row r="5369" spans="1:4" x14ac:dyDescent="0.25">
      <c r="A5369" s="7">
        <f t="shared" si="252"/>
        <v>44785.374999986998</v>
      </c>
      <c r="B5369" s="8">
        <v>5.0325932623113143</v>
      </c>
      <c r="C5369">
        <f t="shared" si="250"/>
        <v>9</v>
      </c>
      <c r="D5369">
        <f t="shared" si="251"/>
        <v>8</v>
      </c>
    </row>
    <row r="5370" spans="1:4" x14ac:dyDescent="0.25">
      <c r="A5370" s="7">
        <f t="shared" si="252"/>
        <v>44785.416666653662</v>
      </c>
      <c r="B5370" s="8">
        <v>8.2938065423947762</v>
      </c>
      <c r="C5370">
        <f t="shared" si="250"/>
        <v>10</v>
      </c>
      <c r="D5370">
        <f t="shared" si="251"/>
        <v>8</v>
      </c>
    </row>
    <row r="5371" spans="1:4" x14ac:dyDescent="0.25">
      <c r="A5371" s="7">
        <f t="shared" si="252"/>
        <v>44785.458333320326</v>
      </c>
      <c r="B5371" s="8">
        <v>3.8999414726372992</v>
      </c>
      <c r="C5371">
        <f t="shared" si="250"/>
        <v>11</v>
      </c>
      <c r="D5371">
        <f t="shared" si="251"/>
        <v>8</v>
      </c>
    </row>
    <row r="5372" spans="1:4" x14ac:dyDescent="0.25">
      <c r="A5372" s="7">
        <f t="shared" si="252"/>
        <v>44785.499999986991</v>
      </c>
      <c r="B5372" s="8">
        <v>11.455942614323115</v>
      </c>
      <c r="C5372">
        <f t="shared" si="250"/>
        <v>12</v>
      </c>
      <c r="D5372">
        <f t="shared" si="251"/>
        <v>8</v>
      </c>
    </row>
    <row r="5373" spans="1:4" x14ac:dyDescent="0.25">
      <c r="A5373" s="7">
        <f t="shared" si="252"/>
        <v>44785.541666653655</v>
      </c>
      <c r="B5373" s="8">
        <v>12.34466828393394</v>
      </c>
      <c r="C5373">
        <f t="shared" si="250"/>
        <v>13</v>
      </c>
      <c r="D5373">
        <f t="shared" si="251"/>
        <v>8</v>
      </c>
    </row>
    <row r="5374" spans="1:4" x14ac:dyDescent="0.25">
      <c r="A5374" s="7">
        <f t="shared" si="252"/>
        <v>44785.583333320319</v>
      </c>
      <c r="B5374" s="8">
        <v>20.451307803824424</v>
      </c>
      <c r="C5374">
        <f t="shared" si="250"/>
        <v>14</v>
      </c>
      <c r="D5374">
        <f t="shared" si="251"/>
        <v>8</v>
      </c>
    </row>
    <row r="5375" spans="1:4" x14ac:dyDescent="0.25">
      <c r="A5375" s="7">
        <f t="shared" si="252"/>
        <v>44785.624999986983</v>
      </c>
      <c r="B5375" s="8">
        <v>13.15483321180885</v>
      </c>
      <c r="C5375">
        <f t="shared" si="250"/>
        <v>15</v>
      </c>
      <c r="D5375">
        <f t="shared" si="251"/>
        <v>8</v>
      </c>
    </row>
    <row r="5376" spans="1:4" x14ac:dyDescent="0.25">
      <c r="A5376" s="7">
        <f t="shared" si="252"/>
        <v>44785.666666653648</v>
      </c>
      <c r="B5376" s="8">
        <v>11.565125009258786</v>
      </c>
      <c r="C5376">
        <f t="shared" si="250"/>
        <v>16</v>
      </c>
      <c r="D5376">
        <f t="shared" si="251"/>
        <v>8</v>
      </c>
    </row>
    <row r="5377" spans="1:4" x14ac:dyDescent="0.25">
      <c r="A5377" s="7">
        <f t="shared" si="252"/>
        <v>44785.708333320312</v>
      </c>
      <c r="B5377" s="8">
        <v>10.929652531650358</v>
      </c>
      <c r="C5377">
        <f t="shared" si="250"/>
        <v>17</v>
      </c>
      <c r="D5377">
        <f t="shared" si="251"/>
        <v>8</v>
      </c>
    </row>
    <row r="5378" spans="1:4" x14ac:dyDescent="0.25">
      <c r="A5378" s="7">
        <f t="shared" si="252"/>
        <v>44785.749999986976</v>
      </c>
      <c r="B5378" s="8">
        <v>5.1935352381233297</v>
      </c>
      <c r="C5378">
        <f t="shared" si="250"/>
        <v>18</v>
      </c>
      <c r="D5378">
        <f t="shared" si="251"/>
        <v>8</v>
      </c>
    </row>
    <row r="5379" spans="1:4" x14ac:dyDescent="0.25">
      <c r="A5379" s="7">
        <f t="shared" si="252"/>
        <v>44785.79166665364</v>
      </c>
      <c r="B5379" s="8">
        <v>1.4065451219776877</v>
      </c>
      <c r="C5379">
        <f t="shared" si="250"/>
        <v>19</v>
      </c>
      <c r="D5379">
        <f t="shared" si="251"/>
        <v>8</v>
      </c>
    </row>
    <row r="5380" spans="1:4" x14ac:dyDescent="0.25">
      <c r="A5380" s="7">
        <f t="shared" si="252"/>
        <v>44785.833333320305</v>
      </c>
      <c r="B5380" s="8">
        <v>-4.9800999999999998E-2</v>
      </c>
      <c r="C5380">
        <f t="shared" si="250"/>
        <v>20</v>
      </c>
      <c r="D5380">
        <f t="shared" si="251"/>
        <v>8</v>
      </c>
    </row>
    <row r="5381" spans="1:4" x14ac:dyDescent="0.25">
      <c r="A5381" s="7">
        <f t="shared" si="252"/>
        <v>44785.874999986969</v>
      </c>
      <c r="B5381" s="8">
        <v>-4.9800999999999998E-2</v>
      </c>
      <c r="C5381">
        <f t="shared" si="250"/>
        <v>21</v>
      </c>
      <c r="D5381">
        <f t="shared" si="251"/>
        <v>8</v>
      </c>
    </row>
    <row r="5382" spans="1:4" x14ac:dyDescent="0.25">
      <c r="A5382" s="7">
        <f t="shared" si="252"/>
        <v>44785.916666653633</v>
      </c>
      <c r="B5382" s="8">
        <v>-4.9800999999999998E-2</v>
      </c>
      <c r="C5382">
        <f t="shared" si="250"/>
        <v>22</v>
      </c>
      <c r="D5382">
        <f t="shared" si="251"/>
        <v>8</v>
      </c>
    </row>
    <row r="5383" spans="1:4" x14ac:dyDescent="0.25">
      <c r="A5383" s="7">
        <f t="shared" si="252"/>
        <v>44785.958333320297</v>
      </c>
      <c r="B5383" s="8">
        <v>-4.9800999999999998E-2</v>
      </c>
      <c r="C5383">
        <f t="shared" si="250"/>
        <v>23</v>
      </c>
      <c r="D5383">
        <f t="shared" si="251"/>
        <v>8</v>
      </c>
    </row>
    <row r="5384" spans="1:4" x14ac:dyDescent="0.25">
      <c r="A5384" s="7">
        <f t="shared" si="252"/>
        <v>44785.999999986961</v>
      </c>
      <c r="B5384" s="8">
        <v>-4.9800999999999998E-2</v>
      </c>
      <c r="C5384">
        <f t="shared" si="250"/>
        <v>0</v>
      </c>
      <c r="D5384">
        <f t="shared" si="251"/>
        <v>8</v>
      </c>
    </row>
    <row r="5385" spans="1:4" x14ac:dyDescent="0.25">
      <c r="A5385" s="7">
        <f t="shared" si="252"/>
        <v>44786.041666653626</v>
      </c>
      <c r="B5385" s="8">
        <v>-4.9800999999999998E-2</v>
      </c>
      <c r="C5385">
        <f t="shared" si="250"/>
        <v>1</v>
      </c>
      <c r="D5385">
        <f t="shared" si="251"/>
        <v>8</v>
      </c>
    </row>
    <row r="5386" spans="1:4" x14ac:dyDescent="0.25">
      <c r="A5386" s="7">
        <f t="shared" si="252"/>
        <v>44786.08333332029</v>
      </c>
      <c r="B5386" s="8">
        <v>-4.9800999999999998E-2</v>
      </c>
      <c r="C5386">
        <f t="shared" ref="C5386:C5449" si="253">HOUR(A5386)</f>
        <v>2</v>
      </c>
      <c r="D5386">
        <f t="shared" ref="D5386:D5449" si="254">MONTH(A5386)</f>
        <v>8</v>
      </c>
    </row>
    <row r="5387" spans="1:4" x14ac:dyDescent="0.25">
      <c r="A5387" s="7">
        <f t="shared" ref="A5387:A5450" si="255">+A5386+1/24</f>
        <v>44786.124999986954</v>
      </c>
      <c r="B5387" s="8">
        <v>-4.9800999999999998E-2</v>
      </c>
      <c r="C5387">
        <f t="shared" si="253"/>
        <v>3</v>
      </c>
      <c r="D5387">
        <f t="shared" si="254"/>
        <v>8</v>
      </c>
    </row>
    <row r="5388" spans="1:4" x14ac:dyDescent="0.25">
      <c r="A5388" s="7">
        <f t="shared" si="255"/>
        <v>44786.166666653618</v>
      </c>
      <c r="B5388" s="8">
        <v>-4.9800999999999998E-2</v>
      </c>
      <c r="C5388">
        <f t="shared" si="253"/>
        <v>4</v>
      </c>
      <c r="D5388">
        <f t="shared" si="254"/>
        <v>8</v>
      </c>
    </row>
    <row r="5389" spans="1:4" x14ac:dyDescent="0.25">
      <c r="A5389" s="7">
        <f t="shared" si="255"/>
        <v>44786.208333320283</v>
      </c>
      <c r="B5389" s="8">
        <v>-4.9800999999999998E-2</v>
      </c>
      <c r="C5389">
        <f t="shared" si="253"/>
        <v>5</v>
      </c>
      <c r="D5389">
        <f t="shared" si="254"/>
        <v>8</v>
      </c>
    </row>
    <row r="5390" spans="1:4" x14ac:dyDescent="0.25">
      <c r="A5390" s="7">
        <f t="shared" si="255"/>
        <v>44786.249999986947</v>
      </c>
      <c r="B5390" s="8">
        <v>-4.9800999999999998E-2</v>
      </c>
      <c r="C5390">
        <f t="shared" si="253"/>
        <v>6</v>
      </c>
      <c r="D5390">
        <f t="shared" si="254"/>
        <v>8</v>
      </c>
    </row>
    <row r="5391" spans="1:4" x14ac:dyDescent="0.25">
      <c r="A5391" s="7">
        <f t="shared" si="255"/>
        <v>44786.291666653611</v>
      </c>
      <c r="B5391" s="8">
        <v>0.7182917233501791</v>
      </c>
      <c r="C5391">
        <f t="shared" si="253"/>
        <v>7</v>
      </c>
      <c r="D5391">
        <f t="shared" si="254"/>
        <v>8</v>
      </c>
    </row>
    <row r="5392" spans="1:4" x14ac:dyDescent="0.25">
      <c r="A5392" s="7">
        <f t="shared" si="255"/>
        <v>44786.333333320275</v>
      </c>
      <c r="B5392" s="8">
        <v>4.6725724079206019</v>
      </c>
      <c r="C5392">
        <f t="shared" si="253"/>
        <v>8</v>
      </c>
      <c r="D5392">
        <f t="shared" si="254"/>
        <v>8</v>
      </c>
    </row>
    <row r="5393" spans="1:4" x14ac:dyDescent="0.25">
      <c r="A5393" s="7">
        <f t="shared" si="255"/>
        <v>44786.37499998694</v>
      </c>
      <c r="B5393" s="8">
        <v>8.8792972511815691</v>
      </c>
      <c r="C5393">
        <f t="shared" si="253"/>
        <v>9</v>
      </c>
      <c r="D5393">
        <f t="shared" si="254"/>
        <v>8</v>
      </c>
    </row>
    <row r="5394" spans="1:4" x14ac:dyDescent="0.25">
      <c r="A5394" s="7">
        <f t="shared" si="255"/>
        <v>44786.416666653604</v>
      </c>
      <c r="B5394" s="8">
        <v>14.01082549668363</v>
      </c>
      <c r="C5394">
        <f t="shared" si="253"/>
        <v>10</v>
      </c>
      <c r="D5394">
        <f t="shared" si="254"/>
        <v>8</v>
      </c>
    </row>
    <row r="5395" spans="1:4" x14ac:dyDescent="0.25">
      <c r="A5395" s="7">
        <f t="shared" si="255"/>
        <v>44786.458333320268</v>
      </c>
      <c r="B5395" s="8">
        <v>17.203359578208318</v>
      </c>
      <c r="C5395">
        <f t="shared" si="253"/>
        <v>11</v>
      </c>
      <c r="D5395">
        <f t="shared" si="254"/>
        <v>8</v>
      </c>
    </row>
    <row r="5396" spans="1:4" x14ac:dyDescent="0.25">
      <c r="A5396" s="7">
        <f t="shared" si="255"/>
        <v>44786.499999986932</v>
      </c>
      <c r="B5396" s="8">
        <v>20.451316048749899</v>
      </c>
      <c r="C5396">
        <f t="shared" si="253"/>
        <v>12</v>
      </c>
      <c r="D5396">
        <f t="shared" si="254"/>
        <v>8</v>
      </c>
    </row>
    <row r="5397" spans="1:4" x14ac:dyDescent="0.25">
      <c r="A5397" s="7">
        <f t="shared" si="255"/>
        <v>44786.541666653597</v>
      </c>
      <c r="B5397" s="8">
        <v>20.451307803824424</v>
      </c>
      <c r="C5397">
        <f t="shared" si="253"/>
        <v>13</v>
      </c>
      <c r="D5397">
        <f t="shared" si="254"/>
        <v>8</v>
      </c>
    </row>
    <row r="5398" spans="1:4" x14ac:dyDescent="0.25">
      <c r="A5398" s="7">
        <f t="shared" si="255"/>
        <v>44786.583333320261</v>
      </c>
      <c r="B5398" s="8">
        <v>20.451300589514638</v>
      </c>
      <c r="C5398">
        <f t="shared" si="253"/>
        <v>14</v>
      </c>
      <c r="D5398">
        <f t="shared" si="254"/>
        <v>8</v>
      </c>
    </row>
    <row r="5399" spans="1:4" x14ac:dyDescent="0.25">
      <c r="A5399" s="7">
        <f t="shared" si="255"/>
        <v>44786.624999986925</v>
      </c>
      <c r="B5399" s="8">
        <v>20.095621719000157</v>
      </c>
      <c r="C5399">
        <f t="shared" si="253"/>
        <v>15</v>
      </c>
      <c r="D5399">
        <f t="shared" si="254"/>
        <v>8</v>
      </c>
    </row>
    <row r="5400" spans="1:4" x14ac:dyDescent="0.25">
      <c r="A5400" s="7">
        <f t="shared" si="255"/>
        <v>44786.666666653589</v>
      </c>
      <c r="B5400" s="8">
        <v>16.046663524629139</v>
      </c>
      <c r="C5400">
        <f t="shared" si="253"/>
        <v>16</v>
      </c>
      <c r="D5400">
        <f t="shared" si="254"/>
        <v>8</v>
      </c>
    </row>
    <row r="5401" spans="1:4" x14ac:dyDescent="0.25">
      <c r="A5401" s="7">
        <f t="shared" si="255"/>
        <v>44786.708333320254</v>
      </c>
      <c r="B5401" s="8">
        <v>11.426949333903909</v>
      </c>
      <c r="C5401">
        <f t="shared" si="253"/>
        <v>17</v>
      </c>
      <c r="D5401">
        <f t="shared" si="254"/>
        <v>8</v>
      </c>
    </row>
    <row r="5402" spans="1:4" x14ac:dyDescent="0.25">
      <c r="A5402" s="7">
        <f t="shared" si="255"/>
        <v>44786.749999986918</v>
      </c>
      <c r="B5402" s="8">
        <v>5.4163564102118107</v>
      </c>
      <c r="C5402">
        <f t="shared" si="253"/>
        <v>18</v>
      </c>
      <c r="D5402">
        <f t="shared" si="254"/>
        <v>8</v>
      </c>
    </row>
    <row r="5403" spans="1:4" x14ac:dyDescent="0.25">
      <c r="A5403" s="7">
        <f t="shared" si="255"/>
        <v>44786.791666653582</v>
      </c>
      <c r="B5403" s="8">
        <v>1.3252790140715585</v>
      </c>
      <c r="C5403">
        <f t="shared" si="253"/>
        <v>19</v>
      </c>
      <c r="D5403">
        <f t="shared" si="254"/>
        <v>8</v>
      </c>
    </row>
    <row r="5404" spans="1:4" x14ac:dyDescent="0.25">
      <c r="A5404" s="7">
        <f t="shared" si="255"/>
        <v>44786.833333320246</v>
      </c>
      <c r="B5404" s="8">
        <v>-4.9800999999999998E-2</v>
      </c>
      <c r="C5404">
        <f t="shared" si="253"/>
        <v>20</v>
      </c>
      <c r="D5404">
        <f t="shared" si="254"/>
        <v>8</v>
      </c>
    </row>
    <row r="5405" spans="1:4" x14ac:dyDescent="0.25">
      <c r="A5405" s="7">
        <f t="shared" si="255"/>
        <v>44786.874999986911</v>
      </c>
      <c r="B5405" s="8">
        <v>-4.9800999999999998E-2</v>
      </c>
      <c r="C5405">
        <f t="shared" si="253"/>
        <v>21</v>
      </c>
      <c r="D5405">
        <f t="shared" si="254"/>
        <v>8</v>
      </c>
    </row>
    <row r="5406" spans="1:4" x14ac:dyDescent="0.25">
      <c r="A5406" s="7">
        <f t="shared" si="255"/>
        <v>44786.916666653575</v>
      </c>
      <c r="B5406" s="8">
        <v>-4.9800999999999998E-2</v>
      </c>
      <c r="C5406">
        <f t="shared" si="253"/>
        <v>22</v>
      </c>
      <c r="D5406">
        <f t="shared" si="254"/>
        <v>8</v>
      </c>
    </row>
    <row r="5407" spans="1:4" x14ac:dyDescent="0.25">
      <c r="A5407" s="7">
        <f t="shared" si="255"/>
        <v>44786.958333320239</v>
      </c>
      <c r="B5407" s="8">
        <v>-4.9800999999999998E-2</v>
      </c>
      <c r="C5407">
        <f t="shared" si="253"/>
        <v>23</v>
      </c>
      <c r="D5407">
        <f t="shared" si="254"/>
        <v>8</v>
      </c>
    </row>
    <row r="5408" spans="1:4" x14ac:dyDescent="0.25">
      <c r="A5408" s="7">
        <f t="shared" si="255"/>
        <v>44786.999999986903</v>
      </c>
      <c r="B5408" s="8">
        <v>-4.9800999999999998E-2</v>
      </c>
      <c r="C5408">
        <f t="shared" si="253"/>
        <v>0</v>
      </c>
      <c r="D5408">
        <f t="shared" si="254"/>
        <v>8</v>
      </c>
    </row>
    <row r="5409" spans="1:4" x14ac:dyDescent="0.25">
      <c r="A5409" s="7">
        <f t="shared" si="255"/>
        <v>44787.041666653568</v>
      </c>
      <c r="B5409" s="8">
        <v>-4.9800999999999998E-2</v>
      </c>
      <c r="C5409">
        <f t="shared" si="253"/>
        <v>1</v>
      </c>
      <c r="D5409">
        <f t="shared" si="254"/>
        <v>8</v>
      </c>
    </row>
    <row r="5410" spans="1:4" x14ac:dyDescent="0.25">
      <c r="A5410" s="7">
        <f t="shared" si="255"/>
        <v>44787.083333320232</v>
      </c>
      <c r="B5410" s="8">
        <v>-4.9800999999999998E-2</v>
      </c>
      <c r="C5410">
        <f t="shared" si="253"/>
        <v>2</v>
      </c>
      <c r="D5410">
        <f t="shared" si="254"/>
        <v>8</v>
      </c>
    </row>
    <row r="5411" spans="1:4" x14ac:dyDescent="0.25">
      <c r="A5411" s="7">
        <f t="shared" si="255"/>
        <v>44787.124999986896</v>
      </c>
      <c r="B5411" s="8">
        <v>-4.9800999999999998E-2</v>
      </c>
      <c r="C5411">
        <f t="shared" si="253"/>
        <v>3</v>
      </c>
      <c r="D5411">
        <f t="shared" si="254"/>
        <v>8</v>
      </c>
    </row>
    <row r="5412" spans="1:4" x14ac:dyDescent="0.25">
      <c r="A5412" s="7">
        <f t="shared" si="255"/>
        <v>44787.16666665356</v>
      </c>
      <c r="B5412" s="8">
        <v>-4.9800999999999998E-2</v>
      </c>
      <c r="C5412">
        <f t="shared" si="253"/>
        <v>4</v>
      </c>
      <c r="D5412">
        <f t="shared" si="254"/>
        <v>8</v>
      </c>
    </row>
    <row r="5413" spans="1:4" x14ac:dyDescent="0.25">
      <c r="A5413" s="7">
        <f t="shared" si="255"/>
        <v>44787.208333320224</v>
      </c>
      <c r="B5413" s="8">
        <v>-4.9800999999999998E-2</v>
      </c>
      <c r="C5413">
        <f t="shared" si="253"/>
        <v>5</v>
      </c>
      <c r="D5413">
        <f t="shared" si="254"/>
        <v>8</v>
      </c>
    </row>
    <row r="5414" spans="1:4" x14ac:dyDescent="0.25">
      <c r="A5414" s="7">
        <f t="shared" si="255"/>
        <v>44787.249999986889</v>
      </c>
      <c r="B5414" s="8">
        <v>-4.9800999999999998E-2</v>
      </c>
      <c r="C5414">
        <f t="shared" si="253"/>
        <v>6</v>
      </c>
      <c r="D5414">
        <f t="shared" si="254"/>
        <v>8</v>
      </c>
    </row>
    <row r="5415" spans="1:4" x14ac:dyDescent="0.25">
      <c r="A5415" s="7">
        <f t="shared" si="255"/>
        <v>44787.291666653553</v>
      </c>
      <c r="B5415" s="8">
        <v>0.77629477403953329</v>
      </c>
      <c r="C5415">
        <f t="shared" si="253"/>
        <v>7</v>
      </c>
      <c r="D5415">
        <f t="shared" si="254"/>
        <v>8</v>
      </c>
    </row>
    <row r="5416" spans="1:4" x14ac:dyDescent="0.25">
      <c r="A5416" s="7">
        <f t="shared" si="255"/>
        <v>44787.333333320217</v>
      </c>
      <c r="B5416" s="8">
        <v>2.5568647563206368</v>
      </c>
      <c r="C5416">
        <f t="shared" si="253"/>
        <v>8</v>
      </c>
      <c r="D5416">
        <f t="shared" si="254"/>
        <v>8</v>
      </c>
    </row>
    <row r="5417" spans="1:4" x14ac:dyDescent="0.25">
      <c r="A5417" s="7">
        <f t="shared" si="255"/>
        <v>44787.374999986881</v>
      </c>
      <c r="B5417" s="8">
        <v>4.7701407947145098</v>
      </c>
      <c r="C5417">
        <f t="shared" si="253"/>
        <v>9</v>
      </c>
      <c r="D5417">
        <f t="shared" si="254"/>
        <v>8</v>
      </c>
    </row>
    <row r="5418" spans="1:4" x14ac:dyDescent="0.25">
      <c r="A5418" s="7">
        <f t="shared" si="255"/>
        <v>44787.416666653546</v>
      </c>
      <c r="B5418" s="8">
        <v>14.310254393787057</v>
      </c>
      <c r="C5418">
        <f t="shared" si="253"/>
        <v>10</v>
      </c>
      <c r="D5418">
        <f t="shared" si="254"/>
        <v>8</v>
      </c>
    </row>
    <row r="5419" spans="1:4" x14ac:dyDescent="0.25">
      <c r="A5419" s="7">
        <f t="shared" si="255"/>
        <v>44787.45833332021</v>
      </c>
      <c r="B5419" s="8">
        <v>19.731576310363852</v>
      </c>
      <c r="C5419">
        <f t="shared" si="253"/>
        <v>11</v>
      </c>
      <c r="D5419">
        <f t="shared" si="254"/>
        <v>8</v>
      </c>
    </row>
    <row r="5420" spans="1:4" x14ac:dyDescent="0.25">
      <c r="A5420" s="7">
        <f t="shared" si="255"/>
        <v>44787.499999986874</v>
      </c>
      <c r="B5420" s="8">
        <v>20.451310895671476</v>
      </c>
      <c r="C5420">
        <f t="shared" si="253"/>
        <v>12</v>
      </c>
      <c r="D5420">
        <f t="shared" si="254"/>
        <v>8</v>
      </c>
    </row>
    <row r="5421" spans="1:4" x14ac:dyDescent="0.25">
      <c r="A5421" s="7">
        <f t="shared" si="255"/>
        <v>44787.541666653538</v>
      </c>
      <c r="B5421" s="8">
        <v>16.759669220136644</v>
      </c>
      <c r="C5421">
        <f t="shared" si="253"/>
        <v>13</v>
      </c>
      <c r="D5421">
        <f t="shared" si="254"/>
        <v>8</v>
      </c>
    </row>
    <row r="5422" spans="1:4" x14ac:dyDescent="0.25">
      <c r="A5422" s="7">
        <f t="shared" si="255"/>
        <v>44787.583333320203</v>
      </c>
      <c r="B5422" s="8">
        <v>17.930563035377098</v>
      </c>
      <c r="C5422">
        <f t="shared" si="253"/>
        <v>14</v>
      </c>
      <c r="D5422">
        <f t="shared" si="254"/>
        <v>8</v>
      </c>
    </row>
    <row r="5423" spans="1:4" x14ac:dyDescent="0.25">
      <c r="A5423" s="7">
        <f t="shared" si="255"/>
        <v>44787.624999986867</v>
      </c>
      <c r="B5423" s="8">
        <v>18.453523198775205</v>
      </c>
      <c r="C5423">
        <f t="shared" si="253"/>
        <v>15</v>
      </c>
      <c r="D5423">
        <f t="shared" si="254"/>
        <v>8</v>
      </c>
    </row>
    <row r="5424" spans="1:4" x14ac:dyDescent="0.25">
      <c r="A5424" s="7">
        <f t="shared" si="255"/>
        <v>44787.666666653531</v>
      </c>
      <c r="B5424" s="8">
        <v>11.164496866307104</v>
      </c>
      <c r="C5424">
        <f t="shared" si="253"/>
        <v>16</v>
      </c>
      <c r="D5424">
        <f t="shared" si="254"/>
        <v>8</v>
      </c>
    </row>
    <row r="5425" spans="1:4" x14ac:dyDescent="0.25">
      <c r="A5425" s="7">
        <f t="shared" si="255"/>
        <v>44787.708333320195</v>
      </c>
      <c r="B5425" s="8">
        <v>9.3160598106261325</v>
      </c>
      <c r="C5425">
        <f t="shared" si="253"/>
        <v>17</v>
      </c>
      <c r="D5425">
        <f t="shared" si="254"/>
        <v>8</v>
      </c>
    </row>
    <row r="5426" spans="1:4" x14ac:dyDescent="0.25">
      <c r="A5426" s="7">
        <f t="shared" si="255"/>
        <v>44787.74999998686</v>
      </c>
      <c r="B5426" s="8">
        <v>5.261860935502531</v>
      </c>
      <c r="C5426">
        <f t="shared" si="253"/>
        <v>18</v>
      </c>
      <c r="D5426">
        <f t="shared" si="254"/>
        <v>8</v>
      </c>
    </row>
    <row r="5427" spans="1:4" x14ac:dyDescent="0.25">
      <c r="A5427" s="7">
        <f t="shared" si="255"/>
        <v>44787.791666653524</v>
      </c>
      <c r="B5427" s="8">
        <v>1.2205354808864048</v>
      </c>
      <c r="C5427">
        <f t="shared" si="253"/>
        <v>19</v>
      </c>
      <c r="D5427">
        <f t="shared" si="254"/>
        <v>8</v>
      </c>
    </row>
    <row r="5428" spans="1:4" x14ac:dyDescent="0.25">
      <c r="A5428" s="7">
        <f t="shared" si="255"/>
        <v>44787.833333320188</v>
      </c>
      <c r="B5428" s="8">
        <v>-4.9800999999999998E-2</v>
      </c>
      <c r="C5428">
        <f t="shared" si="253"/>
        <v>20</v>
      </c>
      <c r="D5428">
        <f t="shared" si="254"/>
        <v>8</v>
      </c>
    </row>
    <row r="5429" spans="1:4" x14ac:dyDescent="0.25">
      <c r="A5429" s="7">
        <f t="shared" si="255"/>
        <v>44787.874999986852</v>
      </c>
      <c r="B5429" s="8">
        <v>-4.9800999999999998E-2</v>
      </c>
      <c r="C5429">
        <f t="shared" si="253"/>
        <v>21</v>
      </c>
      <c r="D5429">
        <f t="shared" si="254"/>
        <v>8</v>
      </c>
    </row>
    <row r="5430" spans="1:4" x14ac:dyDescent="0.25">
      <c r="A5430" s="7">
        <f t="shared" si="255"/>
        <v>44787.916666653517</v>
      </c>
      <c r="B5430" s="8">
        <v>-4.9800999999999998E-2</v>
      </c>
      <c r="C5430">
        <f t="shared" si="253"/>
        <v>22</v>
      </c>
      <c r="D5430">
        <f t="shared" si="254"/>
        <v>8</v>
      </c>
    </row>
    <row r="5431" spans="1:4" x14ac:dyDescent="0.25">
      <c r="A5431" s="7">
        <f t="shared" si="255"/>
        <v>44787.958333320181</v>
      </c>
      <c r="B5431" s="8">
        <v>-4.9800999999999998E-2</v>
      </c>
      <c r="C5431">
        <f t="shared" si="253"/>
        <v>23</v>
      </c>
      <c r="D5431">
        <f t="shared" si="254"/>
        <v>8</v>
      </c>
    </row>
    <row r="5432" spans="1:4" x14ac:dyDescent="0.25">
      <c r="A5432" s="7">
        <f t="shared" si="255"/>
        <v>44787.999999986845</v>
      </c>
      <c r="B5432" s="8">
        <v>-4.9800999999999998E-2</v>
      </c>
      <c r="C5432">
        <f t="shared" si="253"/>
        <v>0</v>
      </c>
      <c r="D5432">
        <f t="shared" si="254"/>
        <v>8</v>
      </c>
    </row>
    <row r="5433" spans="1:4" x14ac:dyDescent="0.25">
      <c r="A5433" s="7">
        <f t="shared" si="255"/>
        <v>44788.041666653509</v>
      </c>
      <c r="B5433" s="8">
        <v>-4.9800999999999998E-2</v>
      </c>
      <c r="C5433">
        <f t="shared" si="253"/>
        <v>1</v>
      </c>
      <c r="D5433">
        <f t="shared" si="254"/>
        <v>8</v>
      </c>
    </row>
    <row r="5434" spans="1:4" x14ac:dyDescent="0.25">
      <c r="A5434" s="7">
        <f t="shared" si="255"/>
        <v>44788.083333320174</v>
      </c>
      <c r="B5434" s="8">
        <v>-4.9800999999999998E-2</v>
      </c>
      <c r="C5434">
        <f t="shared" si="253"/>
        <v>2</v>
      </c>
      <c r="D5434">
        <f t="shared" si="254"/>
        <v>8</v>
      </c>
    </row>
    <row r="5435" spans="1:4" x14ac:dyDescent="0.25">
      <c r="A5435" s="7">
        <f t="shared" si="255"/>
        <v>44788.124999986838</v>
      </c>
      <c r="B5435" s="8">
        <v>-4.9800999999999998E-2</v>
      </c>
      <c r="C5435">
        <f t="shared" si="253"/>
        <v>3</v>
      </c>
      <c r="D5435">
        <f t="shared" si="254"/>
        <v>8</v>
      </c>
    </row>
    <row r="5436" spans="1:4" x14ac:dyDescent="0.25">
      <c r="A5436" s="7">
        <f t="shared" si="255"/>
        <v>44788.166666653502</v>
      </c>
      <c r="B5436" s="8">
        <v>-4.9800999999999998E-2</v>
      </c>
      <c r="C5436">
        <f t="shared" si="253"/>
        <v>4</v>
      </c>
      <c r="D5436">
        <f t="shared" si="254"/>
        <v>8</v>
      </c>
    </row>
    <row r="5437" spans="1:4" x14ac:dyDescent="0.25">
      <c r="A5437" s="7">
        <f t="shared" si="255"/>
        <v>44788.208333320166</v>
      </c>
      <c r="B5437" s="8">
        <v>-4.9800999999999998E-2</v>
      </c>
      <c r="C5437">
        <f t="shared" si="253"/>
        <v>5</v>
      </c>
      <c r="D5437">
        <f t="shared" si="254"/>
        <v>8</v>
      </c>
    </row>
    <row r="5438" spans="1:4" x14ac:dyDescent="0.25">
      <c r="A5438" s="7">
        <f t="shared" si="255"/>
        <v>44788.249999986831</v>
      </c>
      <c r="B5438" s="8">
        <v>-4.9800999999999998E-2</v>
      </c>
      <c r="C5438">
        <f t="shared" si="253"/>
        <v>6</v>
      </c>
      <c r="D5438">
        <f t="shared" si="254"/>
        <v>8</v>
      </c>
    </row>
    <row r="5439" spans="1:4" x14ac:dyDescent="0.25">
      <c r="A5439" s="7">
        <f t="shared" si="255"/>
        <v>44788.291666653495</v>
      </c>
      <c r="B5439" s="8">
        <v>0.85588097838092092</v>
      </c>
      <c r="C5439">
        <f t="shared" si="253"/>
        <v>7</v>
      </c>
      <c r="D5439">
        <f t="shared" si="254"/>
        <v>8</v>
      </c>
    </row>
    <row r="5440" spans="1:4" x14ac:dyDescent="0.25">
      <c r="A5440" s="7">
        <f t="shared" si="255"/>
        <v>44788.333333320159</v>
      </c>
      <c r="B5440" s="8">
        <v>4.3956387593494535</v>
      </c>
      <c r="C5440">
        <f t="shared" si="253"/>
        <v>8</v>
      </c>
      <c r="D5440">
        <f t="shared" si="254"/>
        <v>8</v>
      </c>
    </row>
    <row r="5441" spans="1:4" x14ac:dyDescent="0.25">
      <c r="A5441" s="7">
        <f t="shared" si="255"/>
        <v>44788.374999986823</v>
      </c>
      <c r="B5441" s="8">
        <v>11.000877350948342</v>
      </c>
      <c r="C5441">
        <f t="shared" si="253"/>
        <v>9</v>
      </c>
      <c r="D5441">
        <f t="shared" si="254"/>
        <v>8</v>
      </c>
    </row>
    <row r="5442" spans="1:4" x14ac:dyDescent="0.25">
      <c r="A5442" s="7">
        <f t="shared" si="255"/>
        <v>44788.416666653487</v>
      </c>
      <c r="B5442" s="8">
        <v>16.399538089867754</v>
      </c>
      <c r="C5442">
        <f t="shared" si="253"/>
        <v>10</v>
      </c>
      <c r="D5442">
        <f t="shared" si="254"/>
        <v>8</v>
      </c>
    </row>
    <row r="5443" spans="1:4" x14ac:dyDescent="0.25">
      <c r="A5443" s="7">
        <f t="shared" si="255"/>
        <v>44788.458333320152</v>
      </c>
      <c r="B5443" s="8">
        <v>19.990997737234334</v>
      </c>
      <c r="C5443">
        <f t="shared" si="253"/>
        <v>11</v>
      </c>
      <c r="D5443">
        <f t="shared" si="254"/>
        <v>8</v>
      </c>
    </row>
    <row r="5444" spans="1:4" x14ac:dyDescent="0.25">
      <c r="A5444" s="7">
        <f t="shared" si="255"/>
        <v>44788.499999986816</v>
      </c>
      <c r="B5444" s="8">
        <v>20.451309865055794</v>
      </c>
      <c r="C5444">
        <f t="shared" si="253"/>
        <v>12</v>
      </c>
      <c r="D5444">
        <f t="shared" si="254"/>
        <v>8</v>
      </c>
    </row>
    <row r="5445" spans="1:4" x14ac:dyDescent="0.25">
      <c r="A5445" s="7">
        <f t="shared" si="255"/>
        <v>44788.54166665348</v>
      </c>
      <c r="B5445" s="8">
        <v>20.451294405820537</v>
      </c>
      <c r="C5445">
        <f t="shared" si="253"/>
        <v>13</v>
      </c>
      <c r="D5445">
        <f t="shared" si="254"/>
        <v>8</v>
      </c>
    </row>
    <row r="5446" spans="1:4" x14ac:dyDescent="0.25">
      <c r="A5446" s="7">
        <f t="shared" si="255"/>
        <v>44788.583333320144</v>
      </c>
      <c r="B5446" s="8">
        <v>20.451309865055794</v>
      </c>
      <c r="C5446">
        <f t="shared" si="253"/>
        <v>14</v>
      </c>
      <c r="D5446">
        <f t="shared" si="254"/>
        <v>8</v>
      </c>
    </row>
    <row r="5447" spans="1:4" x14ac:dyDescent="0.25">
      <c r="A5447" s="7">
        <f t="shared" si="255"/>
        <v>44788.624999986809</v>
      </c>
      <c r="B5447" s="8">
        <v>16.519186387073329</v>
      </c>
      <c r="C5447">
        <f t="shared" si="253"/>
        <v>15</v>
      </c>
      <c r="D5447">
        <f t="shared" si="254"/>
        <v>8</v>
      </c>
    </row>
    <row r="5448" spans="1:4" x14ac:dyDescent="0.25">
      <c r="A5448" s="7">
        <f t="shared" si="255"/>
        <v>44788.666666653473</v>
      </c>
      <c r="B5448" s="8">
        <v>8.0307223073837477</v>
      </c>
      <c r="C5448">
        <f t="shared" si="253"/>
        <v>16</v>
      </c>
      <c r="D5448">
        <f t="shared" si="254"/>
        <v>8</v>
      </c>
    </row>
    <row r="5449" spans="1:4" x14ac:dyDescent="0.25">
      <c r="A5449" s="7">
        <f t="shared" si="255"/>
        <v>44788.708333320137</v>
      </c>
      <c r="B5449" s="8">
        <v>7.9226612223121506</v>
      </c>
      <c r="C5449">
        <f t="shared" si="253"/>
        <v>17</v>
      </c>
      <c r="D5449">
        <f t="shared" si="254"/>
        <v>8</v>
      </c>
    </row>
    <row r="5450" spans="1:4" x14ac:dyDescent="0.25">
      <c r="A5450" s="7">
        <f t="shared" si="255"/>
        <v>44788.749999986801</v>
      </c>
      <c r="B5450" s="8">
        <v>5.559158519371671</v>
      </c>
      <c r="C5450">
        <f t="shared" ref="C5450:C5513" si="256">HOUR(A5450)</f>
        <v>18</v>
      </c>
      <c r="D5450">
        <f t="shared" ref="D5450:D5513" si="257">MONTH(A5450)</f>
        <v>8</v>
      </c>
    </row>
    <row r="5451" spans="1:4" x14ac:dyDescent="0.25">
      <c r="A5451" s="7">
        <f t="shared" ref="A5451:A5514" si="258">+A5450+1/24</f>
        <v>44788.791666653466</v>
      </c>
      <c r="B5451" s="8">
        <v>1.192454295347442</v>
      </c>
      <c r="C5451">
        <f t="shared" si="256"/>
        <v>19</v>
      </c>
      <c r="D5451">
        <f t="shared" si="257"/>
        <v>8</v>
      </c>
    </row>
    <row r="5452" spans="1:4" x14ac:dyDescent="0.25">
      <c r="A5452" s="7">
        <f t="shared" si="258"/>
        <v>44788.83333332013</v>
      </c>
      <c r="B5452" s="8">
        <v>-4.9800999999999998E-2</v>
      </c>
      <c r="C5452">
        <f t="shared" si="256"/>
        <v>20</v>
      </c>
      <c r="D5452">
        <f t="shared" si="257"/>
        <v>8</v>
      </c>
    </row>
    <row r="5453" spans="1:4" x14ac:dyDescent="0.25">
      <c r="A5453" s="7">
        <f t="shared" si="258"/>
        <v>44788.874999986794</v>
      </c>
      <c r="B5453" s="8">
        <v>-4.9800999999999998E-2</v>
      </c>
      <c r="C5453">
        <f t="shared" si="256"/>
        <v>21</v>
      </c>
      <c r="D5453">
        <f t="shared" si="257"/>
        <v>8</v>
      </c>
    </row>
    <row r="5454" spans="1:4" x14ac:dyDescent="0.25">
      <c r="A5454" s="7">
        <f t="shared" si="258"/>
        <v>44788.916666653458</v>
      </c>
      <c r="B5454" s="8">
        <v>-4.9800999999999998E-2</v>
      </c>
      <c r="C5454">
        <f t="shared" si="256"/>
        <v>22</v>
      </c>
      <c r="D5454">
        <f t="shared" si="257"/>
        <v>8</v>
      </c>
    </row>
    <row r="5455" spans="1:4" x14ac:dyDescent="0.25">
      <c r="A5455" s="7">
        <f t="shared" si="258"/>
        <v>44788.958333320123</v>
      </c>
      <c r="B5455" s="8">
        <v>-4.9800999999999998E-2</v>
      </c>
      <c r="C5455">
        <f t="shared" si="256"/>
        <v>23</v>
      </c>
      <c r="D5455">
        <f t="shared" si="257"/>
        <v>8</v>
      </c>
    </row>
    <row r="5456" spans="1:4" x14ac:dyDescent="0.25">
      <c r="A5456" s="7">
        <f t="shared" si="258"/>
        <v>44788.999999986787</v>
      </c>
      <c r="B5456" s="8">
        <v>-4.9800999999999998E-2</v>
      </c>
      <c r="C5456">
        <f t="shared" si="256"/>
        <v>0</v>
      </c>
      <c r="D5456">
        <f t="shared" si="257"/>
        <v>8</v>
      </c>
    </row>
    <row r="5457" spans="1:4" x14ac:dyDescent="0.25">
      <c r="A5457" s="7">
        <f t="shared" si="258"/>
        <v>44789.041666653451</v>
      </c>
      <c r="B5457" s="8">
        <v>-4.9800999999999998E-2</v>
      </c>
      <c r="C5457">
        <f t="shared" si="256"/>
        <v>1</v>
      </c>
      <c r="D5457">
        <f t="shared" si="257"/>
        <v>8</v>
      </c>
    </row>
    <row r="5458" spans="1:4" x14ac:dyDescent="0.25">
      <c r="A5458" s="7">
        <f t="shared" si="258"/>
        <v>44789.083333320115</v>
      </c>
      <c r="B5458" s="8">
        <v>-4.9800999999999998E-2</v>
      </c>
      <c r="C5458">
        <f t="shared" si="256"/>
        <v>2</v>
      </c>
      <c r="D5458">
        <f t="shared" si="257"/>
        <v>8</v>
      </c>
    </row>
    <row r="5459" spans="1:4" x14ac:dyDescent="0.25">
      <c r="A5459" s="7">
        <f t="shared" si="258"/>
        <v>44789.12499998678</v>
      </c>
      <c r="B5459" s="8">
        <v>-4.9800999999999998E-2</v>
      </c>
      <c r="C5459">
        <f t="shared" si="256"/>
        <v>3</v>
      </c>
      <c r="D5459">
        <f t="shared" si="257"/>
        <v>8</v>
      </c>
    </row>
    <row r="5460" spans="1:4" x14ac:dyDescent="0.25">
      <c r="A5460" s="7">
        <f t="shared" si="258"/>
        <v>44789.166666653444</v>
      </c>
      <c r="B5460" s="8">
        <v>-4.9800999999999998E-2</v>
      </c>
      <c r="C5460">
        <f t="shared" si="256"/>
        <v>4</v>
      </c>
      <c r="D5460">
        <f t="shared" si="257"/>
        <v>8</v>
      </c>
    </row>
    <row r="5461" spans="1:4" x14ac:dyDescent="0.25">
      <c r="A5461" s="7">
        <f t="shared" si="258"/>
        <v>44789.208333320108</v>
      </c>
      <c r="B5461" s="8">
        <v>-4.9800999999999998E-2</v>
      </c>
      <c r="C5461">
        <f t="shared" si="256"/>
        <v>5</v>
      </c>
      <c r="D5461">
        <f t="shared" si="257"/>
        <v>8</v>
      </c>
    </row>
    <row r="5462" spans="1:4" x14ac:dyDescent="0.25">
      <c r="A5462" s="7">
        <f t="shared" si="258"/>
        <v>44789.249999986772</v>
      </c>
      <c r="B5462" s="8">
        <v>-4.9800999999999998E-2</v>
      </c>
      <c r="C5462">
        <f t="shared" si="256"/>
        <v>6</v>
      </c>
      <c r="D5462">
        <f t="shared" si="257"/>
        <v>8</v>
      </c>
    </row>
    <row r="5463" spans="1:4" x14ac:dyDescent="0.25">
      <c r="A5463" s="7">
        <f t="shared" si="258"/>
        <v>44789.291666653437</v>
      </c>
      <c r="B5463" s="8">
        <v>0.97823773360376198</v>
      </c>
      <c r="C5463">
        <f t="shared" si="256"/>
        <v>7</v>
      </c>
      <c r="D5463">
        <f t="shared" si="257"/>
        <v>8</v>
      </c>
    </row>
    <row r="5464" spans="1:4" x14ac:dyDescent="0.25">
      <c r="A5464" s="7">
        <f t="shared" si="258"/>
        <v>44789.333333320101</v>
      </c>
      <c r="B5464" s="8">
        <v>5.0388058136538065</v>
      </c>
      <c r="C5464">
        <f t="shared" si="256"/>
        <v>8</v>
      </c>
      <c r="D5464">
        <f t="shared" si="257"/>
        <v>8</v>
      </c>
    </row>
    <row r="5465" spans="1:4" x14ac:dyDescent="0.25">
      <c r="A5465" s="7">
        <f t="shared" si="258"/>
        <v>44789.374999986765</v>
      </c>
      <c r="B5465" s="8">
        <v>7.7660715365332047</v>
      </c>
      <c r="C5465">
        <f t="shared" si="256"/>
        <v>9</v>
      </c>
      <c r="D5465">
        <f t="shared" si="257"/>
        <v>8</v>
      </c>
    </row>
    <row r="5466" spans="1:4" x14ac:dyDescent="0.25">
      <c r="A5466" s="7">
        <f t="shared" si="258"/>
        <v>44789.416666653429</v>
      </c>
      <c r="B5466" s="8">
        <v>15.014616315553772</v>
      </c>
      <c r="C5466">
        <f t="shared" si="256"/>
        <v>10</v>
      </c>
      <c r="D5466">
        <f t="shared" si="257"/>
        <v>8</v>
      </c>
    </row>
    <row r="5467" spans="1:4" x14ac:dyDescent="0.25">
      <c r="A5467" s="7">
        <f t="shared" si="258"/>
        <v>44789.458333320094</v>
      </c>
      <c r="B5467" s="8">
        <v>20.025210055476762</v>
      </c>
      <c r="C5467">
        <f t="shared" si="256"/>
        <v>11</v>
      </c>
      <c r="D5467">
        <f t="shared" si="257"/>
        <v>8</v>
      </c>
    </row>
    <row r="5468" spans="1:4" x14ac:dyDescent="0.25">
      <c r="A5468" s="7">
        <f t="shared" si="258"/>
        <v>44789.499999986758</v>
      </c>
      <c r="B5468" s="8">
        <v>20.451298528283271</v>
      </c>
      <c r="C5468">
        <f t="shared" si="256"/>
        <v>12</v>
      </c>
      <c r="D5468">
        <f t="shared" si="257"/>
        <v>8</v>
      </c>
    </row>
    <row r="5469" spans="1:4" x14ac:dyDescent="0.25">
      <c r="A5469" s="7">
        <f t="shared" si="258"/>
        <v>44789.541666653422</v>
      </c>
      <c r="B5469" s="8">
        <v>15.63258378577132</v>
      </c>
      <c r="C5469">
        <f t="shared" si="256"/>
        <v>13</v>
      </c>
      <c r="D5469">
        <f t="shared" si="257"/>
        <v>8</v>
      </c>
    </row>
    <row r="5470" spans="1:4" x14ac:dyDescent="0.25">
      <c r="A5470" s="7">
        <f t="shared" si="258"/>
        <v>44789.583333320086</v>
      </c>
      <c r="B5470" s="8">
        <v>20.451300589514638</v>
      </c>
      <c r="C5470">
        <f t="shared" si="256"/>
        <v>14</v>
      </c>
      <c r="D5470">
        <f t="shared" si="257"/>
        <v>8</v>
      </c>
    </row>
    <row r="5471" spans="1:4" x14ac:dyDescent="0.25">
      <c r="A5471" s="7">
        <f t="shared" si="258"/>
        <v>44789.62499998675</v>
      </c>
      <c r="B5471" s="8">
        <v>14.672565276227374</v>
      </c>
      <c r="C5471">
        <f t="shared" si="256"/>
        <v>15</v>
      </c>
      <c r="D5471">
        <f t="shared" si="257"/>
        <v>8</v>
      </c>
    </row>
    <row r="5472" spans="1:4" x14ac:dyDescent="0.25">
      <c r="A5472" s="7">
        <f t="shared" si="258"/>
        <v>44789.666666653415</v>
      </c>
      <c r="B5472" s="8">
        <v>15.704210545186022</v>
      </c>
      <c r="C5472">
        <f t="shared" si="256"/>
        <v>16</v>
      </c>
      <c r="D5472">
        <f t="shared" si="257"/>
        <v>8</v>
      </c>
    </row>
    <row r="5473" spans="1:4" x14ac:dyDescent="0.25">
      <c r="A5473" s="7">
        <f t="shared" si="258"/>
        <v>44789.708333320079</v>
      </c>
      <c r="B5473" s="8">
        <v>11.376713003008355</v>
      </c>
      <c r="C5473">
        <f t="shared" si="256"/>
        <v>17</v>
      </c>
      <c r="D5473">
        <f t="shared" si="257"/>
        <v>8</v>
      </c>
    </row>
    <row r="5474" spans="1:4" x14ac:dyDescent="0.25">
      <c r="A5474" s="7">
        <f t="shared" si="258"/>
        <v>44789.749999986743</v>
      </c>
      <c r="B5474" s="8">
        <v>5.6669650423693465</v>
      </c>
      <c r="C5474">
        <f t="shared" si="256"/>
        <v>18</v>
      </c>
      <c r="D5474">
        <f t="shared" si="257"/>
        <v>8</v>
      </c>
    </row>
    <row r="5475" spans="1:4" x14ac:dyDescent="0.25">
      <c r="A5475" s="7">
        <f t="shared" si="258"/>
        <v>44789.791666653407</v>
      </c>
      <c r="B5475" s="8">
        <v>1.3106442713603141</v>
      </c>
      <c r="C5475">
        <f t="shared" si="256"/>
        <v>19</v>
      </c>
      <c r="D5475">
        <f t="shared" si="257"/>
        <v>8</v>
      </c>
    </row>
    <row r="5476" spans="1:4" x14ac:dyDescent="0.25">
      <c r="A5476" s="7">
        <f t="shared" si="258"/>
        <v>44789.833333320072</v>
      </c>
      <c r="B5476" s="8">
        <v>-4.9800999999999998E-2</v>
      </c>
      <c r="C5476">
        <f t="shared" si="256"/>
        <v>20</v>
      </c>
      <c r="D5476">
        <f t="shared" si="257"/>
        <v>8</v>
      </c>
    </row>
    <row r="5477" spans="1:4" x14ac:dyDescent="0.25">
      <c r="A5477" s="7">
        <f t="shared" si="258"/>
        <v>44789.874999986736</v>
      </c>
      <c r="B5477" s="8">
        <v>-4.9800999999999998E-2</v>
      </c>
      <c r="C5477">
        <f t="shared" si="256"/>
        <v>21</v>
      </c>
      <c r="D5477">
        <f t="shared" si="257"/>
        <v>8</v>
      </c>
    </row>
    <row r="5478" spans="1:4" x14ac:dyDescent="0.25">
      <c r="A5478" s="7">
        <f t="shared" si="258"/>
        <v>44789.9166666534</v>
      </c>
      <c r="B5478" s="8">
        <v>-4.9800999999999998E-2</v>
      </c>
      <c r="C5478">
        <f t="shared" si="256"/>
        <v>22</v>
      </c>
      <c r="D5478">
        <f t="shared" si="257"/>
        <v>8</v>
      </c>
    </row>
    <row r="5479" spans="1:4" x14ac:dyDescent="0.25">
      <c r="A5479" s="7">
        <f t="shared" si="258"/>
        <v>44789.958333320064</v>
      </c>
      <c r="B5479" s="8">
        <v>-4.9800999999999998E-2</v>
      </c>
      <c r="C5479">
        <f t="shared" si="256"/>
        <v>23</v>
      </c>
      <c r="D5479">
        <f t="shared" si="257"/>
        <v>8</v>
      </c>
    </row>
    <row r="5480" spans="1:4" x14ac:dyDescent="0.25">
      <c r="A5480" s="7">
        <f t="shared" si="258"/>
        <v>44789.999999986729</v>
      </c>
      <c r="B5480" s="8">
        <v>-4.9800999999999998E-2</v>
      </c>
      <c r="C5480">
        <f t="shared" si="256"/>
        <v>0</v>
      </c>
      <c r="D5480">
        <f t="shared" si="257"/>
        <v>8</v>
      </c>
    </row>
    <row r="5481" spans="1:4" x14ac:dyDescent="0.25">
      <c r="A5481" s="7">
        <f t="shared" si="258"/>
        <v>44790.041666653393</v>
      </c>
      <c r="B5481" s="8">
        <v>-4.9800999999999998E-2</v>
      </c>
      <c r="C5481">
        <f t="shared" si="256"/>
        <v>1</v>
      </c>
      <c r="D5481">
        <f t="shared" si="257"/>
        <v>8</v>
      </c>
    </row>
    <row r="5482" spans="1:4" x14ac:dyDescent="0.25">
      <c r="A5482" s="7">
        <f t="shared" si="258"/>
        <v>44790.083333320057</v>
      </c>
      <c r="B5482" s="8">
        <v>-4.9800999999999998E-2</v>
      </c>
      <c r="C5482">
        <f t="shared" si="256"/>
        <v>2</v>
      </c>
      <c r="D5482">
        <f t="shared" si="257"/>
        <v>8</v>
      </c>
    </row>
    <row r="5483" spans="1:4" x14ac:dyDescent="0.25">
      <c r="A5483" s="7">
        <f t="shared" si="258"/>
        <v>44790.124999986721</v>
      </c>
      <c r="B5483" s="8">
        <v>-4.9800999999999998E-2</v>
      </c>
      <c r="C5483">
        <f t="shared" si="256"/>
        <v>3</v>
      </c>
      <c r="D5483">
        <f t="shared" si="257"/>
        <v>8</v>
      </c>
    </row>
    <row r="5484" spans="1:4" x14ac:dyDescent="0.25">
      <c r="A5484" s="7">
        <f t="shared" si="258"/>
        <v>44790.166666653386</v>
      </c>
      <c r="B5484" s="8">
        <v>-4.9800999999999998E-2</v>
      </c>
      <c r="C5484">
        <f t="shared" si="256"/>
        <v>4</v>
      </c>
      <c r="D5484">
        <f t="shared" si="257"/>
        <v>8</v>
      </c>
    </row>
    <row r="5485" spans="1:4" x14ac:dyDescent="0.25">
      <c r="A5485" s="7">
        <f t="shared" si="258"/>
        <v>44790.20833332005</v>
      </c>
      <c r="B5485" s="8">
        <v>-4.9800999999999998E-2</v>
      </c>
      <c r="C5485">
        <f t="shared" si="256"/>
        <v>5</v>
      </c>
      <c r="D5485">
        <f t="shared" si="257"/>
        <v>8</v>
      </c>
    </row>
    <row r="5486" spans="1:4" x14ac:dyDescent="0.25">
      <c r="A5486" s="7">
        <f t="shared" si="258"/>
        <v>44790.249999986714</v>
      </c>
      <c r="B5486" s="8">
        <v>-4.9800999999999998E-2</v>
      </c>
      <c r="C5486">
        <f t="shared" si="256"/>
        <v>6</v>
      </c>
      <c r="D5486">
        <f t="shared" si="257"/>
        <v>8</v>
      </c>
    </row>
    <row r="5487" spans="1:4" x14ac:dyDescent="0.25">
      <c r="A5487" s="7">
        <f t="shared" si="258"/>
        <v>44790.291666653378</v>
      </c>
      <c r="B5487" s="8">
        <v>0.51299617096625483</v>
      </c>
      <c r="C5487">
        <f t="shared" si="256"/>
        <v>7</v>
      </c>
      <c r="D5487">
        <f t="shared" si="257"/>
        <v>8</v>
      </c>
    </row>
    <row r="5488" spans="1:4" x14ac:dyDescent="0.25">
      <c r="A5488" s="7">
        <f t="shared" si="258"/>
        <v>44790.333333320043</v>
      </c>
      <c r="B5488" s="8">
        <v>2.6981580441192805</v>
      </c>
      <c r="C5488">
        <f t="shared" si="256"/>
        <v>8</v>
      </c>
      <c r="D5488">
        <f t="shared" si="257"/>
        <v>8</v>
      </c>
    </row>
    <row r="5489" spans="1:4" x14ac:dyDescent="0.25">
      <c r="A5489" s="7">
        <f t="shared" si="258"/>
        <v>44790.374999986707</v>
      </c>
      <c r="B5489" s="8">
        <v>5.0145265693727152</v>
      </c>
      <c r="C5489">
        <f t="shared" si="256"/>
        <v>9</v>
      </c>
      <c r="D5489">
        <f t="shared" si="257"/>
        <v>8</v>
      </c>
    </row>
    <row r="5490" spans="1:4" x14ac:dyDescent="0.25">
      <c r="A5490" s="7">
        <f t="shared" si="258"/>
        <v>44790.416666653371</v>
      </c>
      <c r="B5490" s="8">
        <v>9.7759432023230932</v>
      </c>
      <c r="C5490">
        <f t="shared" si="256"/>
        <v>10</v>
      </c>
      <c r="D5490">
        <f t="shared" si="257"/>
        <v>8</v>
      </c>
    </row>
    <row r="5491" spans="1:4" x14ac:dyDescent="0.25">
      <c r="A5491" s="7">
        <f t="shared" si="258"/>
        <v>44790.458333320035</v>
      </c>
      <c r="B5491" s="8">
        <v>18.143945829032511</v>
      </c>
      <c r="C5491">
        <f t="shared" si="256"/>
        <v>11</v>
      </c>
      <c r="D5491">
        <f t="shared" si="257"/>
        <v>8</v>
      </c>
    </row>
    <row r="5492" spans="1:4" x14ac:dyDescent="0.25">
      <c r="A5492" s="7">
        <f t="shared" si="258"/>
        <v>44790.4999999867</v>
      </c>
      <c r="B5492" s="8">
        <v>19.5249327126654</v>
      </c>
      <c r="C5492">
        <f t="shared" si="256"/>
        <v>12</v>
      </c>
      <c r="D5492">
        <f t="shared" si="257"/>
        <v>8</v>
      </c>
    </row>
    <row r="5493" spans="1:4" x14ac:dyDescent="0.25">
      <c r="A5493" s="7">
        <f t="shared" si="258"/>
        <v>44790.541666653364</v>
      </c>
      <c r="B5493" s="8">
        <v>20.451310895671476</v>
      </c>
      <c r="C5493">
        <f t="shared" si="256"/>
        <v>13</v>
      </c>
      <c r="D5493">
        <f t="shared" si="257"/>
        <v>8</v>
      </c>
    </row>
    <row r="5494" spans="1:4" x14ac:dyDescent="0.25">
      <c r="A5494" s="7">
        <f t="shared" si="258"/>
        <v>44790.583333320028</v>
      </c>
      <c r="B5494" s="8">
        <v>20.451316048749899</v>
      </c>
      <c r="C5494">
        <f t="shared" si="256"/>
        <v>14</v>
      </c>
      <c r="D5494">
        <f t="shared" si="257"/>
        <v>8</v>
      </c>
    </row>
    <row r="5495" spans="1:4" x14ac:dyDescent="0.25">
      <c r="A5495" s="7">
        <f t="shared" si="258"/>
        <v>44790.624999986692</v>
      </c>
      <c r="B5495" s="8">
        <v>20.418194121901028</v>
      </c>
      <c r="C5495">
        <f t="shared" si="256"/>
        <v>15</v>
      </c>
      <c r="D5495">
        <f t="shared" si="257"/>
        <v>8</v>
      </c>
    </row>
    <row r="5496" spans="1:4" x14ac:dyDescent="0.25">
      <c r="A5496" s="7">
        <f t="shared" si="258"/>
        <v>44790.666666653357</v>
      </c>
      <c r="B5496" s="8">
        <v>16.558836233663964</v>
      </c>
      <c r="C5496">
        <f t="shared" si="256"/>
        <v>16</v>
      </c>
      <c r="D5496">
        <f t="shared" si="257"/>
        <v>8</v>
      </c>
    </row>
    <row r="5497" spans="1:4" x14ac:dyDescent="0.25">
      <c r="A5497" s="7">
        <f t="shared" si="258"/>
        <v>44790.708333320021</v>
      </c>
      <c r="B5497" s="8">
        <v>11.671962753513604</v>
      </c>
      <c r="C5497">
        <f t="shared" si="256"/>
        <v>17</v>
      </c>
      <c r="D5497">
        <f t="shared" si="257"/>
        <v>8</v>
      </c>
    </row>
    <row r="5498" spans="1:4" x14ac:dyDescent="0.25">
      <c r="A5498" s="7">
        <f t="shared" si="258"/>
        <v>44790.749999986685</v>
      </c>
      <c r="B5498" s="8">
        <v>5.8669797199890166</v>
      </c>
      <c r="C5498">
        <f t="shared" si="256"/>
        <v>18</v>
      </c>
      <c r="D5498">
        <f t="shared" si="257"/>
        <v>8</v>
      </c>
    </row>
    <row r="5499" spans="1:4" x14ac:dyDescent="0.25">
      <c r="A5499" s="7">
        <f t="shared" si="258"/>
        <v>44790.791666653349</v>
      </c>
      <c r="B5499" s="8">
        <v>1.1999798510712103</v>
      </c>
      <c r="C5499">
        <f t="shared" si="256"/>
        <v>19</v>
      </c>
      <c r="D5499">
        <f t="shared" si="257"/>
        <v>8</v>
      </c>
    </row>
    <row r="5500" spans="1:4" x14ac:dyDescent="0.25">
      <c r="A5500" s="7">
        <f t="shared" si="258"/>
        <v>44790.833333320013</v>
      </c>
      <c r="B5500" s="8">
        <v>-4.9800999999999998E-2</v>
      </c>
      <c r="C5500">
        <f t="shared" si="256"/>
        <v>20</v>
      </c>
      <c r="D5500">
        <f t="shared" si="257"/>
        <v>8</v>
      </c>
    </row>
    <row r="5501" spans="1:4" x14ac:dyDescent="0.25">
      <c r="A5501" s="7">
        <f t="shared" si="258"/>
        <v>44790.874999986678</v>
      </c>
      <c r="B5501" s="8">
        <v>-4.9800999999999998E-2</v>
      </c>
      <c r="C5501">
        <f t="shared" si="256"/>
        <v>21</v>
      </c>
      <c r="D5501">
        <f t="shared" si="257"/>
        <v>8</v>
      </c>
    </row>
    <row r="5502" spans="1:4" x14ac:dyDescent="0.25">
      <c r="A5502" s="7">
        <f t="shared" si="258"/>
        <v>44790.916666653342</v>
      </c>
      <c r="B5502" s="8">
        <v>-4.9800999999999998E-2</v>
      </c>
      <c r="C5502">
        <f t="shared" si="256"/>
        <v>22</v>
      </c>
      <c r="D5502">
        <f t="shared" si="257"/>
        <v>8</v>
      </c>
    </row>
    <row r="5503" spans="1:4" x14ac:dyDescent="0.25">
      <c r="A5503" s="7">
        <f t="shared" si="258"/>
        <v>44790.958333320006</v>
      </c>
      <c r="B5503" s="8">
        <v>-4.9800999999999998E-2</v>
      </c>
      <c r="C5503">
        <f t="shared" si="256"/>
        <v>23</v>
      </c>
      <c r="D5503">
        <f t="shared" si="257"/>
        <v>8</v>
      </c>
    </row>
    <row r="5504" spans="1:4" x14ac:dyDescent="0.25">
      <c r="A5504" s="7">
        <f t="shared" si="258"/>
        <v>44790.99999998667</v>
      </c>
      <c r="B5504" s="8">
        <v>-4.9800999999999998E-2</v>
      </c>
      <c r="C5504">
        <f t="shared" si="256"/>
        <v>0</v>
      </c>
      <c r="D5504">
        <f t="shared" si="257"/>
        <v>8</v>
      </c>
    </row>
    <row r="5505" spans="1:4" x14ac:dyDescent="0.25">
      <c r="A5505" s="7">
        <f t="shared" si="258"/>
        <v>44791.041666653335</v>
      </c>
      <c r="B5505" s="8">
        <v>-4.9800999999999998E-2</v>
      </c>
      <c r="C5505">
        <f t="shared" si="256"/>
        <v>1</v>
      </c>
      <c r="D5505">
        <f t="shared" si="257"/>
        <v>8</v>
      </c>
    </row>
    <row r="5506" spans="1:4" x14ac:dyDescent="0.25">
      <c r="A5506" s="7">
        <f t="shared" si="258"/>
        <v>44791.083333319999</v>
      </c>
      <c r="B5506" s="8">
        <v>-4.9800999999999998E-2</v>
      </c>
      <c r="C5506">
        <f t="shared" si="256"/>
        <v>2</v>
      </c>
      <c r="D5506">
        <f t="shared" si="257"/>
        <v>8</v>
      </c>
    </row>
    <row r="5507" spans="1:4" x14ac:dyDescent="0.25">
      <c r="A5507" s="7">
        <f t="shared" si="258"/>
        <v>44791.124999986663</v>
      </c>
      <c r="B5507" s="8">
        <v>-4.9800999999999998E-2</v>
      </c>
      <c r="C5507">
        <f t="shared" si="256"/>
        <v>3</v>
      </c>
      <c r="D5507">
        <f t="shared" si="257"/>
        <v>8</v>
      </c>
    </row>
    <row r="5508" spans="1:4" x14ac:dyDescent="0.25">
      <c r="A5508" s="7">
        <f t="shared" si="258"/>
        <v>44791.166666653327</v>
      </c>
      <c r="B5508" s="8">
        <v>-4.9800999999999998E-2</v>
      </c>
      <c r="C5508">
        <f t="shared" si="256"/>
        <v>4</v>
      </c>
      <c r="D5508">
        <f t="shared" si="257"/>
        <v>8</v>
      </c>
    </row>
    <row r="5509" spans="1:4" x14ac:dyDescent="0.25">
      <c r="A5509" s="7">
        <f t="shared" si="258"/>
        <v>44791.208333319992</v>
      </c>
      <c r="B5509" s="8">
        <v>-4.9800999999999998E-2</v>
      </c>
      <c r="C5509">
        <f t="shared" si="256"/>
        <v>5</v>
      </c>
      <c r="D5509">
        <f t="shared" si="257"/>
        <v>8</v>
      </c>
    </row>
    <row r="5510" spans="1:4" x14ac:dyDescent="0.25">
      <c r="A5510" s="7">
        <f t="shared" si="258"/>
        <v>44791.249999986656</v>
      </c>
      <c r="B5510" s="8">
        <v>-4.9800999999999998E-2</v>
      </c>
      <c r="C5510">
        <f t="shared" si="256"/>
        <v>6</v>
      </c>
      <c r="D5510">
        <f t="shared" si="257"/>
        <v>8</v>
      </c>
    </row>
    <row r="5511" spans="1:4" x14ac:dyDescent="0.25">
      <c r="A5511" s="7">
        <f t="shared" si="258"/>
        <v>44791.29166665332</v>
      </c>
      <c r="B5511" s="8">
        <v>0.47813044238024111</v>
      </c>
      <c r="C5511">
        <f t="shared" si="256"/>
        <v>7</v>
      </c>
      <c r="D5511">
        <f t="shared" si="257"/>
        <v>8</v>
      </c>
    </row>
    <row r="5512" spans="1:4" x14ac:dyDescent="0.25">
      <c r="A5512" s="7">
        <f t="shared" si="258"/>
        <v>44791.333333319984</v>
      </c>
      <c r="B5512" s="8">
        <v>2.1006338666073834</v>
      </c>
      <c r="C5512">
        <f t="shared" si="256"/>
        <v>8</v>
      </c>
      <c r="D5512">
        <f t="shared" si="257"/>
        <v>8</v>
      </c>
    </row>
    <row r="5513" spans="1:4" x14ac:dyDescent="0.25">
      <c r="A5513" s="7">
        <f t="shared" si="258"/>
        <v>44791.374999986649</v>
      </c>
      <c r="B5513" s="8">
        <v>7.174943359955531</v>
      </c>
      <c r="C5513">
        <f t="shared" si="256"/>
        <v>9</v>
      </c>
      <c r="D5513">
        <f t="shared" si="257"/>
        <v>8</v>
      </c>
    </row>
    <row r="5514" spans="1:4" x14ac:dyDescent="0.25">
      <c r="A5514" s="7">
        <f t="shared" si="258"/>
        <v>44791.416666653313</v>
      </c>
      <c r="B5514" s="8">
        <v>11.383739740741118</v>
      </c>
      <c r="C5514">
        <f t="shared" ref="C5514:C5577" si="259">HOUR(A5514)</f>
        <v>10</v>
      </c>
      <c r="D5514">
        <f t="shared" ref="D5514:D5577" si="260">MONTH(A5514)</f>
        <v>8</v>
      </c>
    </row>
    <row r="5515" spans="1:4" x14ac:dyDescent="0.25">
      <c r="A5515" s="7">
        <f t="shared" ref="A5515:A5578" si="261">+A5514+1/24</f>
        <v>44791.458333319977</v>
      </c>
      <c r="B5515" s="8">
        <v>7.8854683635119116</v>
      </c>
      <c r="C5515">
        <f t="shared" si="259"/>
        <v>11</v>
      </c>
      <c r="D5515">
        <f t="shared" si="260"/>
        <v>8</v>
      </c>
    </row>
    <row r="5516" spans="1:4" x14ac:dyDescent="0.25">
      <c r="A5516" s="7">
        <f t="shared" si="261"/>
        <v>44791.499999986641</v>
      </c>
      <c r="B5516" s="8">
        <v>7.1192880517940802</v>
      </c>
      <c r="C5516">
        <f t="shared" si="259"/>
        <v>12</v>
      </c>
      <c r="D5516">
        <f t="shared" si="260"/>
        <v>8</v>
      </c>
    </row>
    <row r="5517" spans="1:4" x14ac:dyDescent="0.25">
      <c r="A5517" s="7">
        <f t="shared" si="261"/>
        <v>44791.541666653306</v>
      </c>
      <c r="B5517" s="8">
        <v>9.7890443888967074</v>
      </c>
      <c r="C5517">
        <f t="shared" si="259"/>
        <v>13</v>
      </c>
      <c r="D5517">
        <f t="shared" si="260"/>
        <v>8</v>
      </c>
    </row>
    <row r="5518" spans="1:4" x14ac:dyDescent="0.25">
      <c r="A5518" s="7">
        <f t="shared" si="261"/>
        <v>44791.58333331997</v>
      </c>
      <c r="B5518" s="8">
        <v>19.147104880488424</v>
      </c>
      <c r="C5518">
        <f t="shared" si="259"/>
        <v>14</v>
      </c>
      <c r="D5518">
        <f t="shared" si="260"/>
        <v>8</v>
      </c>
    </row>
    <row r="5519" spans="1:4" x14ac:dyDescent="0.25">
      <c r="A5519" s="7">
        <f t="shared" si="261"/>
        <v>44791.624999986634</v>
      </c>
      <c r="B5519" s="8">
        <v>19.813205194990712</v>
      </c>
      <c r="C5519">
        <f t="shared" si="259"/>
        <v>15</v>
      </c>
      <c r="D5519">
        <f t="shared" si="260"/>
        <v>8</v>
      </c>
    </row>
    <row r="5520" spans="1:4" x14ac:dyDescent="0.25">
      <c r="A5520" s="7">
        <f t="shared" si="261"/>
        <v>44791.666666653298</v>
      </c>
      <c r="B5520" s="8">
        <v>16.957770044431328</v>
      </c>
      <c r="C5520">
        <f t="shared" si="259"/>
        <v>16</v>
      </c>
      <c r="D5520">
        <f t="shared" si="260"/>
        <v>8</v>
      </c>
    </row>
    <row r="5521" spans="1:4" x14ac:dyDescent="0.25">
      <c r="A5521" s="7">
        <f t="shared" si="261"/>
        <v>44791.708333319963</v>
      </c>
      <c r="B5521" s="8">
        <v>10.907812754693035</v>
      </c>
      <c r="C5521">
        <f t="shared" si="259"/>
        <v>17</v>
      </c>
      <c r="D5521">
        <f t="shared" si="260"/>
        <v>8</v>
      </c>
    </row>
    <row r="5522" spans="1:4" x14ac:dyDescent="0.25">
      <c r="A5522" s="7">
        <f t="shared" si="261"/>
        <v>44791.749999986627</v>
      </c>
      <c r="B5522" s="8">
        <v>4.2648618739892274</v>
      </c>
      <c r="C5522">
        <f t="shared" si="259"/>
        <v>18</v>
      </c>
      <c r="D5522">
        <f t="shared" si="260"/>
        <v>8</v>
      </c>
    </row>
    <row r="5523" spans="1:4" x14ac:dyDescent="0.25">
      <c r="A5523" s="7">
        <f t="shared" si="261"/>
        <v>44791.791666653291</v>
      </c>
      <c r="B5523" s="8">
        <v>0.53792779497524845</v>
      </c>
      <c r="C5523">
        <f t="shared" si="259"/>
        <v>19</v>
      </c>
      <c r="D5523">
        <f t="shared" si="260"/>
        <v>8</v>
      </c>
    </row>
    <row r="5524" spans="1:4" x14ac:dyDescent="0.25">
      <c r="A5524" s="7">
        <f t="shared" si="261"/>
        <v>44791.833333319955</v>
      </c>
      <c r="B5524" s="8">
        <v>-4.9800999999999998E-2</v>
      </c>
      <c r="C5524">
        <f t="shared" si="259"/>
        <v>20</v>
      </c>
      <c r="D5524">
        <f t="shared" si="260"/>
        <v>8</v>
      </c>
    </row>
    <row r="5525" spans="1:4" x14ac:dyDescent="0.25">
      <c r="A5525" s="7">
        <f t="shared" si="261"/>
        <v>44791.87499998662</v>
      </c>
      <c r="B5525" s="8">
        <v>-4.9800999999999998E-2</v>
      </c>
      <c r="C5525">
        <f t="shared" si="259"/>
        <v>21</v>
      </c>
      <c r="D5525">
        <f t="shared" si="260"/>
        <v>8</v>
      </c>
    </row>
    <row r="5526" spans="1:4" x14ac:dyDescent="0.25">
      <c r="A5526" s="7">
        <f t="shared" si="261"/>
        <v>44791.916666653284</v>
      </c>
      <c r="B5526" s="8">
        <v>-4.9800999999999998E-2</v>
      </c>
      <c r="C5526">
        <f t="shared" si="259"/>
        <v>22</v>
      </c>
      <c r="D5526">
        <f t="shared" si="260"/>
        <v>8</v>
      </c>
    </row>
    <row r="5527" spans="1:4" x14ac:dyDescent="0.25">
      <c r="A5527" s="7">
        <f t="shared" si="261"/>
        <v>44791.958333319948</v>
      </c>
      <c r="B5527" s="8">
        <v>-4.9800999999999998E-2</v>
      </c>
      <c r="C5527">
        <f t="shared" si="259"/>
        <v>23</v>
      </c>
      <c r="D5527">
        <f t="shared" si="260"/>
        <v>8</v>
      </c>
    </row>
    <row r="5528" spans="1:4" x14ac:dyDescent="0.25">
      <c r="A5528" s="7">
        <f t="shared" si="261"/>
        <v>44791.999999986612</v>
      </c>
      <c r="B5528" s="8">
        <v>-4.9800999999999998E-2</v>
      </c>
      <c r="C5528">
        <f t="shared" si="259"/>
        <v>0</v>
      </c>
      <c r="D5528">
        <f t="shared" si="260"/>
        <v>8</v>
      </c>
    </row>
    <row r="5529" spans="1:4" x14ac:dyDescent="0.25">
      <c r="A5529" s="7">
        <f t="shared" si="261"/>
        <v>44792.041666653276</v>
      </c>
      <c r="B5529" s="8">
        <v>-4.9800999999999998E-2</v>
      </c>
      <c r="C5529">
        <f t="shared" si="259"/>
        <v>1</v>
      </c>
      <c r="D5529">
        <f t="shared" si="260"/>
        <v>8</v>
      </c>
    </row>
    <row r="5530" spans="1:4" x14ac:dyDescent="0.25">
      <c r="A5530" s="7">
        <f t="shared" si="261"/>
        <v>44792.083333319941</v>
      </c>
      <c r="B5530" s="8">
        <v>-4.9800999999999998E-2</v>
      </c>
      <c r="C5530">
        <f t="shared" si="259"/>
        <v>2</v>
      </c>
      <c r="D5530">
        <f t="shared" si="260"/>
        <v>8</v>
      </c>
    </row>
    <row r="5531" spans="1:4" x14ac:dyDescent="0.25">
      <c r="A5531" s="7">
        <f t="shared" si="261"/>
        <v>44792.124999986605</v>
      </c>
      <c r="B5531" s="8">
        <v>-4.9800999999999998E-2</v>
      </c>
      <c r="C5531">
        <f t="shared" si="259"/>
        <v>3</v>
      </c>
      <c r="D5531">
        <f t="shared" si="260"/>
        <v>8</v>
      </c>
    </row>
    <row r="5532" spans="1:4" x14ac:dyDescent="0.25">
      <c r="A5532" s="7">
        <f t="shared" si="261"/>
        <v>44792.166666653269</v>
      </c>
      <c r="B5532" s="8">
        <v>-4.9800999999999998E-2</v>
      </c>
      <c r="C5532">
        <f t="shared" si="259"/>
        <v>4</v>
      </c>
      <c r="D5532">
        <f t="shared" si="260"/>
        <v>8</v>
      </c>
    </row>
    <row r="5533" spans="1:4" x14ac:dyDescent="0.25">
      <c r="A5533" s="7">
        <f t="shared" si="261"/>
        <v>44792.208333319933</v>
      </c>
      <c r="B5533" s="8">
        <v>-4.9800999999999998E-2</v>
      </c>
      <c r="C5533">
        <f t="shared" si="259"/>
        <v>5</v>
      </c>
      <c r="D5533">
        <f t="shared" si="260"/>
        <v>8</v>
      </c>
    </row>
    <row r="5534" spans="1:4" x14ac:dyDescent="0.25">
      <c r="A5534" s="7">
        <f t="shared" si="261"/>
        <v>44792.249999986598</v>
      </c>
      <c r="B5534" s="8">
        <v>-4.9800999999999998E-2</v>
      </c>
      <c r="C5534">
        <f t="shared" si="259"/>
        <v>6</v>
      </c>
      <c r="D5534">
        <f t="shared" si="260"/>
        <v>8</v>
      </c>
    </row>
    <row r="5535" spans="1:4" x14ac:dyDescent="0.25">
      <c r="A5535" s="7">
        <f t="shared" si="261"/>
        <v>44792.291666653262</v>
      </c>
      <c r="B5535" s="8">
        <v>0.93185899721300824</v>
      </c>
      <c r="C5535">
        <f t="shared" si="259"/>
        <v>7</v>
      </c>
      <c r="D5535">
        <f t="shared" si="260"/>
        <v>8</v>
      </c>
    </row>
    <row r="5536" spans="1:4" x14ac:dyDescent="0.25">
      <c r="A5536" s="7">
        <f t="shared" si="261"/>
        <v>44792.333333319926</v>
      </c>
      <c r="B5536" s="8">
        <v>5.2875469701921327</v>
      </c>
      <c r="C5536">
        <f t="shared" si="259"/>
        <v>8</v>
      </c>
      <c r="D5536">
        <f t="shared" si="260"/>
        <v>8</v>
      </c>
    </row>
    <row r="5537" spans="1:4" x14ac:dyDescent="0.25">
      <c r="A5537" s="7">
        <f t="shared" si="261"/>
        <v>44792.37499998659</v>
      </c>
      <c r="B5537" s="8">
        <v>11.20563079948254</v>
      </c>
      <c r="C5537">
        <f t="shared" si="259"/>
        <v>9</v>
      </c>
      <c r="D5537">
        <f t="shared" si="260"/>
        <v>8</v>
      </c>
    </row>
    <row r="5538" spans="1:4" x14ac:dyDescent="0.25">
      <c r="A5538" s="7">
        <f t="shared" si="261"/>
        <v>44792.416666653255</v>
      </c>
      <c r="B5538" s="8">
        <v>13.590510532938275</v>
      </c>
      <c r="C5538">
        <f t="shared" si="259"/>
        <v>10</v>
      </c>
      <c r="D5538">
        <f t="shared" si="260"/>
        <v>8</v>
      </c>
    </row>
    <row r="5539" spans="1:4" x14ac:dyDescent="0.25">
      <c r="A5539" s="7">
        <f t="shared" si="261"/>
        <v>44792.458333319919</v>
      </c>
      <c r="B5539" s="8">
        <v>3.8389558201587666</v>
      </c>
      <c r="C5539">
        <f t="shared" si="259"/>
        <v>11</v>
      </c>
      <c r="D5539">
        <f t="shared" si="260"/>
        <v>8</v>
      </c>
    </row>
    <row r="5540" spans="1:4" x14ac:dyDescent="0.25">
      <c r="A5540" s="7">
        <f t="shared" si="261"/>
        <v>44792.499999986583</v>
      </c>
      <c r="B5540" s="8">
        <v>20.451309865055794</v>
      </c>
      <c r="C5540">
        <f t="shared" si="259"/>
        <v>12</v>
      </c>
      <c r="D5540">
        <f t="shared" si="260"/>
        <v>8</v>
      </c>
    </row>
    <row r="5541" spans="1:4" x14ac:dyDescent="0.25">
      <c r="A5541" s="7">
        <f t="shared" si="261"/>
        <v>44792.541666653247</v>
      </c>
      <c r="B5541" s="8">
        <v>14.914704308694697</v>
      </c>
      <c r="C5541">
        <f t="shared" si="259"/>
        <v>13</v>
      </c>
      <c r="D5541">
        <f t="shared" si="260"/>
        <v>8</v>
      </c>
    </row>
    <row r="5542" spans="1:4" x14ac:dyDescent="0.25">
      <c r="A5542" s="7">
        <f t="shared" si="261"/>
        <v>44792.583333319912</v>
      </c>
      <c r="B5542" s="8">
        <v>16.728306554260172</v>
      </c>
      <c r="C5542">
        <f t="shared" si="259"/>
        <v>14</v>
      </c>
      <c r="D5542">
        <f t="shared" si="260"/>
        <v>8</v>
      </c>
    </row>
    <row r="5543" spans="1:4" x14ac:dyDescent="0.25">
      <c r="A5543" s="7">
        <f t="shared" si="261"/>
        <v>44792.624999986576</v>
      </c>
      <c r="B5543" s="8">
        <v>13.890550585142247</v>
      </c>
      <c r="C5543">
        <f t="shared" si="259"/>
        <v>15</v>
      </c>
      <c r="D5543">
        <f t="shared" si="260"/>
        <v>8</v>
      </c>
    </row>
    <row r="5544" spans="1:4" x14ac:dyDescent="0.25">
      <c r="A5544" s="7">
        <f t="shared" si="261"/>
        <v>44792.66666665324</v>
      </c>
      <c r="B5544" s="8">
        <v>7.0084422431446107</v>
      </c>
      <c r="C5544">
        <f t="shared" si="259"/>
        <v>16</v>
      </c>
      <c r="D5544">
        <f t="shared" si="260"/>
        <v>8</v>
      </c>
    </row>
    <row r="5545" spans="1:4" x14ac:dyDescent="0.25">
      <c r="A5545" s="7">
        <f t="shared" si="261"/>
        <v>44792.708333319904</v>
      </c>
      <c r="B5545" s="8">
        <v>3.526219613344947</v>
      </c>
      <c r="C5545">
        <f t="shared" si="259"/>
        <v>17</v>
      </c>
      <c r="D5545">
        <f t="shared" si="260"/>
        <v>8</v>
      </c>
    </row>
    <row r="5546" spans="1:4" x14ac:dyDescent="0.25">
      <c r="A5546" s="7">
        <f t="shared" si="261"/>
        <v>44792.749999986569</v>
      </c>
      <c r="B5546" s="8">
        <v>3.2067555473466913</v>
      </c>
      <c r="C5546">
        <f t="shared" si="259"/>
        <v>18</v>
      </c>
      <c r="D5546">
        <f t="shared" si="260"/>
        <v>8</v>
      </c>
    </row>
    <row r="5547" spans="1:4" x14ac:dyDescent="0.25">
      <c r="A5547" s="7">
        <f t="shared" si="261"/>
        <v>44792.791666653233</v>
      </c>
      <c r="B5547" s="8">
        <v>0.84384750965581612</v>
      </c>
      <c r="C5547">
        <f t="shared" si="259"/>
        <v>19</v>
      </c>
      <c r="D5547">
        <f t="shared" si="260"/>
        <v>8</v>
      </c>
    </row>
    <row r="5548" spans="1:4" x14ac:dyDescent="0.25">
      <c r="A5548" s="7">
        <f t="shared" si="261"/>
        <v>44792.833333319897</v>
      </c>
      <c r="B5548" s="8">
        <v>-4.9800999999999998E-2</v>
      </c>
      <c r="C5548">
        <f t="shared" si="259"/>
        <v>20</v>
      </c>
      <c r="D5548">
        <f t="shared" si="260"/>
        <v>8</v>
      </c>
    </row>
    <row r="5549" spans="1:4" x14ac:dyDescent="0.25">
      <c r="A5549" s="7">
        <f t="shared" si="261"/>
        <v>44792.874999986561</v>
      </c>
      <c r="B5549" s="8">
        <v>-4.9800999999999998E-2</v>
      </c>
      <c r="C5549">
        <f t="shared" si="259"/>
        <v>21</v>
      </c>
      <c r="D5549">
        <f t="shared" si="260"/>
        <v>8</v>
      </c>
    </row>
    <row r="5550" spans="1:4" x14ac:dyDescent="0.25">
      <c r="A5550" s="7">
        <f t="shared" si="261"/>
        <v>44792.916666653226</v>
      </c>
      <c r="B5550" s="8">
        <v>-4.9800999999999998E-2</v>
      </c>
      <c r="C5550">
        <f t="shared" si="259"/>
        <v>22</v>
      </c>
      <c r="D5550">
        <f t="shared" si="260"/>
        <v>8</v>
      </c>
    </row>
    <row r="5551" spans="1:4" x14ac:dyDescent="0.25">
      <c r="A5551" s="7">
        <f t="shared" si="261"/>
        <v>44792.95833331989</v>
      </c>
      <c r="B5551" s="8">
        <v>-4.9800999999999998E-2</v>
      </c>
      <c r="C5551">
        <f t="shared" si="259"/>
        <v>23</v>
      </c>
      <c r="D5551">
        <f t="shared" si="260"/>
        <v>8</v>
      </c>
    </row>
    <row r="5552" spans="1:4" x14ac:dyDescent="0.25">
      <c r="A5552" s="7">
        <f t="shared" si="261"/>
        <v>44792.999999986554</v>
      </c>
      <c r="B5552" s="8">
        <v>-4.9800999999999998E-2</v>
      </c>
      <c r="C5552">
        <f t="shared" si="259"/>
        <v>0</v>
      </c>
      <c r="D5552">
        <f t="shared" si="260"/>
        <v>8</v>
      </c>
    </row>
    <row r="5553" spans="1:4" x14ac:dyDescent="0.25">
      <c r="A5553" s="7">
        <f t="shared" si="261"/>
        <v>44793.041666653218</v>
      </c>
      <c r="B5553" s="8">
        <v>-4.9800999999999998E-2</v>
      </c>
      <c r="C5553">
        <f t="shared" si="259"/>
        <v>1</v>
      </c>
      <c r="D5553">
        <f t="shared" si="260"/>
        <v>8</v>
      </c>
    </row>
    <row r="5554" spans="1:4" x14ac:dyDescent="0.25">
      <c r="A5554" s="7">
        <f t="shared" si="261"/>
        <v>44793.083333319883</v>
      </c>
      <c r="B5554" s="8">
        <v>-4.9800999999999998E-2</v>
      </c>
      <c r="C5554">
        <f t="shared" si="259"/>
        <v>2</v>
      </c>
      <c r="D5554">
        <f t="shared" si="260"/>
        <v>8</v>
      </c>
    </row>
    <row r="5555" spans="1:4" x14ac:dyDescent="0.25">
      <c r="A5555" s="7">
        <f t="shared" si="261"/>
        <v>44793.124999986547</v>
      </c>
      <c r="B5555" s="8">
        <v>-4.9800999999999998E-2</v>
      </c>
      <c r="C5555">
        <f t="shared" si="259"/>
        <v>3</v>
      </c>
      <c r="D5555">
        <f t="shared" si="260"/>
        <v>8</v>
      </c>
    </row>
    <row r="5556" spans="1:4" x14ac:dyDescent="0.25">
      <c r="A5556" s="7">
        <f t="shared" si="261"/>
        <v>44793.166666653211</v>
      </c>
      <c r="B5556" s="8">
        <v>-4.9800999999999998E-2</v>
      </c>
      <c r="C5556">
        <f t="shared" si="259"/>
        <v>4</v>
      </c>
      <c r="D5556">
        <f t="shared" si="260"/>
        <v>8</v>
      </c>
    </row>
    <row r="5557" spans="1:4" x14ac:dyDescent="0.25">
      <c r="A5557" s="7">
        <f t="shared" si="261"/>
        <v>44793.208333319875</v>
      </c>
      <c r="B5557" s="8">
        <v>-4.9800999999999998E-2</v>
      </c>
      <c r="C5557">
        <f t="shared" si="259"/>
        <v>5</v>
      </c>
      <c r="D5557">
        <f t="shared" si="260"/>
        <v>8</v>
      </c>
    </row>
    <row r="5558" spans="1:4" x14ac:dyDescent="0.25">
      <c r="A5558" s="7">
        <f t="shared" si="261"/>
        <v>44793.249999986539</v>
      </c>
      <c r="B5558" s="8">
        <v>-4.9800999999999998E-2</v>
      </c>
      <c r="C5558">
        <f t="shared" si="259"/>
        <v>6</v>
      </c>
      <c r="D5558">
        <f t="shared" si="260"/>
        <v>8</v>
      </c>
    </row>
    <row r="5559" spans="1:4" x14ac:dyDescent="0.25">
      <c r="A5559" s="7">
        <f t="shared" si="261"/>
        <v>44793.291666653204</v>
      </c>
      <c r="B5559" s="8">
        <v>0.92103341006942308</v>
      </c>
      <c r="C5559">
        <f t="shared" si="259"/>
        <v>7</v>
      </c>
      <c r="D5559">
        <f t="shared" si="260"/>
        <v>8</v>
      </c>
    </row>
    <row r="5560" spans="1:4" x14ac:dyDescent="0.25">
      <c r="A5560" s="7">
        <f t="shared" si="261"/>
        <v>44793.333333319868</v>
      </c>
      <c r="B5560" s="8">
        <v>4.674484200014219</v>
      </c>
      <c r="C5560">
        <f t="shared" si="259"/>
        <v>8</v>
      </c>
      <c r="D5560">
        <f t="shared" si="260"/>
        <v>8</v>
      </c>
    </row>
    <row r="5561" spans="1:4" x14ac:dyDescent="0.25">
      <c r="A5561" s="7">
        <f t="shared" si="261"/>
        <v>44793.374999986532</v>
      </c>
      <c r="B5561" s="8">
        <v>9.9382826930024635</v>
      </c>
      <c r="C5561">
        <f t="shared" si="259"/>
        <v>9</v>
      </c>
      <c r="D5561">
        <f t="shared" si="260"/>
        <v>8</v>
      </c>
    </row>
    <row r="5562" spans="1:4" x14ac:dyDescent="0.25">
      <c r="A5562" s="7">
        <f t="shared" si="261"/>
        <v>44793.416666653196</v>
      </c>
      <c r="B5562" s="8">
        <v>6.0141969867386624</v>
      </c>
      <c r="C5562">
        <f t="shared" si="259"/>
        <v>10</v>
      </c>
      <c r="D5562">
        <f t="shared" si="260"/>
        <v>8</v>
      </c>
    </row>
    <row r="5563" spans="1:4" x14ac:dyDescent="0.25">
      <c r="A5563" s="7">
        <f t="shared" si="261"/>
        <v>44793.458333319861</v>
      </c>
      <c r="B5563" s="8">
        <v>14.900278780967284</v>
      </c>
      <c r="C5563">
        <f t="shared" si="259"/>
        <v>11</v>
      </c>
      <c r="D5563">
        <f t="shared" si="260"/>
        <v>8</v>
      </c>
    </row>
    <row r="5564" spans="1:4" x14ac:dyDescent="0.25">
      <c r="A5564" s="7">
        <f t="shared" si="261"/>
        <v>44793.499999986525</v>
      </c>
      <c r="B5564" s="8">
        <v>20.4512902833578</v>
      </c>
      <c r="C5564">
        <f t="shared" si="259"/>
        <v>12</v>
      </c>
      <c r="D5564">
        <f t="shared" si="260"/>
        <v>8</v>
      </c>
    </row>
    <row r="5565" spans="1:4" x14ac:dyDescent="0.25">
      <c r="A5565" s="7">
        <f t="shared" si="261"/>
        <v>44793.541666653189</v>
      </c>
      <c r="B5565" s="8">
        <v>19.898932838192401</v>
      </c>
      <c r="C5565">
        <f t="shared" si="259"/>
        <v>13</v>
      </c>
      <c r="D5565">
        <f t="shared" si="260"/>
        <v>8</v>
      </c>
    </row>
    <row r="5566" spans="1:4" x14ac:dyDescent="0.25">
      <c r="A5566" s="7">
        <f t="shared" si="261"/>
        <v>44793.583333319853</v>
      </c>
      <c r="B5566" s="8">
        <v>9.9012712225625901</v>
      </c>
      <c r="C5566">
        <f t="shared" si="259"/>
        <v>14</v>
      </c>
      <c r="D5566">
        <f t="shared" si="260"/>
        <v>8</v>
      </c>
    </row>
    <row r="5567" spans="1:4" x14ac:dyDescent="0.25">
      <c r="A5567" s="7">
        <f t="shared" si="261"/>
        <v>44793.624999986518</v>
      </c>
      <c r="B5567" s="8">
        <v>12.812288507569868</v>
      </c>
      <c r="C5567">
        <f t="shared" si="259"/>
        <v>15</v>
      </c>
      <c r="D5567">
        <f t="shared" si="260"/>
        <v>8</v>
      </c>
    </row>
    <row r="5568" spans="1:4" x14ac:dyDescent="0.25">
      <c r="A5568" s="7">
        <f t="shared" si="261"/>
        <v>44793.666666653182</v>
      </c>
      <c r="B5568" s="8">
        <v>15.312228237206499</v>
      </c>
      <c r="C5568">
        <f t="shared" si="259"/>
        <v>16</v>
      </c>
      <c r="D5568">
        <f t="shared" si="260"/>
        <v>8</v>
      </c>
    </row>
    <row r="5569" spans="1:4" x14ac:dyDescent="0.25">
      <c r="A5569" s="7">
        <f t="shared" si="261"/>
        <v>44793.708333319846</v>
      </c>
      <c r="B5569" s="8">
        <v>11.318155481081066</v>
      </c>
      <c r="C5569">
        <f t="shared" si="259"/>
        <v>17</v>
      </c>
      <c r="D5569">
        <f t="shared" si="260"/>
        <v>8</v>
      </c>
    </row>
    <row r="5570" spans="1:4" x14ac:dyDescent="0.25">
      <c r="A5570" s="7">
        <f t="shared" si="261"/>
        <v>44793.74999998651</v>
      </c>
      <c r="B5570" s="8">
        <v>5.1265143001999345</v>
      </c>
      <c r="C5570">
        <f t="shared" si="259"/>
        <v>18</v>
      </c>
      <c r="D5570">
        <f t="shared" si="260"/>
        <v>8</v>
      </c>
    </row>
    <row r="5571" spans="1:4" x14ac:dyDescent="0.25">
      <c r="A5571" s="7">
        <f t="shared" si="261"/>
        <v>44793.791666653175</v>
      </c>
      <c r="B5571" s="8">
        <v>1.0701140299755432</v>
      </c>
      <c r="C5571">
        <f t="shared" si="259"/>
        <v>19</v>
      </c>
      <c r="D5571">
        <f t="shared" si="260"/>
        <v>8</v>
      </c>
    </row>
    <row r="5572" spans="1:4" x14ac:dyDescent="0.25">
      <c r="A5572" s="7">
        <f t="shared" si="261"/>
        <v>44793.833333319839</v>
      </c>
      <c r="B5572" s="8">
        <v>-4.9800999999999998E-2</v>
      </c>
      <c r="C5572">
        <f t="shared" si="259"/>
        <v>20</v>
      </c>
      <c r="D5572">
        <f t="shared" si="260"/>
        <v>8</v>
      </c>
    </row>
    <row r="5573" spans="1:4" x14ac:dyDescent="0.25">
      <c r="A5573" s="7">
        <f t="shared" si="261"/>
        <v>44793.874999986503</v>
      </c>
      <c r="B5573" s="8">
        <v>-4.9800999999999998E-2</v>
      </c>
      <c r="C5573">
        <f t="shared" si="259"/>
        <v>21</v>
      </c>
      <c r="D5573">
        <f t="shared" si="260"/>
        <v>8</v>
      </c>
    </row>
    <row r="5574" spans="1:4" x14ac:dyDescent="0.25">
      <c r="A5574" s="7">
        <f t="shared" si="261"/>
        <v>44793.916666653167</v>
      </c>
      <c r="B5574" s="8">
        <v>-4.9800999999999998E-2</v>
      </c>
      <c r="C5574">
        <f t="shared" si="259"/>
        <v>22</v>
      </c>
      <c r="D5574">
        <f t="shared" si="260"/>
        <v>8</v>
      </c>
    </row>
    <row r="5575" spans="1:4" x14ac:dyDescent="0.25">
      <c r="A5575" s="7">
        <f t="shared" si="261"/>
        <v>44793.958333319832</v>
      </c>
      <c r="B5575" s="8">
        <v>-4.9800999999999998E-2</v>
      </c>
      <c r="C5575">
        <f t="shared" si="259"/>
        <v>23</v>
      </c>
      <c r="D5575">
        <f t="shared" si="260"/>
        <v>8</v>
      </c>
    </row>
    <row r="5576" spans="1:4" x14ac:dyDescent="0.25">
      <c r="A5576" s="7">
        <f t="shared" si="261"/>
        <v>44793.999999986496</v>
      </c>
      <c r="B5576" s="8">
        <v>-4.9800999999999998E-2</v>
      </c>
      <c r="C5576">
        <f t="shared" si="259"/>
        <v>0</v>
      </c>
      <c r="D5576">
        <f t="shared" si="260"/>
        <v>8</v>
      </c>
    </row>
    <row r="5577" spans="1:4" x14ac:dyDescent="0.25">
      <c r="A5577" s="7">
        <f t="shared" si="261"/>
        <v>44794.04166665316</v>
      </c>
      <c r="B5577" s="8">
        <v>-4.9800999999999998E-2</v>
      </c>
      <c r="C5577">
        <f t="shared" si="259"/>
        <v>1</v>
      </c>
      <c r="D5577">
        <f t="shared" si="260"/>
        <v>8</v>
      </c>
    </row>
    <row r="5578" spans="1:4" x14ac:dyDescent="0.25">
      <c r="A5578" s="7">
        <f t="shared" si="261"/>
        <v>44794.083333319824</v>
      </c>
      <c r="B5578" s="8">
        <v>-4.9800999999999998E-2</v>
      </c>
      <c r="C5578">
        <f t="shared" ref="C5578:C5641" si="262">HOUR(A5578)</f>
        <v>2</v>
      </c>
      <c r="D5578">
        <f t="shared" ref="D5578:D5641" si="263">MONTH(A5578)</f>
        <v>8</v>
      </c>
    </row>
    <row r="5579" spans="1:4" x14ac:dyDescent="0.25">
      <c r="A5579" s="7">
        <f t="shared" ref="A5579:A5642" si="264">+A5578+1/24</f>
        <v>44794.124999986489</v>
      </c>
      <c r="B5579" s="8">
        <v>-4.9800999999999998E-2</v>
      </c>
      <c r="C5579">
        <f t="shared" si="262"/>
        <v>3</v>
      </c>
      <c r="D5579">
        <f t="shared" si="263"/>
        <v>8</v>
      </c>
    </row>
    <row r="5580" spans="1:4" x14ac:dyDescent="0.25">
      <c r="A5580" s="7">
        <f t="shared" si="264"/>
        <v>44794.166666653153</v>
      </c>
      <c r="B5580" s="8">
        <v>-4.9800999999999998E-2</v>
      </c>
      <c r="C5580">
        <f t="shared" si="262"/>
        <v>4</v>
      </c>
      <c r="D5580">
        <f t="shared" si="263"/>
        <v>8</v>
      </c>
    </row>
    <row r="5581" spans="1:4" x14ac:dyDescent="0.25">
      <c r="A5581" s="7">
        <f t="shared" si="264"/>
        <v>44794.208333319817</v>
      </c>
      <c r="B5581" s="8">
        <v>-4.9800999999999998E-2</v>
      </c>
      <c r="C5581">
        <f t="shared" si="262"/>
        <v>5</v>
      </c>
      <c r="D5581">
        <f t="shared" si="263"/>
        <v>8</v>
      </c>
    </row>
    <row r="5582" spans="1:4" x14ac:dyDescent="0.25">
      <c r="A5582" s="7">
        <f t="shared" si="264"/>
        <v>44794.249999986481</v>
      </c>
      <c r="B5582" s="8">
        <v>-4.9800999999999998E-2</v>
      </c>
      <c r="C5582">
        <f t="shared" si="262"/>
        <v>6</v>
      </c>
      <c r="D5582">
        <f t="shared" si="263"/>
        <v>8</v>
      </c>
    </row>
    <row r="5583" spans="1:4" x14ac:dyDescent="0.25">
      <c r="A5583" s="7">
        <f t="shared" si="264"/>
        <v>44794.291666653146</v>
      </c>
      <c r="B5583" s="8">
        <v>0.79408113951211445</v>
      </c>
      <c r="C5583">
        <f t="shared" si="262"/>
        <v>7</v>
      </c>
      <c r="D5583">
        <f t="shared" si="263"/>
        <v>8</v>
      </c>
    </row>
    <row r="5584" spans="1:4" x14ac:dyDescent="0.25">
      <c r="A5584" s="7">
        <f t="shared" si="264"/>
        <v>44794.33333331981</v>
      </c>
      <c r="B5584" s="8">
        <v>4.2930337537083725</v>
      </c>
      <c r="C5584">
        <f t="shared" si="262"/>
        <v>8</v>
      </c>
      <c r="D5584">
        <f t="shared" si="263"/>
        <v>8</v>
      </c>
    </row>
    <row r="5585" spans="1:4" x14ac:dyDescent="0.25">
      <c r="A5585" s="7">
        <f t="shared" si="264"/>
        <v>44794.374999986474</v>
      </c>
      <c r="B5585" s="8">
        <v>8.4192448385124496</v>
      </c>
      <c r="C5585">
        <f t="shared" si="262"/>
        <v>9</v>
      </c>
      <c r="D5585">
        <f t="shared" si="263"/>
        <v>8</v>
      </c>
    </row>
    <row r="5586" spans="1:4" x14ac:dyDescent="0.25">
      <c r="A5586" s="7">
        <f t="shared" si="264"/>
        <v>44794.416666653138</v>
      </c>
      <c r="B5586" s="8">
        <v>16.572047696115753</v>
      </c>
      <c r="C5586">
        <f t="shared" si="262"/>
        <v>10</v>
      </c>
      <c r="D5586">
        <f t="shared" si="263"/>
        <v>8</v>
      </c>
    </row>
    <row r="5587" spans="1:4" x14ac:dyDescent="0.25">
      <c r="A5587" s="7">
        <f t="shared" si="264"/>
        <v>44794.458333319802</v>
      </c>
      <c r="B5587" s="8">
        <v>20.418558959853122</v>
      </c>
      <c r="C5587">
        <f t="shared" si="262"/>
        <v>11</v>
      </c>
      <c r="D5587">
        <f t="shared" si="263"/>
        <v>8</v>
      </c>
    </row>
    <row r="5588" spans="1:4" x14ac:dyDescent="0.25">
      <c r="A5588" s="7">
        <f t="shared" si="264"/>
        <v>44794.499999986467</v>
      </c>
      <c r="B5588" s="8">
        <v>17.938620388793755</v>
      </c>
      <c r="C5588">
        <f t="shared" si="262"/>
        <v>12</v>
      </c>
      <c r="D5588">
        <f t="shared" si="263"/>
        <v>8</v>
      </c>
    </row>
    <row r="5589" spans="1:4" x14ac:dyDescent="0.25">
      <c r="A5589" s="7">
        <f t="shared" si="264"/>
        <v>44794.541666653131</v>
      </c>
      <c r="B5589" s="8">
        <v>18.03712560524432</v>
      </c>
      <c r="C5589">
        <f t="shared" si="262"/>
        <v>13</v>
      </c>
      <c r="D5589">
        <f t="shared" si="263"/>
        <v>8</v>
      </c>
    </row>
    <row r="5590" spans="1:4" x14ac:dyDescent="0.25">
      <c r="A5590" s="7">
        <f t="shared" si="264"/>
        <v>44794.583333319795</v>
      </c>
      <c r="B5590" s="8">
        <v>20.284367644732168</v>
      </c>
      <c r="C5590">
        <f t="shared" si="262"/>
        <v>14</v>
      </c>
      <c r="D5590">
        <f t="shared" si="263"/>
        <v>8</v>
      </c>
    </row>
    <row r="5591" spans="1:4" x14ac:dyDescent="0.25">
      <c r="A5591" s="7">
        <f t="shared" si="264"/>
        <v>44794.624999986459</v>
      </c>
      <c r="B5591" s="8">
        <v>20.451295436436219</v>
      </c>
      <c r="C5591">
        <f t="shared" si="262"/>
        <v>15</v>
      </c>
      <c r="D5591">
        <f t="shared" si="263"/>
        <v>8</v>
      </c>
    </row>
    <row r="5592" spans="1:4" x14ac:dyDescent="0.25">
      <c r="A5592" s="7">
        <f t="shared" si="264"/>
        <v>44794.666666653124</v>
      </c>
      <c r="B5592" s="8">
        <v>12.926827012214716</v>
      </c>
      <c r="C5592">
        <f t="shared" si="262"/>
        <v>16</v>
      </c>
      <c r="D5592">
        <f t="shared" si="263"/>
        <v>8</v>
      </c>
    </row>
    <row r="5593" spans="1:4" x14ac:dyDescent="0.25">
      <c r="A5593" s="7">
        <f t="shared" si="264"/>
        <v>44794.708333319788</v>
      </c>
      <c r="B5593" s="8">
        <v>11.672716133578529</v>
      </c>
      <c r="C5593">
        <f t="shared" si="262"/>
        <v>17</v>
      </c>
      <c r="D5593">
        <f t="shared" si="263"/>
        <v>8</v>
      </c>
    </row>
    <row r="5594" spans="1:4" x14ac:dyDescent="0.25">
      <c r="A5594" s="7">
        <f t="shared" si="264"/>
        <v>44794.749999986452</v>
      </c>
      <c r="B5594" s="8">
        <v>5.6684192410993157</v>
      </c>
      <c r="C5594">
        <f t="shared" si="262"/>
        <v>18</v>
      </c>
      <c r="D5594">
        <f t="shared" si="263"/>
        <v>8</v>
      </c>
    </row>
    <row r="5595" spans="1:4" x14ac:dyDescent="0.25">
      <c r="A5595" s="7">
        <f t="shared" si="264"/>
        <v>44794.791666653116</v>
      </c>
      <c r="B5595" s="8">
        <v>1.08672034049007</v>
      </c>
      <c r="C5595">
        <f t="shared" si="262"/>
        <v>19</v>
      </c>
      <c r="D5595">
        <f t="shared" si="263"/>
        <v>8</v>
      </c>
    </row>
    <row r="5596" spans="1:4" x14ac:dyDescent="0.25">
      <c r="A5596" s="7">
        <f t="shared" si="264"/>
        <v>44794.833333319781</v>
      </c>
      <c r="B5596" s="8">
        <v>-4.9800999999999998E-2</v>
      </c>
      <c r="C5596">
        <f t="shared" si="262"/>
        <v>20</v>
      </c>
      <c r="D5596">
        <f t="shared" si="263"/>
        <v>8</v>
      </c>
    </row>
    <row r="5597" spans="1:4" x14ac:dyDescent="0.25">
      <c r="A5597" s="7">
        <f t="shared" si="264"/>
        <v>44794.874999986445</v>
      </c>
      <c r="B5597" s="8">
        <v>-4.9800999999999998E-2</v>
      </c>
      <c r="C5597">
        <f t="shared" si="262"/>
        <v>21</v>
      </c>
      <c r="D5597">
        <f t="shared" si="263"/>
        <v>8</v>
      </c>
    </row>
    <row r="5598" spans="1:4" x14ac:dyDescent="0.25">
      <c r="A5598" s="7">
        <f t="shared" si="264"/>
        <v>44794.916666653109</v>
      </c>
      <c r="B5598" s="8">
        <v>-4.9800999999999998E-2</v>
      </c>
      <c r="C5598">
        <f t="shared" si="262"/>
        <v>22</v>
      </c>
      <c r="D5598">
        <f t="shared" si="263"/>
        <v>8</v>
      </c>
    </row>
    <row r="5599" spans="1:4" x14ac:dyDescent="0.25">
      <c r="A5599" s="7">
        <f t="shared" si="264"/>
        <v>44794.958333319773</v>
      </c>
      <c r="B5599" s="8">
        <v>-4.9800999999999998E-2</v>
      </c>
      <c r="C5599">
        <f t="shared" si="262"/>
        <v>23</v>
      </c>
      <c r="D5599">
        <f t="shared" si="263"/>
        <v>8</v>
      </c>
    </row>
    <row r="5600" spans="1:4" x14ac:dyDescent="0.25">
      <c r="A5600" s="7">
        <f t="shared" si="264"/>
        <v>44794.999999986438</v>
      </c>
      <c r="B5600" s="8">
        <v>-4.9800999999999998E-2</v>
      </c>
      <c r="C5600">
        <f t="shared" si="262"/>
        <v>0</v>
      </c>
      <c r="D5600">
        <f t="shared" si="263"/>
        <v>8</v>
      </c>
    </row>
    <row r="5601" spans="1:4" x14ac:dyDescent="0.25">
      <c r="A5601" s="7">
        <f t="shared" si="264"/>
        <v>44795.041666653102</v>
      </c>
      <c r="B5601" s="8">
        <v>-4.9800999999999998E-2</v>
      </c>
      <c r="C5601">
        <f t="shared" si="262"/>
        <v>1</v>
      </c>
      <c r="D5601">
        <f t="shared" si="263"/>
        <v>8</v>
      </c>
    </row>
    <row r="5602" spans="1:4" x14ac:dyDescent="0.25">
      <c r="A5602" s="7">
        <f t="shared" si="264"/>
        <v>44795.083333319766</v>
      </c>
      <c r="B5602" s="8">
        <v>-4.9800999999999998E-2</v>
      </c>
      <c r="C5602">
        <f t="shared" si="262"/>
        <v>2</v>
      </c>
      <c r="D5602">
        <f t="shared" si="263"/>
        <v>8</v>
      </c>
    </row>
    <row r="5603" spans="1:4" x14ac:dyDescent="0.25">
      <c r="A5603" s="7">
        <f t="shared" si="264"/>
        <v>44795.12499998643</v>
      </c>
      <c r="B5603" s="8">
        <v>-4.9800999999999998E-2</v>
      </c>
      <c r="C5603">
        <f t="shared" si="262"/>
        <v>3</v>
      </c>
      <c r="D5603">
        <f t="shared" si="263"/>
        <v>8</v>
      </c>
    </row>
    <row r="5604" spans="1:4" x14ac:dyDescent="0.25">
      <c r="A5604" s="7">
        <f t="shared" si="264"/>
        <v>44795.166666653095</v>
      </c>
      <c r="B5604" s="8">
        <v>-4.9800999999999998E-2</v>
      </c>
      <c r="C5604">
        <f t="shared" si="262"/>
        <v>4</v>
      </c>
      <c r="D5604">
        <f t="shared" si="263"/>
        <v>8</v>
      </c>
    </row>
    <row r="5605" spans="1:4" x14ac:dyDescent="0.25">
      <c r="A5605" s="7">
        <f t="shared" si="264"/>
        <v>44795.208333319759</v>
      </c>
      <c r="B5605" s="8">
        <v>-4.9800999999999998E-2</v>
      </c>
      <c r="C5605">
        <f t="shared" si="262"/>
        <v>5</v>
      </c>
      <c r="D5605">
        <f t="shared" si="263"/>
        <v>8</v>
      </c>
    </row>
    <row r="5606" spans="1:4" x14ac:dyDescent="0.25">
      <c r="A5606" s="7">
        <f t="shared" si="264"/>
        <v>44795.249999986423</v>
      </c>
      <c r="B5606" s="8">
        <v>-4.9800999999999998E-2</v>
      </c>
      <c r="C5606">
        <f t="shared" si="262"/>
        <v>6</v>
      </c>
      <c r="D5606">
        <f t="shared" si="263"/>
        <v>8</v>
      </c>
    </row>
    <row r="5607" spans="1:4" x14ac:dyDescent="0.25">
      <c r="A5607" s="7">
        <f t="shared" si="264"/>
        <v>44795.291666653087</v>
      </c>
      <c r="B5607" s="8">
        <v>0.35304667805782597</v>
      </c>
      <c r="C5607">
        <f t="shared" si="262"/>
        <v>7</v>
      </c>
      <c r="D5607">
        <f t="shared" si="263"/>
        <v>8</v>
      </c>
    </row>
    <row r="5608" spans="1:4" x14ac:dyDescent="0.25">
      <c r="A5608" s="7">
        <f t="shared" si="264"/>
        <v>44795.333333319752</v>
      </c>
      <c r="B5608" s="8">
        <v>2.3603912741908144</v>
      </c>
      <c r="C5608">
        <f t="shared" si="262"/>
        <v>8</v>
      </c>
      <c r="D5608">
        <f t="shared" si="263"/>
        <v>8</v>
      </c>
    </row>
    <row r="5609" spans="1:4" x14ac:dyDescent="0.25">
      <c r="A5609" s="7">
        <f t="shared" si="264"/>
        <v>44795.374999986416</v>
      </c>
      <c r="B5609" s="8">
        <v>3.0744780855507208</v>
      </c>
      <c r="C5609">
        <f t="shared" si="262"/>
        <v>9</v>
      </c>
      <c r="D5609">
        <f t="shared" si="263"/>
        <v>8</v>
      </c>
    </row>
    <row r="5610" spans="1:4" x14ac:dyDescent="0.25">
      <c r="A5610" s="7">
        <f t="shared" si="264"/>
        <v>44795.41666665308</v>
      </c>
      <c r="B5610" s="8">
        <v>10.37836280433347</v>
      </c>
      <c r="C5610">
        <f t="shared" si="262"/>
        <v>10</v>
      </c>
      <c r="D5610">
        <f t="shared" si="263"/>
        <v>8</v>
      </c>
    </row>
    <row r="5611" spans="1:4" x14ac:dyDescent="0.25">
      <c r="A5611" s="7">
        <f t="shared" si="264"/>
        <v>44795.458333319744</v>
      </c>
      <c r="B5611" s="8">
        <v>10.116613216633079</v>
      </c>
      <c r="C5611">
        <f t="shared" si="262"/>
        <v>11</v>
      </c>
      <c r="D5611">
        <f t="shared" si="263"/>
        <v>8</v>
      </c>
    </row>
    <row r="5612" spans="1:4" x14ac:dyDescent="0.25">
      <c r="A5612" s="7">
        <f t="shared" si="264"/>
        <v>44795.499999986409</v>
      </c>
      <c r="B5612" s="8">
        <v>9.7040443603678437</v>
      </c>
      <c r="C5612">
        <f t="shared" si="262"/>
        <v>12</v>
      </c>
      <c r="D5612">
        <f t="shared" si="263"/>
        <v>8</v>
      </c>
    </row>
    <row r="5613" spans="1:4" x14ac:dyDescent="0.25">
      <c r="A5613" s="7">
        <f t="shared" si="264"/>
        <v>44795.541666653073</v>
      </c>
      <c r="B5613" s="8">
        <v>18.624663116779317</v>
      </c>
      <c r="C5613">
        <f t="shared" si="262"/>
        <v>13</v>
      </c>
      <c r="D5613">
        <f t="shared" si="263"/>
        <v>8</v>
      </c>
    </row>
    <row r="5614" spans="1:4" x14ac:dyDescent="0.25">
      <c r="A5614" s="7">
        <f t="shared" si="264"/>
        <v>44795.583333319737</v>
      </c>
      <c r="B5614" s="8">
        <v>20.451306773208739</v>
      </c>
      <c r="C5614">
        <f t="shared" si="262"/>
        <v>14</v>
      </c>
      <c r="D5614">
        <f t="shared" si="263"/>
        <v>8</v>
      </c>
    </row>
    <row r="5615" spans="1:4" x14ac:dyDescent="0.25">
      <c r="A5615" s="7">
        <f t="shared" si="264"/>
        <v>44795.624999986401</v>
      </c>
      <c r="B5615" s="8">
        <v>19.084874244263755</v>
      </c>
      <c r="C5615">
        <f t="shared" si="262"/>
        <v>15</v>
      </c>
      <c r="D5615">
        <f t="shared" si="263"/>
        <v>8</v>
      </c>
    </row>
    <row r="5616" spans="1:4" x14ac:dyDescent="0.25">
      <c r="A5616" s="7">
        <f t="shared" si="264"/>
        <v>44795.666666653065</v>
      </c>
      <c r="B5616" s="8">
        <v>11.997116848702618</v>
      </c>
      <c r="C5616">
        <f t="shared" si="262"/>
        <v>16</v>
      </c>
      <c r="D5616">
        <f t="shared" si="263"/>
        <v>8</v>
      </c>
    </row>
    <row r="5617" spans="1:4" x14ac:dyDescent="0.25">
      <c r="A5617" s="7">
        <f t="shared" si="264"/>
        <v>44795.70833331973</v>
      </c>
      <c r="B5617" s="8">
        <v>7.999501866471654</v>
      </c>
      <c r="C5617">
        <f t="shared" si="262"/>
        <v>17</v>
      </c>
      <c r="D5617">
        <f t="shared" si="263"/>
        <v>8</v>
      </c>
    </row>
    <row r="5618" spans="1:4" x14ac:dyDescent="0.25">
      <c r="A5618" s="7">
        <f t="shared" si="264"/>
        <v>44795.749999986394</v>
      </c>
      <c r="B5618" s="8">
        <v>5.5899605303161044</v>
      </c>
      <c r="C5618">
        <f t="shared" si="262"/>
        <v>18</v>
      </c>
      <c r="D5618">
        <f t="shared" si="263"/>
        <v>8</v>
      </c>
    </row>
    <row r="5619" spans="1:4" x14ac:dyDescent="0.25">
      <c r="A5619" s="7">
        <f t="shared" si="264"/>
        <v>44795.791666653058</v>
      </c>
      <c r="B5619" s="8">
        <v>0.86509983567332094</v>
      </c>
      <c r="C5619">
        <f t="shared" si="262"/>
        <v>19</v>
      </c>
      <c r="D5619">
        <f t="shared" si="263"/>
        <v>8</v>
      </c>
    </row>
    <row r="5620" spans="1:4" x14ac:dyDescent="0.25">
      <c r="A5620" s="7">
        <f t="shared" si="264"/>
        <v>44795.833333319722</v>
      </c>
      <c r="B5620" s="8">
        <v>-4.9800999999999998E-2</v>
      </c>
      <c r="C5620">
        <f t="shared" si="262"/>
        <v>20</v>
      </c>
      <c r="D5620">
        <f t="shared" si="263"/>
        <v>8</v>
      </c>
    </row>
    <row r="5621" spans="1:4" x14ac:dyDescent="0.25">
      <c r="A5621" s="7">
        <f t="shared" si="264"/>
        <v>44795.874999986387</v>
      </c>
      <c r="B5621" s="8">
        <v>-4.9800999999999998E-2</v>
      </c>
      <c r="C5621">
        <f t="shared" si="262"/>
        <v>21</v>
      </c>
      <c r="D5621">
        <f t="shared" si="263"/>
        <v>8</v>
      </c>
    </row>
    <row r="5622" spans="1:4" x14ac:dyDescent="0.25">
      <c r="A5622" s="7">
        <f t="shared" si="264"/>
        <v>44795.916666653051</v>
      </c>
      <c r="B5622" s="8">
        <v>-4.9800999999999998E-2</v>
      </c>
      <c r="C5622">
        <f t="shared" si="262"/>
        <v>22</v>
      </c>
      <c r="D5622">
        <f t="shared" si="263"/>
        <v>8</v>
      </c>
    </row>
    <row r="5623" spans="1:4" x14ac:dyDescent="0.25">
      <c r="A5623" s="7">
        <f t="shared" si="264"/>
        <v>44795.958333319715</v>
      </c>
      <c r="B5623" s="8">
        <v>-4.9800999999999998E-2</v>
      </c>
      <c r="C5623">
        <f t="shared" si="262"/>
        <v>23</v>
      </c>
      <c r="D5623">
        <f t="shared" si="263"/>
        <v>8</v>
      </c>
    </row>
    <row r="5624" spans="1:4" x14ac:dyDescent="0.25">
      <c r="A5624" s="7">
        <f t="shared" si="264"/>
        <v>44795.999999986379</v>
      </c>
      <c r="B5624" s="8">
        <v>-4.9800999999999998E-2</v>
      </c>
      <c r="C5624">
        <f t="shared" si="262"/>
        <v>0</v>
      </c>
      <c r="D5624">
        <f t="shared" si="263"/>
        <v>8</v>
      </c>
    </row>
    <row r="5625" spans="1:4" x14ac:dyDescent="0.25">
      <c r="A5625" s="7">
        <f t="shared" si="264"/>
        <v>44796.041666653044</v>
      </c>
      <c r="B5625" s="8">
        <v>-4.9800999999999998E-2</v>
      </c>
      <c r="C5625">
        <f t="shared" si="262"/>
        <v>1</v>
      </c>
      <c r="D5625">
        <f t="shared" si="263"/>
        <v>8</v>
      </c>
    </row>
    <row r="5626" spans="1:4" x14ac:dyDescent="0.25">
      <c r="A5626" s="7">
        <f t="shared" si="264"/>
        <v>44796.083333319708</v>
      </c>
      <c r="B5626" s="8">
        <v>-4.9800999999999998E-2</v>
      </c>
      <c r="C5626">
        <f t="shared" si="262"/>
        <v>2</v>
      </c>
      <c r="D5626">
        <f t="shared" si="263"/>
        <v>8</v>
      </c>
    </row>
    <row r="5627" spans="1:4" x14ac:dyDescent="0.25">
      <c r="A5627" s="7">
        <f t="shared" si="264"/>
        <v>44796.124999986372</v>
      </c>
      <c r="B5627" s="8">
        <v>-4.9800999999999998E-2</v>
      </c>
      <c r="C5627">
        <f t="shared" si="262"/>
        <v>3</v>
      </c>
      <c r="D5627">
        <f t="shared" si="263"/>
        <v>8</v>
      </c>
    </row>
    <row r="5628" spans="1:4" x14ac:dyDescent="0.25">
      <c r="A5628" s="7">
        <f t="shared" si="264"/>
        <v>44796.166666653036</v>
      </c>
      <c r="B5628" s="8">
        <v>-4.9800999999999998E-2</v>
      </c>
      <c r="C5628">
        <f t="shared" si="262"/>
        <v>4</v>
      </c>
      <c r="D5628">
        <f t="shared" si="263"/>
        <v>8</v>
      </c>
    </row>
    <row r="5629" spans="1:4" x14ac:dyDescent="0.25">
      <c r="A5629" s="7">
        <f t="shared" si="264"/>
        <v>44796.208333319701</v>
      </c>
      <c r="B5629" s="8">
        <v>-4.9800999999999998E-2</v>
      </c>
      <c r="C5629">
        <f t="shared" si="262"/>
        <v>5</v>
      </c>
      <c r="D5629">
        <f t="shared" si="263"/>
        <v>8</v>
      </c>
    </row>
    <row r="5630" spans="1:4" x14ac:dyDescent="0.25">
      <c r="A5630" s="7">
        <f t="shared" si="264"/>
        <v>44796.249999986365</v>
      </c>
      <c r="B5630" s="8">
        <v>-4.9800999999999998E-2</v>
      </c>
      <c r="C5630">
        <f t="shared" si="262"/>
        <v>6</v>
      </c>
      <c r="D5630">
        <f t="shared" si="263"/>
        <v>8</v>
      </c>
    </row>
    <row r="5631" spans="1:4" x14ac:dyDescent="0.25">
      <c r="A5631" s="7">
        <f t="shared" si="264"/>
        <v>44796.291666653029</v>
      </c>
      <c r="B5631" s="8">
        <v>0.18560563974319749</v>
      </c>
      <c r="C5631">
        <f t="shared" si="262"/>
        <v>7</v>
      </c>
      <c r="D5631">
        <f t="shared" si="263"/>
        <v>8</v>
      </c>
    </row>
    <row r="5632" spans="1:4" x14ac:dyDescent="0.25">
      <c r="A5632" s="7">
        <f t="shared" si="264"/>
        <v>44796.333333319693</v>
      </c>
      <c r="B5632" s="8">
        <v>3.5200008783083523</v>
      </c>
      <c r="C5632">
        <f t="shared" si="262"/>
        <v>8</v>
      </c>
      <c r="D5632">
        <f t="shared" si="263"/>
        <v>8</v>
      </c>
    </row>
    <row r="5633" spans="1:4" x14ac:dyDescent="0.25">
      <c r="A5633" s="7">
        <f t="shared" si="264"/>
        <v>44796.374999986358</v>
      </c>
      <c r="B5633" s="8">
        <v>7.1732067725281761</v>
      </c>
      <c r="C5633">
        <f t="shared" si="262"/>
        <v>9</v>
      </c>
      <c r="D5633">
        <f t="shared" si="263"/>
        <v>8</v>
      </c>
    </row>
    <row r="5634" spans="1:4" x14ac:dyDescent="0.25">
      <c r="A5634" s="7">
        <f t="shared" si="264"/>
        <v>44796.416666653022</v>
      </c>
      <c r="B5634" s="8">
        <v>13.88655076567307</v>
      </c>
      <c r="C5634">
        <f t="shared" si="262"/>
        <v>10</v>
      </c>
      <c r="D5634">
        <f t="shared" si="263"/>
        <v>8</v>
      </c>
    </row>
    <row r="5635" spans="1:4" x14ac:dyDescent="0.25">
      <c r="A5635" s="7">
        <f t="shared" si="264"/>
        <v>44796.458333319686</v>
      </c>
      <c r="B5635" s="8">
        <v>15.030750604085076</v>
      </c>
      <c r="C5635">
        <f t="shared" si="262"/>
        <v>11</v>
      </c>
      <c r="D5635">
        <f t="shared" si="263"/>
        <v>8</v>
      </c>
    </row>
    <row r="5636" spans="1:4" x14ac:dyDescent="0.25">
      <c r="A5636" s="7">
        <f t="shared" si="264"/>
        <v>44796.49999998635</v>
      </c>
      <c r="B5636" s="8">
        <v>18.868693329026577</v>
      </c>
      <c r="C5636">
        <f t="shared" si="262"/>
        <v>12</v>
      </c>
      <c r="D5636">
        <f t="shared" si="263"/>
        <v>8</v>
      </c>
    </row>
    <row r="5637" spans="1:4" x14ac:dyDescent="0.25">
      <c r="A5637" s="7">
        <f t="shared" si="264"/>
        <v>44796.541666653015</v>
      </c>
      <c r="B5637" s="8">
        <v>20.451312956902846</v>
      </c>
      <c r="C5637">
        <f t="shared" si="262"/>
        <v>13</v>
      </c>
      <c r="D5637">
        <f t="shared" si="263"/>
        <v>8</v>
      </c>
    </row>
    <row r="5638" spans="1:4" x14ac:dyDescent="0.25">
      <c r="A5638" s="7">
        <f t="shared" si="264"/>
        <v>44796.583333319679</v>
      </c>
      <c r="B5638" s="8">
        <v>20.451315018134213</v>
      </c>
      <c r="C5638">
        <f t="shared" si="262"/>
        <v>14</v>
      </c>
      <c r="D5638">
        <f t="shared" si="263"/>
        <v>8</v>
      </c>
    </row>
    <row r="5639" spans="1:4" x14ac:dyDescent="0.25">
      <c r="A5639" s="7">
        <f t="shared" si="264"/>
        <v>44796.624999986343</v>
      </c>
      <c r="B5639" s="8">
        <v>20.032136823488191</v>
      </c>
      <c r="C5639">
        <f t="shared" si="262"/>
        <v>15</v>
      </c>
      <c r="D5639">
        <f t="shared" si="263"/>
        <v>8</v>
      </c>
    </row>
    <row r="5640" spans="1:4" x14ac:dyDescent="0.25">
      <c r="A5640" s="7">
        <f t="shared" si="264"/>
        <v>44796.666666653007</v>
      </c>
      <c r="B5640" s="8">
        <v>16.33292527575518</v>
      </c>
      <c r="C5640">
        <f t="shared" si="262"/>
        <v>16</v>
      </c>
      <c r="D5640">
        <f t="shared" si="263"/>
        <v>8</v>
      </c>
    </row>
    <row r="5641" spans="1:4" x14ac:dyDescent="0.25">
      <c r="A5641" s="7">
        <f t="shared" si="264"/>
        <v>44796.708333319672</v>
      </c>
      <c r="B5641" s="8">
        <v>10.663465112815134</v>
      </c>
      <c r="C5641">
        <f t="shared" si="262"/>
        <v>17</v>
      </c>
      <c r="D5641">
        <f t="shared" si="263"/>
        <v>8</v>
      </c>
    </row>
    <row r="5642" spans="1:4" x14ac:dyDescent="0.25">
      <c r="A5642" s="7">
        <f t="shared" si="264"/>
        <v>44796.749999986336</v>
      </c>
      <c r="B5642" s="8">
        <v>1.8543043507693613</v>
      </c>
      <c r="C5642">
        <f t="shared" ref="C5642:C5705" si="265">HOUR(A5642)</f>
        <v>18</v>
      </c>
      <c r="D5642">
        <f t="shared" ref="D5642:D5705" si="266">MONTH(A5642)</f>
        <v>8</v>
      </c>
    </row>
    <row r="5643" spans="1:4" x14ac:dyDescent="0.25">
      <c r="A5643" s="7">
        <f t="shared" ref="A5643:A5706" si="267">+A5642+1/24</f>
        <v>44796.791666653</v>
      </c>
      <c r="B5643" s="8">
        <v>0.32878598485904492</v>
      </c>
      <c r="C5643">
        <f t="shared" si="265"/>
        <v>19</v>
      </c>
      <c r="D5643">
        <f t="shared" si="266"/>
        <v>8</v>
      </c>
    </row>
    <row r="5644" spans="1:4" x14ac:dyDescent="0.25">
      <c r="A5644" s="7">
        <f t="shared" si="267"/>
        <v>44796.833333319664</v>
      </c>
      <c r="B5644" s="8">
        <v>-4.9800999999999998E-2</v>
      </c>
      <c r="C5644">
        <f t="shared" si="265"/>
        <v>20</v>
      </c>
      <c r="D5644">
        <f t="shared" si="266"/>
        <v>8</v>
      </c>
    </row>
    <row r="5645" spans="1:4" x14ac:dyDescent="0.25">
      <c r="A5645" s="7">
        <f t="shared" si="267"/>
        <v>44796.874999986328</v>
      </c>
      <c r="B5645" s="8">
        <v>-4.9800999999999998E-2</v>
      </c>
      <c r="C5645">
        <f t="shared" si="265"/>
        <v>21</v>
      </c>
      <c r="D5645">
        <f t="shared" si="266"/>
        <v>8</v>
      </c>
    </row>
    <row r="5646" spans="1:4" x14ac:dyDescent="0.25">
      <c r="A5646" s="7">
        <f t="shared" si="267"/>
        <v>44796.916666652993</v>
      </c>
      <c r="B5646" s="8">
        <v>-4.9800999999999998E-2</v>
      </c>
      <c r="C5646">
        <f t="shared" si="265"/>
        <v>22</v>
      </c>
      <c r="D5646">
        <f t="shared" si="266"/>
        <v>8</v>
      </c>
    </row>
    <row r="5647" spans="1:4" x14ac:dyDescent="0.25">
      <c r="A5647" s="7">
        <f t="shared" si="267"/>
        <v>44796.958333319657</v>
      </c>
      <c r="B5647" s="8">
        <v>-4.9800999999999998E-2</v>
      </c>
      <c r="C5647">
        <f t="shared" si="265"/>
        <v>23</v>
      </c>
      <c r="D5647">
        <f t="shared" si="266"/>
        <v>8</v>
      </c>
    </row>
    <row r="5648" spans="1:4" x14ac:dyDescent="0.25">
      <c r="A5648" s="7">
        <f t="shared" si="267"/>
        <v>44796.999999986321</v>
      </c>
      <c r="B5648" s="8">
        <v>-4.9800999999999998E-2</v>
      </c>
      <c r="C5648">
        <f t="shared" si="265"/>
        <v>0</v>
      </c>
      <c r="D5648">
        <f t="shared" si="266"/>
        <v>8</v>
      </c>
    </row>
    <row r="5649" spans="1:4" x14ac:dyDescent="0.25">
      <c r="A5649" s="7">
        <f t="shared" si="267"/>
        <v>44797.041666652985</v>
      </c>
      <c r="B5649" s="8">
        <v>-4.9800999999999998E-2</v>
      </c>
      <c r="C5649">
        <f t="shared" si="265"/>
        <v>1</v>
      </c>
      <c r="D5649">
        <f t="shared" si="266"/>
        <v>8</v>
      </c>
    </row>
    <row r="5650" spans="1:4" x14ac:dyDescent="0.25">
      <c r="A5650" s="7">
        <f t="shared" si="267"/>
        <v>44797.08333331965</v>
      </c>
      <c r="B5650" s="8">
        <v>-4.9800999999999998E-2</v>
      </c>
      <c r="C5650">
        <f t="shared" si="265"/>
        <v>2</v>
      </c>
      <c r="D5650">
        <f t="shared" si="266"/>
        <v>8</v>
      </c>
    </row>
    <row r="5651" spans="1:4" x14ac:dyDescent="0.25">
      <c r="A5651" s="7">
        <f t="shared" si="267"/>
        <v>44797.124999986314</v>
      </c>
      <c r="B5651" s="8">
        <v>-4.9800999999999998E-2</v>
      </c>
      <c r="C5651">
        <f t="shared" si="265"/>
        <v>3</v>
      </c>
      <c r="D5651">
        <f t="shared" si="266"/>
        <v>8</v>
      </c>
    </row>
    <row r="5652" spans="1:4" x14ac:dyDescent="0.25">
      <c r="A5652" s="7">
        <f t="shared" si="267"/>
        <v>44797.166666652978</v>
      </c>
      <c r="B5652" s="8">
        <v>-4.9800999999999998E-2</v>
      </c>
      <c r="C5652">
        <f t="shared" si="265"/>
        <v>4</v>
      </c>
      <c r="D5652">
        <f t="shared" si="266"/>
        <v>8</v>
      </c>
    </row>
    <row r="5653" spans="1:4" x14ac:dyDescent="0.25">
      <c r="A5653" s="7">
        <f t="shared" si="267"/>
        <v>44797.208333319642</v>
      </c>
      <c r="B5653" s="8">
        <v>-4.9800999999999998E-2</v>
      </c>
      <c r="C5653">
        <f t="shared" si="265"/>
        <v>5</v>
      </c>
      <c r="D5653">
        <f t="shared" si="266"/>
        <v>8</v>
      </c>
    </row>
    <row r="5654" spans="1:4" x14ac:dyDescent="0.25">
      <c r="A5654" s="7">
        <f t="shared" si="267"/>
        <v>44797.249999986307</v>
      </c>
      <c r="B5654" s="8">
        <v>-4.9800999999999998E-2</v>
      </c>
      <c r="C5654">
        <f t="shared" si="265"/>
        <v>6</v>
      </c>
      <c r="D5654">
        <f t="shared" si="266"/>
        <v>8</v>
      </c>
    </row>
    <row r="5655" spans="1:4" x14ac:dyDescent="0.25">
      <c r="A5655" s="7">
        <f t="shared" si="267"/>
        <v>44797.291666652971</v>
      </c>
      <c r="B5655" s="8">
        <v>0.33011238724421194</v>
      </c>
      <c r="C5655">
        <f t="shared" si="265"/>
        <v>7</v>
      </c>
      <c r="D5655">
        <f t="shared" si="266"/>
        <v>8</v>
      </c>
    </row>
    <row r="5656" spans="1:4" x14ac:dyDescent="0.25">
      <c r="A5656" s="7">
        <f t="shared" si="267"/>
        <v>44797.333333319635</v>
      </c>
      <c r="B5656" s="8">
        <v>1.6929604348406286</v>
      </c>
      <c r="C5656">
        <f t="shared" si="265"/>
        <v>8</v>
      </c>
      <c r="D5656">
        <f t="shared" si="266"/>
        <v>8</v>
      </c>
    </row>
    <row r="5657" spans="1:4" x14ac:dyDescent="0.25">
      <c r="A5657" s="7">
        <f t="shared" si="267"/>
        <v>44797.374999986299</v>
      </c>
      <c r="B5657" s="8">
        <v>2.3928958622450351</v>
      </c>
      <c r="C5657">
        <f t="shared" si="265"/>
        <v>9</v>
      </c>
      <c r="D5657">
        <f t="shared" si="266"/>
        <v>8</v>
      </c>
    </row>
    <row r="5658" spans="1:4" x14ac:dyDescent="0.25">
      <c r="A5658" s="7">
        <f t="shared" si="267"/>
        <v>44797.416666652964</v>
      </c>
      <c r="B5658" s="8">
        <v>6.5076980314284461</v>
      </c>
      <c r="C5658">
        <f t="shared" si="265"/>
        <v>10</v>
      </c>
      <c r="D5658">
        <f t="shared" si="266"/>
        <v>8</v>
      </c>
    </row>
    <row r="5659" spans="1:4" x14ac:dyDescent="0.25">
      <c r="A5659" s="7">
        <f t="shared" si="267"/>
        <v>44797.458333319628</v>
      </c>
      <c r="B5659" s="8">
        <v>10.463804966990722</v>
      </c>
      <c r="C5659">
        <f t="shared" si="265"/>
        <v>11</v>
      </c>
      <c r="D5659">
        <f t="shared" si="266"/>
        <v>8</v>
      </c>
    </row>
    <row r="5660" spans="1:4" x14ac:dyDescent="0.25">
      <c r="A5660" s="7">
        <f t="shared" si="267"/>
        <v>44797.499999986292</v>
      </c>
      <c r="B5660" s="8">
        <v>12.544322246064249</v>
      </c>
      <c r="C5660">
        <f t="shared" si="265"/>
        <v>12</v>
      </c>
      <c r="D5660">
        <f t="shared" si="266"/>
        <v>8</v>
      </c>
    </row>
    <row r="5661" spans="1:4" x14ac:dyDescent="0.25">
      <c r="A5661" s="7">
        <f t="shared" si="267"/>
        <v>44797.541666652956</v>
      </c>
      <c r="B5661" s="8">
        <v>15.35924183285853</v>
      </c>
      <c r="C5661">
        <f t="shared" si="265"/>
        <v>13</v>
      </c>
      <c r="D5661">
        <f t="shared" si="266"/>
        <v>8</v>
      </c>
    </row>
    <row r="5662" spans="1:4" x14ac:dyDescent="0.25">
      <c r="A5662" s="7">
        <f t="shared" si="267"/>
        <v>44797.583333319621</v>
      </c>
      <c r="B5662" s="8">
        <v>19.086281034672265</v>
      </c>
      <c r="C5662">
        <f t="shared" si="265"/>
        <v>14</v>
      </c>
      <c r="D5662">
        <f t="shared" si="266"/>
        <v>8</v>
      </c>
    </row>
    <row r="5663" spans="1:4" x14ac:dyDescent="0.25">
      <c r="A5663" s="7">
        <f t="shared" si="267"/>
        <v>44797.624999986285</v>
      </c>
      <c r="B5663" s="8">
        <v>19.439487458161093</v>
      </c>
      <c r="C5663">
        <f t="shared" si="265"/>
        <v>15</v>
      </c>
      <c r="D5663">
        <f t="shared" si="266"/>
        <v>8</v>
      </c>
    </row>
    <row r="5664" spans="1:4" x14ac:dyDescent="0.25">
      <c r="A5664" s="7">
        <f t="shared" si="267"/>
        <v>44797.666666652949</v>
      </c>
      <c r="B5664" s="8">
        <v>15.035786192316566</v>
      </c>
      <c r="C5664">
        <f t="shared" si="265"/>
        <v>16</v>
      </c>
      <c r="D5664">
        <f t="shared" si="266"/>
        <v>8</v>
      </c>
    </row>
    <row r="5665" spans="1:4" x14ac:dyDescent="0.25">
      <c r="A5665" s="7">
        <f t="shared" si="267"/>
        <v>44797.708333319613</v>
      </c>
      <c r="B5665" s="8">
        <v>11.336605563054073</v>
      </c>
      <c r="C5665">
        <f t="shared" si="265"/>
        <v>17</v>
      </c>
      <c r="D5665">
        <f t="shared" si="266"/>
        <v>8</v>
      </c>
    </row>
    <row r="5666" spans="1:4" x14ac:dyDescent="0.25">
      <c r="A5666" s="7">
        <f t="shared" si="267"/>
        <v>44797.749999986278</v>
      </c>
      <c r="B5666" s="8">
        <v>5.3389365600379612</v>
      </c>
      <c r="C5666">
        <f t="shared" si="265"/>
        <v>18</v>
      </c>
      <c r="D5666">
        <f t="shared" si="266"/>
        <v>8</v>
      </c>
    </row>
    <row r="5667" spans="1:4" x14ac:dyDescent="0.25">
      <c r="A5667" s="7">
        <f t="shared" si="267"/>
        <v>44797.791666652942</v>
      </c>
      <c r="B5667" s="8">
        <v>0.92595356934431605</v>
      </c>
      <c r="C5667">
        <f t="shared" si="265"/>
        <v>19</v>
      </c>
      <c r="D5667">
        <f t="shared" si="266"/>
        <v>8</v>
      </c>
    </row>
    <row r="5668" spans="1:4" x14ac:dyDescent="0.25">
      <c r="A5668" s="7">
        <f t="shared" si="267"/>
        <v>44797.833333319606</v>
      </c>
      <c r="B5668" s="8">
        <v>-4.9800999999999998E-2</v>
      </c>
      <c r="C5668">
        <f t="shared" si="265"/>
        <v>20</v>
      </c>
      <c r="D5668">
        <f t="shared" si="266"/>
        <v>8</v>
      </c>
    </row>
    <row r="5669" spans="1:4" x14ac:dyDescent="0.25">
      <c r="A5669" s="7">
        <f t="shared" si="267"/>
        <v>44797.87499998627</v>
      </c>
      <c r="B5669" s="8">
        <v>-4.9800999999999998E-2</v>
      </c>
      <c r="C5669">
        <f t="shared" si="265"/>
        <v>21</v>
      </c>
      <c r="D5669">
        <f t="shared" si="266"/>
        <v>8</v>
      </c>
    </row>
    <row r="5670" spans="1:4" x14ac:dyDescent="0.25">
      <c r="A5670" s="7">
        <f t="shared" si="267"/>
        <v>44797.916666652935</v>
      </c>
      <c r="B5670" s="8">
        <v>-4.9800999999999998E-2</v>
      </c>
      <c r="C5670">
        <f t="shared" si="265"/>
        <v>22</v>
      </c>
      <c r="D5670">
        <f t="shared" si="266"/>
        <v>8</v>
      </c>
    </row>
    <row r="5671" spans="1:4" x14ac:dyDescent="0.25">
      <c r="A5671" s="7">
        <f t="shared" si="267"/>
        <v>44797.958333319599</v>
      </c>
      <c r="B5671" s="8">
        <v>-4.9800999999999998E-2</v>
      </c>
      <c r="C5671">
        <f t="shared" si="265"/>
        <v>23</v>
      </c>
      <c r="D5671">
        <f t="shared" si="266"/>
        <v>8</v>
      </c>
    </row>
    <row r="5672" spans="1:4" x14ac:dyDescent="0.25">
      <c r="A5672" s="7">
        <f t="shared" si="267"/>
        <v>44797.999999986263</v>
      </c>
      <c r="B5672" s="8">
        <v>-4.9800999999999998E-2</v>
      </c>
      <c r="C5672">
        <f t="shared" si="265"/>
        <v>0</v>
      </c>
      <c r="D5672">
        <f t="shared" si="266"/>
        <v>8</v>
      </c>
    </row>
    <row r="5673" spans="1:4" x14ac:dyDescent="0.25">
      <c r="A5673" s="7">
        <f t="shared" si="267"/>
        <v>44798.041666652927</v>
      </c>
      <c r="B5673" s="8">
        <v>-4.9800999999999998E-2</v>
      </c>
      <c r="C5673">
        <f t="shared" si="265"/>
        <v>1</v>
      </c>
      <c r="D5673">
        <f t="shared" si="266"/>
        <v>8</v>
      </c>
    </row>
    <row r="5674" spans="1:4" x14ac:dyDescent="0.25">
      <c r="A5674" s="7">
        <f t="shared" si="267"/>
        <v>44798.083333319591</v>
      </c>
      <c r="B5674" s="8">
        <v>-4.9800999999999998E-2</v>
      </c>
      <c r="C5674">
        <f t="shared" si="265"/>
        <v>2</v>
      </c>
      <c r="D5674">
        <f t="shared" si="266"/>
        <v>8</v>
      </c>
    </row>
    <row r="5675" spans="1:4" x14ac:dyDescent="0.25">
      <c r="A5675" s="7">
        <f t="shared" si="267"/>
        <v>44798.124999986256</v>
      </c>
      <c r="B5675" s="8">
        <v>-4.9800999999999998E-2</v>
      </c>
      <c r="C5675">
        <f t="shared" si="265"/>
        <v>3</v>
      </c>
      <c r="D5675">
        <f t="shared" si="266"/>
        <v>8</v>
      </c>
    </row>
    <row r="5676" spans="1:4" x14ac:dyDescent="0.25">
      <c r="A5676" s="7">
        <f t="shared" si="267"/>
        <v>44798.16666665292</v>
      </c>
      <c r="B5676" s="8">
        <v>-4.9800999999999998E-2</v>
      </c>
      <c r="C5676">
        <f t="shared" si="265"/>
        <v>4</v>
      </c>
      <c r="D5676">
        <f t="shared" si="266"/>
        <v>8</v>
      </c>
    </row>
    <row r="5677" spans="1:4" x14ac:dyDescent="0.25">
      <c r="A5677" s="7">
        <f t="shared" si="267"/>
        <v>44798.208333319584</v>
      </c>
      <c r="B5677" s="8">
        <v>-4.9800999999999998E-2</v>
      </c>
      <c r="C5677">
        <f t="shared" si="265"/>
        <v>5</v>
      </c>
      <c r="D5677">
        <f t="shared" si="266"/>
        <v>8</v>
      </c>
    </row>
    <row r="5678" spans="1:4" x14ac:dyDescent="0.25">
      <c r="A5678" s="7">
        <f t="shared" si="267"/>
        <v>44798.249999986248</v>
      </c>
      <c r="B5678" s="8">
        <v>-4.9800999999999998E-2</v>
      </c>
      <c r="C5678">
        <f t="shared" si="265"/>
        <v>6</v>
      </c>
      <c r="D5678">
        <f t="shared" si="266"/>
        <v>8</v>
      </c>
    </row>
    <row r="5679" spans="1:4" x14ac:dyDescent="0.25">
      <c r="A5679" s="7">
        <f t="shared" si="267"/>
        <v>44798.291666652913</v>
      </c>
      <c r="B5679" s="8">
        <v>0.66078955188319577</v>
      </c>
      <c r="C5679">
        <f t="shared" si="265"/>
        <v>7</v>
      </c>
      <c r="D5679">
        <f t="shared" si="266"/>
        <v>8</v>
      </c>
    </row>
    <row r="5680" spans="1:4" x14ac:dyDescent="0.25">
      <c r="A5680" s="7">
        <f t="shared" si="267"/>
        <v>44798.333333319577</v>
      </c>
      <c r="B5680" s="8">
        <v>4.2997657353555452</v>
      </c>
      <c r="C5680">
        <f t="shared" si="265"/>
        <v>8</v>
      </c>
      <c r="D5680">
        <f t="shared" si="266"/>
        <v>8</v>
      </c>
    </row>
    <row r="5681" spans="1:4" x14ac:dyDescent="0.25">
      <c r="A5681" s="7">
        <f t="shared" si="267"/>
        <v>44798.374999986241</v>
      </c>
      <c r="B5681" s="8">
        <v>10.899348308081244</v>
      </c>
      <c r="C5681">
        <f t="shared" si="265"/>
        <v>9</v>
      </c>
      <c r="D5681">
        <f t="shared" si="266"/>
        <v>8</v>
      </c>
    </row>
    <row r="5682" spans="1:4" x14ac:dyDescent="0.25">
      <c r="A5682" s="7">
        <f t="shared" si="267"/>
        <v>44798.416666652905</v>
      </c>
      <c r="B5682" s="8">
        <v>16.408747671619</v>
      </c>
      <c r="C5682">
        <f t="shared" si="265"/>
        <v>10</v>
      </c>
      <c r="D5682">
        <f t="shared" si="266"/>
        <v>8</v>
      </c>
    </row>
    <row r="5683" spans="1:4" x14ac:dyDescent="0.25">
      <c r="A5683" s="7">
        <f t="shared" si="267"/>
        <v>44798.45833331957</v>
      </c>
      <c r="B5683" s="8">
        <v>20.192734573661784</v>
      </c>
      <c r="C5683">
        <f t="shared" si="265"/>
        <v>11</v>
      </c>
      <c r="D5683">
        <f t="shared" si="266"/>
        <v>8</v>
      </c>
    </row>
    <row r="5684" spans="1:4" x14ac:dyDescent="0.25">
      <c r="A5684" s="7">
        <f t="shared" si="267"/>
        <v>44798.499999986234</v>
      </c>
      <c r="B5684" s="8">
        <v>20.115854766106292</v>
      </c>
      <c r="C5684">
        <f t="shared" si="265"/>
        <v>12</v>
      </c>
      <c r="D5684">
        <f t="shared" si="266"/>
        <v>8</v>
      </c>
    </row>
    <row r="5685" spans="1:4" x14ac:dyDescent="0.25">
      <c r="A5685" s="7">
        <f t="shared" si="267"/>
        <v>44798.541666652898</v>
      </c>
      <c r="B5685" s="8">
        <v>16.791433826129829</v>
      </c>
      <c r="C5685">
        <f t="shared" si="265"/>
        <v>13</v>
      </c>
      <c r="D5685">
        <f t="shared" si="266"/>
        <v>8</v>
      </c>
    </row>
    <row r="5686" spans="1:4" x14ac:dyDescent="0.25">
      <c r="A5686" s="7">
        <f t="shared" si="267"/>
        <v>44798.583333319562</v>
      </c>
      <c r="B5686" s="8">
        <v>20.451310895671476</v>
      </c>
      <c r="C5686">
        <f t="shared" si="265"/>
        <v>14</v>
      </c>
      <c r="D5686">
        <f t="shared" si="266"/>
        <v>8</v>
      </c>
    </row>
    <row r="5687" spans="1:4" x14ac:dyDescent="0.25">
      <c r="A5687" s="7">
        <f t="shared" si="267"/>
        <v>44798.624999986227</v>
      </c>
      <c r="B5687" s="8">
        <v>18.8436328780571</v>
      </c>
      <c r="C5687">
        <f t="shared" si="265"/>
        <v>15</v>
      </c>
      <c r="D5687">
        <f t="shared" si="266"/>
        <v>8</v>
      </c>
    </row>
    <row r="5688" spans="1:4" x14ac:dyDescent="0.25">
      <c r="A5688" s="7">
        <f t="shared" si="267"/>
        <v>44798.666666652891</v>
      </c>
      <c r="B5688" s="8">
        <v>15.635148988208524</v>
      </c>
      <c r="C5688">
        <f t="shared" si="265"/>
        <v>16</v>
      </c>
      <c r="D5688">
        <f t="shared" si="266"/>
        <v>8</v>
      </c>
    </row>
    <row r="5689" spans="1:4" x14ac:dyDescent="0.25">
      <c r="A5689" s="7">
        <f t="shared" si="267"/>
        <v>44798.708333319555</v>
      </c>
      <c r="B5689" s="8">
        <v>11.378687662658688</v>
      </c>
      <c r="C5689">
        <f t="shared" si="265"/>
        <v>17</v>
      </c>
      <c r="D5689">
        <f t="shared" si="266"/>
        <v>8</v>
      </c>
    </row>
    <row r="5690" spans="1:4" x14ac:dyDescent="0.25">
      <c r="A5690" s="7">
        <f t="shared" si="267"/>
        <v>44798.749999986219</v>
      </c>
      <c r="B5690" s="8">
        <v>5.2975820751061731</v>
      </c>
      <c r="C5690">
        <f t="shared" si="265"/>
        <v>18</v>
      </c>
      <c r="D5690">
        <f t="shared" si="266"/>
        <v>8</v>
      </c>
    </row>
    <row r="5691" spans="1:4" x14ac:dyDescent="0.25">
      <c r="A5691" s="7">
        <f t="shared" si="267"/>
        <v>44798.791666652884</v>
      </c>
      <c r="B5691" s="8">
        <v>0.84137609324584695</v>
      </c>
      <c r="C5691">
        <f t="shared" si="265"/>
        <v>19</v>
      </c>
      <c r="D5691">
        <f t="shared" si="266"/>
        <v>8</v>
      </c>
    </row>
    <row r="5692" spans="1:4" x14ac:dyDescent="0.25">
      <c r="A5692" s="7">
        <f t="shared" si="267"/>
        <v>44798.833333319548</v>
      </c>
      <c r="B5692" s="8">
        <v>-4.9800999999999998E-2</v>
      </c>
      <c r="C5692">
        <f t="shared" si="265"/>
        <v>20</v>
      </c>
      <c r="D5692">
        <f t="shared" si="266"/>
        <v>8</v>
      </c>
    </row>
    <row r="5693" spans="1:4" x14ac:dyDescent="0.25">
      <c r="A5693" s="7">
        <f t="shared" si="267"/>
        <v>44798.874999986212</v>
      </c>
      <c r="B5693" s="8">
        <v>-4.9800999999999998E-2</v>
      </c>
      <c r="C5693">
        <f t="shared" si="265"/>
        <v>21</v>
      </c>
      <c r="D5693">
        <f t="shared" si="266"/>
        <v>8</v>
      </c>
    </row>
    <row r="5694" spans="1:4" x14ac:dyDescent="0.25">
      <c r="A5694" s="7">
        <f t="shared" si="267"/>
        <v>44798.916666652876</v>
      </c>
      <c r="B5694" s="8">
        <v>-4.9800999999999998E-2</v>
      </c>
      <c r="C5694">
        <f t="shared" si="265"/>
        <v>22</v>
      </c>
      <c r="D5694">
        <f t="shared" si="266"/>
        <v>8</v>
      </c>
    </row>
    <row r="5695" spans="1:4" x14ac:dyDescent="0.25">
      <c r="A5695" s="7">
        <f t="shared" si="267"/>
        <v>44798.958333319541</v>
      </c>
      <c r="B5695" s="8">
        <v>-4.9800999999999998E-2</v>
      </c>
      <c r="C5695">
        <f t="shared" si="265"/>
        <v>23</v>
      </c>
      <c r="D5695">
        <f t="shared" si="266"/>
        <v>8</v>
      </c>
    </row>
    <row r="5696" spans="1:4" x14ac:dyDescent="0.25">
      <c r="A5696" s="7">
        <f t="shared" si="267"/>
        <v>44798.999999986205</v>
      </c>
      <c r="B5696" s="8">
        <v>-4.9800999999999998E-2</v>
      </c>
      <c r="C5696">
        <f t="shared" si="265"/>
        <v>0</v>
      </c>
      <c r="D5696">
        <f t="shared" si="266"/>
        <v>8</v>
      </c>
    </row>
    <row r="5697" spans="1:4" x14ac:dyDescent="0.25">
      <c r="A5697" s="7">
        <f t="shared" si="267"/>
        <v>44799.041666652869</v>
      </c>
      <c r="B5697" s="8">
        <v>-4.9800999999999998E-2</v>
      </c>
      <c r="C5697">
        <f t="shared" si="265"/>
        <v>1</v>
      </c>
      <c r="D5697">
        <f t="shared" si="266"/>
        <v>8</v>
      </c>
    </row>
    <row r="5698" spans="1:4" x14ac:dyDescent="0.25">
      <c r="A5698" s="7">
        <f t="shared" si="267"/>
        <v>44799.083333319533</v>
      </c>
      <c r="B5698" s="8">
        <v>-4.9800999999999998E-2</v>
      </c>
      <c r="C5698">
        <f t="shared" si="265"/>
        <v>2</v>
      </c>
      <c r="D5698">
        <f t="shared" si="266"/>
        <v>8</v>
      </c>
    </row>
    <row r="5699" spans="1:4" x14ac:dyDescent="0.25">
      <c r="A5699" s="7">
        <f t="shared" si="267"/>
        <v>44799.124999986198</v>
      </c>
      <c r="B5699" s="8">
        <v>-4.9800999999999998E-2</v>
      </c>
      <c r="C5699">
        <f t="shared" si="265"/>
        <v>3</v>
      </c>
      <c r="D5699">
        <f t="shared" si="266"/>
        <v>8</v>
      </c>
    </row>
    <row r="5700" spans="1:4" x14ac:dyDescent="0.25">
      <c r="A5700" s="7">
        <f t="shared" si="267"/>
        <v>44799.166666652862</v>
      </c>
      <c r="B5700" s="8">
        <v>-4.9800999999999998E-2</v>
      </c>
      <c r="C5700">
        <f t="shared" si="265"/>
        <v>4</v>
      </c>
      <c r="D5700">
        <f t="shared" si="266"/>
        <v>8</v>
      </c>
    </row>
    <row r="5701" spans="1:4" x14ac:dyDescent="0.25">
      <c r="A5701" s="7">
        <f t="shared" si="267"/>
        <v>44799.208333319526</v>
      </c>
      <c r="B5701" s="8">
        <v>-4.9800999999999998E-2</v>
      </c>
      <c r="C5701">
        <f t="shared" si="265"/>
        <v>5</v>
      </c>
      <c r="D5701">
        <f t="shared" si="266"/>
        <v>8</v>
      </c>
    </row>
    <row r="5702" spans="1:4" x14ac:dyDescent="0.25">
      <c r="A5702" s="7">
        <f t="shared" si="267"/>
        <v>44799.24999998619</v>
      </c>
      <c r="B5702" s="8">
        <v>-4.9800999999999998E-2</v>
      </c>
      <c r="C5702">
        <f t="shared" si="265"/>
        <v>6</v>
      </c>
      <c r="D5702">
        <f t="shared" si="266"/>
        <v>8</v>
      </c>
    </row>
    <row r="5703" spans="1:4" x14ac:dyDescent="0.25">
      <c r="A5703" s="7">
        <f t="shared" si="267"/>
        <v>44799.291666652854</v>
      </c>
      <c r="B5703" s="8">
        <v>0.30628249140129715</v>
      </c>
      <c r="C5703">
        <f t="shared" si="265"/>
        <v>7</v>
      </c>
      <c r="D5703">
        <f t="shared" si="266"/>
        <v>8</v>
      </c>
    </row>
    <row r="5704" spans="1:4" x14ac:dyDescent="0.25">
      <c r="A5704" s="7">
        <f t="shared" si="267"/>
        <v>44799.333333319519</v>
      </c>
      <c r="B5704" s="8">
        <v>1.6866149340749153</v>
      </c>
      <c r="C5704">
        <f t="shared" si="265"/>
        <v>8</v>
      </c>
      <c r="D5704">
        <f t="shared" si="266"/>
        <v>8</v>
      </c>
    </row>
    <row r="5705" spans="1:4" x14ac:dyDescent="0.25">
      <c r="A5705" s="7">
        <f t="shared" si="267"/>
        <v>44799.374999986183</v>
      </c>
      <c r="B5705" s="8">
        <v>10.241013682757075</v>
      </c>
      <c r="C5705">
        <f t="shared" si="265"/>
        <v>9</v>
      </c>
      <c r="D5705">
        <f t="shared" si="266"/>
        <v>8</v>
      </c>
    </row>
    <row r="5706" spans="1:4" x14ac:dyDescent="0.25">
      <c r="A5706" s="7">
        <f t="shared" si="267"/>
        <v>44799.416666652847</v>
      </c>
      <c r="B5706" s="8">
        <v>16.000215736987563</v>
      </c>
      <c r="C5706">
        <f t="shared" ref="C5706:C5769" si="268">HOUR(A5706)</f>
        <v>10</v>
      </c>
      <c r="D5706">
        <f t="shared" ref="D5706:D5769" si="269">MONTH(A5706)</f>
        <v>8</v>
      </c>
    </row>
    <row r="5707" spans="1:4" x14ac:dyDescent="0.25">
      <c r="A5707" s="7">
        <f t="shared" ref="A5707:A5770" si="270">+A5706+1/24</f>
        <v>44799.458333319511</v>
      </c>
      <c r="B5707" s="8">
        <v>20.33373104414347</v>
      </c>
      <c r="C5707">
        <f t="shared" si="268"/>
        <v>11</v>
      </c>
      <c r="D5707">
        <f t="shared" si="269"/>
        <v>8</v>
      </c>
    </row>
    <row r="5708" spans="1:4" x14ac:dyDescent="0.25">
      <c r="A5708" s="7">
        <f t="shared" si="270"/>
        <v>44799.499999986176</v>
      </c>
      <c r="B5708" s="8">
        <v>16.172430587149972</v>
      </c>
      <c r="C5708">
        <f t="shared" si="268"/>
        <v>12</v>
      </c>
      <c r="D5708">
        <f t="shared" si="269"/>
        <v>8</v>
      </c>
    </row>
    <row r="5709" spans="1:4" x14ac:dyDescent="0.25">
      <c r="A5709" s="7">
        <f t="shared" si="270"/>
        <v>44799.54166665284</v>
      </c>
      <c r="B5709" s="8">
        <v>20.45129234458917</v>
      </c>
      <c r="C5709">
        <f t="shared" si="268"/>
        <v>13</v>
      </c>
      <c r="D5709">
        <f t="shared" si="269"/>
        <v>8</v>
      </c>
    </row>
    <row r="5710" spans="1:4" x14ac:dyDescent="0.25">
      <c r="A5710" s="7">
        <f t="shared" si="270"/>
        <v>44799.583333319504</v>
      </c>
      <c r="B5710" s="8">
        <v>20.451297497667586</v>
      </c>
      <c r="C5710">
        <f t="shared" si="268"/>
        <v>14</v>
      </c>
      <c r="D5710">
        <f t="shared" si="269"/>
        <v>8</v>
      </c>
    </row>
    <row r="5711" spans="1:4" x14ac:dyDescent="0.25">
      <c r="A5711" s="7">
        <f t="shared" si="270"/>
        <v>44799.624999986168</v>
      </c>
      <c r="B5711" s="8">
        <v>16.162205848950094</v>
      </c>
      <c r="C5711">
        <f t="shared" si="268"/>
        <v>15</v>
      </c>
      <c r="D5711">
        <f t="shared" si="269"/>
        <v>8</v>
      </c>
    </row>
    <row r="5712" spans="1:4" x14ac:dyDescent="0.25">
      <c r="A5712" s="7">
        <f t="shared" si="270"/>
        <v>44799.666666652833</v>
      </c>
      <c r="B5712" s="8">
        <v>14.251385625923234</v>
      </c>
      <c r="C5712">
        <f t="shared" si="268"/>
        <v>16</v>
      </c>
      <c r="D5712">
        <f t="shared" si="269"/>
        <v>8</v>
      </c>
    </row>
    <row r="5713" spans="1:4" x14ac:dyDescent="0.25">
      <c r="A5713" s="7">
        <f t="shared" si="270"/>
        <v>44799.708333319497</v>
      </c>
      <c r="B5713" s="8">
        <v>7.826607840573562</v>
      </c>
      <c r="C5713">
        <f t="shared" si="268"/>
        <v>17</v>
      </c>
      <c r="D5713">
        <f t="shared" si="269"/>
        <v>8</v>
      </c>
    </row>
    <row r="5714" spans="1:4" x14ac:dyDescent="0.25">
      <c r="A5714" s="7">
        <f t="shared" si="270"/>
        <v>44799.749999986161</v>
      </c>
      <c r="B5714" s="8">
        <v>4.1264151467094878</v>
      </c>
      <c r="C5714">
        <f t="shared" si="268"/>
        <v>18</v>
      </c>
      <c r="D5714">
        <f t="shared" si="269"/>
        <v>8</v>
      </c>
    </row>
    <row r="5715" spans="1:4" x14ac:dyDescent="0.25">
      <c r="A5715" s="7">
        <f t="shared" si="270"/>
        <v>44799.791666652825</v>
      </c>
      <c r="B5715" s="8">
        <v>0.3455922348162464</v>
      </c>
      <c r="C5715">
        <f t="shared" si="268"/>
        <v>19</v>
      </c>
      <c r="D5715">
        <f t="shared" si="269"/>
        <v>8</v>
      </c>
    </row>
    <row r="5716" spans="1:4" x14ac:dyDescent="0.25">
      <c r="A5716" s="7">
        <f t="shared" si="270"/>
        <v>44799.83333331949</v>
      </c>
      <c r="B5716" s="8">
        <v>-4.9800999999999998E-2</v>
      </c>
      <c r="C5716">
        <f t="shared" si="268"/>
        <v>20</v>
      </c>
      <c r="D5716">
        <f t="shared" si="269"/>
        <v>8</v>
      </c>
    </row>
    <row r="5717" spans="1:4" x14ac:dyDescent="0.25">
      <c r="A5717" s="7">
        <f t="shared" si="270"/>
        <v>44799.874999986154</v>
      </c>
      <c r="B5717" s="8">
        <v>-4.9800999999999998E-2</v>
      </c>
      <c r="C5717">
        <f t="shared" si="268"/>
        <v>21</v>
      </c>
      <c r="D5717">
        <f t="shared" si="269"/>
        <v>8</v>
      </c>
    </row>
    <row r="5718" spans="1:4" x14ac:dyDescent="0.25">
      <c r="A5718" s="7">
        <f t="shared" si="270"/>
        <v>44799.916666652818</v>
      </c>
      <c r="B5718" s="8">
        <v>-4.9800999999999998E-2</v>
      </c>
      <c r="C5718">
        <f t="shared" si="268"/>
        <v>22</v>
      </c>
      <c r="D5718">
        <f t="shared" si="269"/>
        <v>8</v>
      </c>
    </row>
    <row r="5719" spans="1:4" x14ac:dyDescent="0.25">
      <c r="A5719" s="7">
        <f t="shared" si="270"/>
        <v>44799.958333319482</v>
      </c>
      <c r="B5719" s="8">
        <v>-4.9800999999999998E-2</v>
      </c>
      <c r="C5719">
        <f t="shared" si="268"/>
        <v>23</v>
      </c>
      <c r="D5719">
        <f t="shared" si="269"/>
        <v>8</v>
      </c>
    </row>
    <row r="5720" spans="1:4" x14ac:dyDescent="0.25">
      <c r="A5720" s="7">
        <f t="shared" si="270"/>
        <v>44799.999999986147</v>
      </c>
      <c r="B5720" s="8">
        <v>-4.9800999999999998E-2</v>
      </c>
      <c r="C5720">
        <f t="shared" si="268"/>
        <v>0</v>
      </c>
      <c r="D5720">
        <f t="shared" si="269"/>
        <v>8</v>
      </c>
    </row>
    <row r="5721" spans="1:4" x14ac:dyDescent="0.25">
      <c r="A5721" s="7">
        <f t="shared" si="270"/>
        <v>44800.041666652811</v>
      </c>
      <c r="B5721" s="8">
        <v>-4.9800999999999998E-2</v>
      </c>
      <c r="C5721">
        <f t="shared" si="268"/>
        <v>1</v>
      </c>
      <c r="D5721">
        <f t="shared" si="269"/>
        <v>8</v>
      </c>
    </row>
    <row r="5722" spans="1:4" x14ac:dyDescent="0.25">
      <c r="A5722" s="7">
        <f t="shared" si="270"/>
        <v>44800.083333319475</v>
      </c>
      <c r="B5722" s="8">
        <v>-4.9800999999999998E-2</v>
      </c>
      <c r="C5722">
        <f t="shared" si="268"/>
        <v>2</v>
      </c>
      <c r="D5722">
        <f t="shared" si="269"/>
        <v>8</v>
      </c>
    </row>
    <row r="5723" spans="1:4" x14ac:dyDescent="0.25">
      <c r="A5723" s="7">
        <f t="shared" si="270"/>
        <v>44800.124999986139</v>
      </c>
      <c r="B5723" s="8">
        <v>-4.9800999999999998E-2</v>
      </c>
      <c r="C5723">
        <f t="shared" si="268"/>
        <v>3</v>
      </c>
      <c r="D5723">
        <f t="shared" si="269"/>
        <v>8</v>
      </c>
    </row>
    <row r="5724" spans="1:4" x14ac:dyDescent="0.25">
      <c r="A5724" s="7">
        <f t="shared" si="270"/>
        <v>44800.166666652804</v>
      </c>
      <c r="B5724" s="8">
        <v>-4.9800999999999998E-2</v>
      </c>
      <c r="C5724">
        <f t="shared" si="268"/>
        <v>4</v>
      </c>
      <c r="D5724">
        <f t="shared" si="269"/>
        <v>8</v>
      </c>
    </row>
    <row r="5725" spans="1:4" x14ac:dyDescent="0.25">
      <c r="A5725" s="7">
        <f t="shared" si="270"/>
        <v>44800.208333319468</v>
      </c>
      <c r="B5725" s="8">
        <v>-4.9800999999999998E-2</v>
      </c>
      <c r="C5725">
        <f t="shared" si="268"/>
        <v>5</v>
      </c>
      <c r="D5725">
        <f t="shared" si="269"/>
        <v>8</v>
      </c>
    </row>
    <row r="5726" spans="1:4" x14ac:dyDescent="0.25">
      <c r="A5726" s="7">
        <f t="shared" si="270"/>
        <v>44800.249999986132</v>
      </c>
      <c r="B5726" s="8">
        <v>-4.9800999999999998E-2</v>
      </c>
      <c r="C5726">
        <f t="shared" si="268"/>
        <v>6</v>
      </c>
      <c r="D5726">
        <f t="shared" si="269"/>
        <v>8</v>
      </c>
    </row>
    <row r="5727" spans="1:4" x14ac:dyDescent="0.25">
      <c r="A5727" s="7">
        <f t="shared" si="270"/>
        <v>44800.291666652796</v>
      </c>
      <c r="B5727" s="8">
        <v>0.24607598437978531</v>
      </c>
      <c r="C5727">
        <f t="shared" si="268"/>
        <v>7</v>
      </c>
      <c r="D5727">
        <f t="shared" si="269"/>
        <v>8</v>
      </c>
    </row>
    <row r="5728" spans="1:4" x14ac:dyDescent="0.25">
      <c r="A5728" s="7">
        <f t="shared" si="270"/>
        <v>44800.333333319461</v>
      </c>
      <c r="B5728" s="8">
        <v>2.2711162518051728</v>
      </c>
      <c r="C5728">
        <f t="shared" si="268"/>
        <v>8</v>
      </c>
      <c r="D5728">
        <f t="shared" si="269"/>
        <v>8</v>
      </c>
    </row>
    <row r="5729" spans="1:4" x14ac:dyDescent="0.25">
      <c r="A5729" s="7">
        <f t="shared" si="270"/>
        <v>44800.374999986125</v>
      </c>
      <c r="B5729" s="8">
        <v>5.3653893727963773</v>
      </c>
      <c r="C5729">
        <f t="shared" si="268"/>
        <v>9</v>
      </c>
      <c r="D5729">
        <f t="shared" si="269"/>
        <v>8</v>
      </c>
    </row>
    <row r="5730" spans="1:4" x14ac:dyDescent="0.25">
      <c r="A5730" s="7">
        <f t="shared" si="270"/>
        <v>44800.416666652789</v>
      </c>
      <c r="B5730" s="8">
        <v>7.433400130545893</v>
      </c>
      <c r="C5730">
        <f t="shared" si="268"/>
        <v>10</v>
      </c>
      <c r="D5730">
        <f t="shared" si="269"/>
        <v>8</v>
      </c>
    </row>
    <row r="5731" spans="1:4" x14ac:dyDescent="0.25">
      <c r="A5731" s="7">
        <f t="shared" si="270"/>
        <v>44800.458333319453</v>
      </c>
      <c r="B5731" s="8">
        <v>9.9382043662104866</v>
      </c>
      <c r="C5731">
        <f t="shared" si="268"/>
        <v>11</v>
      </c>
      <c r="D5731">
        <f t="shared" si="269"/>
        <v>8</v>
      </c>
    </row>
    <row r="5732" spans="1:4" x14ac:dyDescent="0.25">
      <c r="A5732" s="7">
        <f t="shared" si="270"/>
        <v>44800.499999986117</v>
      </c>
      <c r="B5732" s="8">
        <v>17.363343081434312</v>
      </c>
      <c r="C5732">
        <f t="shared" si="268"/>
        <v>12</v>
      </c>
      <c r="D5732">
        <f t="shared" si="269"/>
        <v>8</v>
      </c>
    </row>
    <row r="5733" spans="1:4" x14ac:dyDescent="0.25">
      <c r="A5733" s="7">
        <f t="shared" si="270"/>
        <v>44800.541666652782</v>
      </c>
      <c r="B5733" s="8">
        <v>13.620987899942284</v>
      </c>
      <c r="C5733">
        <f t="shared" si="268"/>
        <v>13</v>
      </c>
      <c r="D5733">
        <f t="shared" si="269"/>
        <v>8</v>
      </c>
    </row>
    <row r="5734" spans="1:4" x14ac:dyDescent="0.25">
      <c r="A5734" s="7">
        <f t="shared" si="270"/>
        <v>44800.583333319446</v>
      </c>
      <c r="B5734" s="8">
        <v>19.62240112973797</v>
      </c>
      <c r="C5734">
        <f t="shared" si="268"/>
        <v>14</v>
      </c>
      <c r="D5734">
        <f t="shared" si="269"/>
        <v>8</v>
      </c>
    </row>
    <row r="5735" spans="1:4" x14ac:dyDescent="0.25">
      <c r="A5735" s="7">
        <f t="shared" si="270"/>
        <v>44800.62499998611</v>
      </c>
      <c r="B5735" s="8">
        <v>10.489485848601904</v>
      </c>
      <c r="C5735">
        <f t="shared" si="268"/>
        <v>15</v>
      </c>
      <c r="D5735">
        <f t="shared" si="269"/>
        <v>8</v>
      </c>
    </row>
    <row r="5736" spans="1:4" x14ac:dyDescent="0.25">
      <c r="A5736" s="7">
        <f t="shared" si="270"/>
        <v>44800.666666652774</v>
      </c>
      <c r="B5736" s="8">
        <v>7.7474266681959429</v>
      </c>
      <c r="C5736">
        <f t="shared" si="268"/>
        <v>16</v>
      </c>
      <c r="D5736">
        <f t="shared" si="269"/>
        <v>8</v>
      </c>
    </row>
    <row r="5737" spans="1:4" x14ac:dyDescent="0.25">
      <c r="A5737" s="7">
        <f t="shared" si="270"/>
        <v>44800.708333319439</v>
      </c>
      <c r="B5737" s="8">
        <v>7.202071225986896</v>
      </c>
      <c r="C5737">
        <f t="shared" si="268"/>
        <v>17</v>
      </c>
      <c r="D5737">
        <f t="shared" si="269"/>
        <v>8</v>
      </c>
    </row>
    <row r="5738" spans="1:4" x14ac:dyDescent="0.25">
      <c r="A5738" s="7">
        <f t="shared" si="270"/>
        <v>44800.749999986103</v>
      </c>
      <c r="B5738" s="8">
        <v>3.8627146035194926</v>
      </c>
      <c r="C5738">
        <f t="shared" si="268"/>
        <v>18</v>
      </c>
      <c r="D5738">
        <f t="shared" si="269"/>
        <v>8</v>
      </c>
    </row>
    <row r="5739" spans="1:4" x14ac:dyDescent="0.25">
      <c r="A5739" s="7">
        <f t="shared" si="270"/>
        <v>44800.791666652767</v>
      </c>
      <c r="B5739" s="8">
        <v>0.20529967484665995</v>
      </c>
      <c r="C5739">
        <f t="shared" si="268"/>
        <v>19</v>
      </c>
      <c r="D5739">
        <f t="shared" si="269"/>
        <v>8</v>
      </c>
    </row>
    <row r="5740" spans="1:4" x14ac:dyDescent="0.25">
      <c r="A5740" s="7">
        <f t="shared" si="270"/>
        <v>44800.833333319431</v>
      </c>
      <c r="B5740" s="8">
        <v>-4.9800999999999998E-2</v>
      </c>
      <c r="C5740">
        <f t="shared" si="268"/>
        <v>20</v>
      </c>
      <c r="D5740">
        <f t="shared" si="269"/>
        <v>8</v>
      </c>
    </row>
    <row r="5741" spans="1:4" x14ac:dyDescent="0.25">
      <c r="A5741" s="7">
        <f t="shared" si="270"/>
        <v>44800.874999986096</v>
      </c>
      <c r="B5741" s="8">
        <v>-4.9800999999999998E-2</v>
      </c>
      <c r="C5741">
        <f t="shared" si="268"/>
        <v>21</v>
      </c>
      <c r="D5741">
        <f t="shared" si="269"/>
        <v>8</v>
      </c>
    </row>
    <row r="5742" spans="1:4" x14ac:dyDescent="0.25">
      <c r="A5742" s="7">
        <f t="shared" si="270"/>
        <v>44800.91666665276</v>
      </c>
      <c r="B5742" s="8">
        <v>-4.9800999999999998E-2</v>
      </c>
      <c r="C5742">
        <f t="shared" si="268"/>
        <v>22</v>
      </c>
      <c r="D5742">
        <f t="shared" si="269"/>
        <v>8</v>
      </c>
    </row>
    <row r="5743" spans="1:4" x14ac:dyDescent="0.25">
      <c r="A5743" s="7">
        <f t="shared" si="270"/>
        <v>44800.958333319424</v>
      </c>
      <c r="B5743" s="8">
        <v>-4.9800999999999998E-2</v>
      </c>
      <c r="C5743">
        <f t="shared" si="268"/>
        <v>23</v>
      </c>
      <c r="D5743">
        <f t="shared" si="269"/>
        <v>8</v>
      </c>
    </row>
    <row r="5744" spans="1:4" x14ac:dyDescent="0.25">
      <c r="A5744" s="7">
        <f t="shared" si="270"/>
        <v>44800.999999986088</v>
      </c>
      <c r="B5744" s="8">
        <v>-4.9800999999999998E-2</v>
      </c>
      <c r="C5744">
        <f t="shared" si="268"/>
        <v>0</v>
      </c>
      <c r="D5744">
        <f t="shared" si="269"/>
        <v>8</v>
      </c>
    </row>
    <row r="5745" spans="1:4" x14ac:dyDescent="0.25">
      <c r="A5745" s="7">
        <f t="shared" si="270"/>
        <v>44801.041666652753</v>
      </c>
      <c r="B5745" s="8">
        <v>-4.9800999999999998E-2</v>
      </c>
      <c r="C5745">
        <f t="shared" si="268"/>
        <v>1</v>
      </c>
      <c r="D5745">
        <f t="shared" si="269"/>
        <v>8</v>
      </c>
    </row>
    <row r="5746" spans="1:4" x14ac:dyDescent="0.25">
      <c r="A5746" s="7">
        <f t="shared" si="270"/>
        <v>44801.083333319417</v>
      </c>
      <c r="B5746" s="8">
        <v>-4.9800999999999998E-2</v>
      </c>
      <c r="C5746">
        <f t="shared" si="268"/>
        <v>2</v>
      </c>
      <c r="D5746">
        <f t="shared" si="269"/>
        <v>8</v>
      </c>
    </row>
    <row r="5747" spans="1:4" x14ac:dyDescent="0.25">
      <c r="A5747" s="7">
        <f t="shared" si="270"/>
        <v>44801.124999986081</v>
      </c>
      <c r="B5747" s="8">
        <v>-4.9800999999999998E-2</v>
      </c>
      <c r="C5747">
        <f t="shared" si="268"/>
        <v>3</v>
      </c>
      <c r="D5747">
        <f t="shared" si="269"/>
        <v>8</v>
      </c>
    </row>
    <row r="5748" spans="1:4" x14ac:dyDescent="0.25">
      <c r="A5748" s="7">
        <f t="shared" si="270"/>
        <v>44801.166666652745</v>
      </c>
      <c r="B5748" s="8">
        <v>-4.9800999999999998E-2</v>
      </c>
      <c r="C5748">
        <f t="shared" si="268"/>
        <v>4</v>
      </c>
      <c r="D5748">
        <f t="shared" si="269"/>
        <v>8</v>
      </c>
    </row>
    <row r="5749" spans="1:4" x14ac:dyDescent="0.25">
      <c r="A5749" s="7">
        <f t="shared" si="270"/>
        <v>44801.20833331941</v>
      </c>
      <c r="B5749" s="8">
        <v>-4.9800999999999998E-2</v>
      </c>
      <c r="C5749">
        <f t="shared" si="268"/>
        <v>5</v>
      </c>
      <c r="D5749">
        <f t="shared" si="269"/>
        <v>8</v>
      </c>
    </row>
    <row r="5750" spans="1:4" x14ac:dyDescent="0.25">
      <c r="A5750" s="7">
        <f t="shared" si="270"/>
        <v>44801.249999986074</v>
      </c>
      <c r="B5750" s="8">
        <v>-4.9800999999999998E-2</v>
      </c>
      <c r="C5750">
        <f t="shared" si="268"/>
        <v>6</v>
      </c>
      <c r="D5750">
        <f t="shared" si="269"/>
        <v>8</v>
      </c>
    </row>
    <row r="5751" spans="1:4" x14ac:dyDescent="0.25">
      <c r="A5751" s="7">
        <f t="shared" si="270"/>
        <v>44801.291666652738</v>
      </c>
      <c r="B5751" s="8">
        <v>0.36927681384773264</v>
      </c>
      <c r="C5751">
        <f t="shared" si="268"/>
        <v>7</v>
      </c>
      <c r="D5751">
        <f t="shared" si="269"/>
        <v>8</v>
      </c>
    </row>
    <row r="5752" spans="1:4" x14ac:dyDescent="0.25">
      <c r="A5752" s="7">
        <f t="shared" si="270"/>
        <v>44801.333333319402</v>
      </c>
      <c r="B5752" s="8">
        <v>1.6274988184469594</v>
      </c>
      <c r="C5752">
        <f t="shared" si="268"/>
        <v>8</v>
      </c>
      <c r="D5752">
        <f t="shared" si="269"/>
        <v>8</v>
      </c>
    </row>
    <row r="5753" spans="1:4" x14ac:dyDescent="0.25">
      <c r="A5753" s="7">
        <f t="shared" si="270"/>
        <v>44801.374999986067</v>
      </c>
      <c r="B5753" s="8">
        <v>4.4864473378727237</v>
      </c>
      <c r="C5753">
        <f t="shared" si="268"/>
        <v>9</v>
      </c>
      <c r="D5753">
        <f t="shared" si="269"/>
        <v>8</v>
      </c>
    </row>
    <row r="5754" spans="1:4" x14ac:dyDescent="0.25">
      <c r="A5754" s="7">
        <f t="shared" si="270"/>
        <v>44801.416666652731</v>
      </c>
      <c r="B5754" s="8">
        <v>9.3287889449378643</v>
      </c>
      <c r="C5754">
        <f t="shared" si="268"/>
        <v>10</v>
      </c>
      <c r="D5754">
        <f t="shared" si="269"/>
        <v>8</v>
      </c>
    </row>
    <row r="5755" spans="1:4" x14ac:dyDescent="0.25">
      <c r="A5755" s="7">
        <f t="shared" si="270"/>
        <v>44801.458333319395</v>
      </c>
      <c r="B5755" s="8">
        <v>15.717359140081095</v>
      </c>
      <c r="C5755">
        <f t="shared" si="268"/>
        <v>11</v>
      </c>
      <c r="D5755">
        <f t="shared" si="269"/>
        <v>8</v>
      </c>
    </row>
    <row r="5756" spans="1:4" x14ac:dyDescent="0.25">
      <c r="A5756" s="7">
        <f t="shared" si="270"/>
        <v>44801.499999986059</v>
      </c>
      <c r="B5756" s="8">
        <v>19.576898416678521</v>
      </c>
      <c r="C5756">
        <f t="shared" si="268"/>
        <v>12</v>
      </c>
      <c r="D5756">
        <f t="shared" si="269"/>
        <v>8</v>
      </c>
    </row>
    <row r="5757" spans="1:4" x14ac:dyDescent="0.25">
      <c r="A5757" s="7">
        <f t="shared" si="270"/>
        <v>44801.541666652724</v>
      </c>
      <c r="B5757" s="8">
        <v>10.312727013889223</v>
      </c>
      <c r="C5757">
        <f t="shared" si="268"/>
        <v>13</v>
      </c>
      <c r="D5757">
        <f t="shared" si="269"/>
        <v>8</v>
      </c>
    </row>
    <row r="5758" spans="1:4" x14ac:dyDescent="0.25">
      <c r="A5758" s="7">
        <f t="shared" si="270"/>
        <v>44801.583333319388</v>
      </c>
      <c r="B5758" s="8">
        <v>9.8608978837618668</v>
      </c>
      <c r="C5758">
        <f t="shared" si="268"/>
        <v>14</v>
      </c>
      <c r="D5758">
        <f t="shared" si="269"/>
        <v>8</v>
      </c>
    </row>
    <row r="5759" spans="1:4" x14ac:dyDescent="0.25">
      <c r="A5759" s="7">
        <f t="shared" si="270"/>
        <v>44801.624999986052</v>
      </c>
      <c r="B5759" s="8">
        <v>5.7837636872089666</v>
      </c>
      <c r="C5759">
        <f t="shared" si="268"/>
        <v>15</v>
      </c>
      <c r="D5759">
        <f t="shared" si="269"/>
        <v>8</v>
      </c>
    </row>
    <row r="5760" spans="1:4" x14ac:dyDescent="0.25">
      <c r="A5760" s="7">
        <f t="shared" si="270"/>
        <v>44801.666666652716</v>
      </c>
      <c r="B5760" s="8">
        <v>6.3964966603680349</v>
      </c>
      <c r="C5760">
        <f t="shared" si="268"/>
        <v>16</v>
      </c>
      <c r="D5760">
        <f t="shared" si="269"/>
        <v>8</v>
      </c>
    </row>
    <row r="5761" spans="1:4" x14ac:dyDescent="0.25">
      <c r="A5761" s="7">
        <f t="shared" si="270"/>
        <v>44801.70833331938</v>
      </c>
      <c r="B5761" s="8">
        <v>4.5758707689168459</v>
      </c>
      <c r="C5761">
        <f t="shared" si="268"/>
        <v>17</v>
      </c>
      <c r="D5761">
        <f t="shared" si="269"/>
        <v>8</v>
      </c>
    </row>
    <row r="5762" spans="1:4" x14ac:dyDescent="0.25">
      <c r="A5762" s="7">
        <f t="shared" si="270"/>
        <v>44801.749999986045</v>
      </c>
      <c r="B5762" s="8">
        <v>5.0443907200448086</v>
      </c>
      <c r="C5762">
        <f t="shared" si="268"/>
        <v>18</v>
      </c>
      <c r="D5762">
        <f t="shared" si="269"/>
        <v>8</v>
      </c>
    </row>
    <row r="5763" spans="1:4" x14ac:dyDescent="0.25">
      <c r="A5763" s="7">
        <f t="shared" si="270"/>
        <v>44801.791666652709</v>
      </c>
      <c r="B5763" s="8">
        <v>0.77576091511527812</v>
      </c>
      <c r="C5763">
        <f t="shared" si="268"/>
        <v>19</v>
      </c>
      <c r="D5763">
        <f t="shared" si="269"/>
        <v>8</v>
      </c>
    </row>
    <row r="5764" spans="1:4" x14ac:dyDescent="0.25">
      <c r="A5764" s="7">
        <f t="shared" si="270"/>
        <v>44801.833333319373</v>
      </c>
      <c r="B5764" s="8">
        <v>-4.9800999999999998E-2</v>
      </c>
      <c r="C5764">
        <f t="shared" si="268"/>
        <v>20</v>
      </c>
      <c r="D5764">
        <f t="shared" si="269"/>
        <v>8</v>
      </c>
    </row>
    <row r="5765" spans="1:4" x14ac:dyDescent="0.25">
      <c r="A5765" s="7">
        <f t="shared" si="270"/>
        <v>44801.874999986037</v>
      </c>
      <c r="B5765" s="8">
        <v>-4.9800999999999998E-2</v>
      </c>
      <c r="C5765">
        <f t="shared" si="268"/>
        <v>21</v>
      </c>
      <c r="D5765">
        <f t="shared" si="269"/>
        <v>8</v>
      </c>
    </row>
    <row r="5766" spans="1:4" x14ac:dyDescent="0.25">
      <c r="A5766" s="7">
        <f t="shared" si="270"/>
        <v>44801.916666652702</v>
      </c>
      <c r="B5766" s="8">
        <v>-4.9800999999999998E-2</v>
      </c>
      <c r="C5766">
        <f t="shared" si="268"/>
        <v>22</v>
      </c>
      <c r="D5766">
        <f t="shared" si="269"/>
        <v>8</v>
      </c>
    </row>
    <row r="5767" spans="1:4" x14ac:dyDescent="0.25">
      <c r="A5767" s="7">
        <f t="shared" si="270"/>
        <v>44801.958333319366</v>
      </c>
      <c r="B5767" s="8">
        <v>-4.9800999999999998E-2</v>
      </c>
      <c r="C5767">
        <f t="shared" si="268"/>
        <v>23</v>
      </c>
      <c r="D5767">
        <f t="shared" si="269"/>
        <v>8</v>
      </c>
    </row>
    <row r="5768" spans="1:4" x14ac:dyDescent="0.25">
      <c r="A5768" s="7">
        <f t="shared" si="270"/>
        <v>44801.99999998603</v>
      </c>
      <c r="B5768" s="8">
        <v>-4.9800999999999998E-2</v>
      </c>
      <c r="C5768">
        <f t="shared" si="268"/>
        <v>0</v>
      </c>
      <c r="D5768">
        <f t="shared" si="269"/>
        <v>8</v>
      </c>
    </row>
    <row r="5769" spans="1:4" x14ac:dyDescent="0.25">
      <c r="A5769" s="7">
        <f t="shared" si="270"/>
        <v>44802.041666652694</v>
      </c>
      <c r="B5769" s="8">
        <v>-4.9800999999999998E-2</v>
      </c>
      <c r="C5769">
        <f t="shared" si="268"/>
        <v>1</v>
      </c>
      <c r="D5769">
        <f t="shared" si="269"/>
        <v>8</v>
      </c>
    </row>
    <row r="5770" spans="1:4" x14ac:dyDescent="0.25">
      <c r="A5770" s="7">
        <f t="shared" si="270"/>
        <v>44802.083333319359</v>
      </c>
      <c r="B5770" s="8">
        <v>-4.9800999999999998E-2</v>
      </c>
      <c r="C5770">
        <f t="shared" ref="C5770:C5833" si="271">HOUR(A5770)</f>
        <v>2</v>
      </c>
      <c r="D5770">
        <f t="shared" ref="D5770:D5833" si="272">MONTH(A5770)</f>
        <v>8</v>
      </c>
    </row>
    <row r="5771" spans="1:4" x14ac:dyDescent="0.25">
      <c r="A5771" s="7">
        <f t="shared" ref="A5771:A5834" si="273">+A5770+1/24</f>
        <v>44802.124999986023</v>
      </c>
      <c r="B5771" s="8">
        <v>-4.9800999999999998E-2</v>
      </c>
      <c r="C5771">
        <f t="shared" si="271"/>
        <v>3</v>
      </c>
      <c r="D5771">
        <f t="shared" si="272"/>
        <v>8</v>
      </c>
    </row>
    <row r="5772" spans="1:4" x14ac:dyDescent="0.25">
      <c r="A5772" s="7">
        <f t="shared" si="273"/>
        <v>44802.166666652687</v>
      </c>
      <c r="B5772" s="8">
        <v>-4.9800999999999998E-2</v>
      </c>
      <c r="C5772">
        <f t="shared" si="271"/>
        <v>4</v>
      </c>
      <c r="D5772">
        <f t="shared" si="272"/>
        <v>8</v>
      </c>
    </row>
    <row r="5773" spans="1:4" x14ac:dyDescent="0.25">
      <c r="A5773" s="7">
        <f t="shared" si="273"/>
        <v>44802.208333319351</v>
      </c>
      <c r="B5773" s="8">
        <v>-4.9800999999999998E-2</v>
      </c>
      <c r="C5773">
        <f t="shared" si="271"/>
        <v>5</v>
      </c>
      <c r="D5773">
        <f t="shared" si="272"/>
        <v>8</v>
      </c>
    </row>
    <row r="5774" spans="1:4" x14ac:dyDescent="0.25">
      <c r="A5774" s="7">
        <f t="shared" si="273"/>
        <v>44802.249999986016</v>
      </c>
      <c r="B5774" s="8">
        <v>-4.9800999999999998E-2</v>
      </c>
      <c r="C5774">
        <f t="shared" si="271"/>
        <v>6</v>
      </c>
      <c r="D5774">
        <f t="shared" si="272"/>
        <v>8</v>
      </c>
    </row>
    <row r="5775" spans="1:4" x14ac:dyDescent="0.25">
      <c r="A5775" s="7">
        <f t="shared" si="273"/>
        <v>44802.29166665268</v>
      </c>
      <c r="B5775" s="8">
        <v>0.40930798824140519</v>
      </c>
      <c r="C5775">
        <f t="shared" si="271"/>
        <v>7</v>
      </c>
      <c r="D5775">
        <f t="shared" si="272"/>
        <v>8</v>
      </c>
    </row>
    <row r="5776" spans="1:4" x14ac:dyDescent="0.25">
      <c r="A5776" s="7">
        <f t="shared" si="273"/>
        <v>44802.333333319344</v>
      </c>
      <c r="B5776" s="8">
        <v>1.4159422757834006</v>
      </c>
      <c r="C5776">
        <f t="shared" si="271"/>
        <v>8</v>
      </c>
      <c r="D5776">
        <f t="shared" si="272"/>
        <v>8</v>
      </c>
    </row>
    <row r="5777" spans="1:4" x14ac:dyDescent="0.25">
      <c r="A5777" s="7">
        <f t="shared" si="273"/>
        <v>44802.374999986008</v>
      </c>
      <c r="B5777" s="8">
        <v>5.0970974367346491</v>
      </c>
      <c r="C5777">
        <f t="shared" si="271"/>
        <v>9</v>
      </c>
      <c r="D5777">
        <f t="shared" si="272"/>
        <v>8</v>
      </c>
    </row>
    <row r="5778" spans="1:4" x14ac:dyDescent="0.25">
      <c r="A5778" s="7">
        <f t="shared" si="273"/>
        <v>44802.416666652673</v>
      </c>
      <c r="B5778" s="8">
        <v>11.792322175541065</v>
      </c>
      <c r="C5778">
        <f t="shared" si="271"/>
        <v>10</v>
      </c>
      <c r="D5778">
        <f t="shared" si="272"/>
        <v>8</v>
      </c>
    </row>
    <row r="5779" spans="1:4" x14ac:dyDescent="0.25">
      <c r="A5779" s="7">
        <f t="shared" si="273"/>
        <v>44802.458333319337</v>
      </c>
      <c r="B5779" s="8">
        <v>17.86064915922902</v>
      </c>
      <c r="C5779">
        <f t="shared" si="271"/>
        <v>11</v>
      </c>
      <c r="D5779">
        <f t="shared" si="272"/>
        <v>8</v>
      </c>
    </row>
    <row r="5780" spans="1:4" x14ac:dyDescent="0.25">
      <c r="A5780" s="7">
        <f t="shared" si="273"/>
        <v>44802.499999986001</v>
      </c>
      <c r="B5780" s="8">
        <v>20.451263487350019</v>
      </c>
      <c r="C5780">
        <f t="shared" si="271"/>
        <v>12</v>
      </c>
      <c r="D5780">
        <f t="shared" si="272"/>
        <v>8</v>
      </c>
    </row>
    <row r="5781" spans="1:4" x14ac:dyDescent="0.25">
      <c r="A5781" s="7">
        <f t="shared" si="273"/>
        <v>44802.541666652665</v>
      </c>
      <c r="B5781" s="8">
        <v>20.451316048749899</v>
      </c>
      <c r="C5781">
        <f t="shared" si="271"/>
        <v>13</v>
      </c>
      <c r="D5781">
        <f t="shared" si="272"/>
        <v>8</v>
      </c>
    </row>
    <row r="5782" spans="1:4" x14ac:dyDescent="0.25">
      <c r="A5782" s="7">
        <f t="shared" si="273"/>
        <v>44802.58333331933</v>
      </c>
      <c r="B5782" s="8">
        <v>17.453670362433208</v>
      </c>
      <c r="C5782">
        <f t="shared" si="271"/>
        <v>14</v>
      </c>
      <c r="D5782">
        <f t="shared" si="272"/>
        <v>8</v>
      </c>
    </row>
    <row r="5783" spans="1:4" x14ac:dyDescent="0.25">
      <c r="A5783" s="7">
        <f t="shared" si="273"/>
        <v>44802.624999985994</v>
      </c>
      <c r="B5783" s="8">
        <v>16.877691205793038</v>
      </c>
      <c r="C5783">
        <f t="shared" si="271"/>
        <v>15</v>
      </c>
      <c r="D5783">
        <f t="shared" si="272"/>
        <v>8</v>
      </c>
    </row>
    <row r="5784" spans="1:4" x14ac:dyDescent="0.25">
      <c r="A5784" s="7">
        <f t="shared" si="273"/>
        <v>44802.666666652658</v>
      </c>
      <c r="B5784" s="8">
        <v>7.5817861154810711</v>
      </c>
      <c r="C5784">
        <f t="shared" si="271"/>
        <v>16</v>
      </c>
      <c r="D5784">
        <f t="shared" si="272"/>
        <v>8</v>
      </c>
    </row>
    <row r="5785" spans="1:4" x14ac:dyDescent="0.25">
      <c r="A5785" s="7">
        <f t="shared" si="273"/>
        <v>44802.708333319322</v>
      </c>
      <c r="B5785" s="8">
        <v>2.2642018511819515</v>
      </c>
      <c r="C5785">
        <f t="shared" si="271"/>
        <v>17</v>
      </c>
      <c r="D5785">
        <f t="shared" si="272"/>
        <v>8</v>
      </c>
    </row>
    <row r="5786" spans="1:4" x14ac:dyDescent="0.25">
      <c r="A5786" s="7">
        <f t="shared" si="273"/>
        <v>44802.749999985987</v>
      </c>
      <c r="B5786" s="8">
        <v>0.8114902996443919</v>
      </c>
      <c r="C5786">
        <f t="shared" si="271"/>
        <v>18</v>
      </c>
      <c r="D5786">
        <f t="shared" si="272"/>
        <v>8</v>
      </c>
    </row>
    <row r="5787" spans="1:4" x14ac:dyDescent="0.25">
      <c r="A5787" s="7">
        <f t="shared" si="273"/>
        <v>44802.791666652651</v>
      </c>
      <c r="B5787" s="8">
        <v>0.2643621984590534</v>
      </c>
      <c r="C5787">
        <f t="shared" si="271"/>
        <v>19</v>
      </c>
      <c r="D5787">
        <f t="shared" si="272"/>
        <v>8</v>
      </c>
    </row>
    <row r="5788" spans="1:4" x14ac:dyDescent="0.25">
      <c r="A5788" s="7">
        <f t="shared" si="273"/>
        <v>44802.833333319315</v>
      </c>
      <c r="B5788" s="8">
        <v>-4.9800999999999998E-2</v>
      </c>
      <c r="C5788">
        <f t="shared" si="271"/>
        <v>20</v>
      </c>
      <c r="D5788">
        <f t="shared" si="272"/>
        <v>8</v>
      </c>
    </row>
    <row r="5789" spans="1:4" x14ac:dyDescent="0.25">
      <c r="A5789" s="7">
        <f t="shared" si="273"/>
        <v>44802.874999985979</v>
      </c>
      <c r="B5789" s="8">
        <v>-4.9800999999999998E-2</v>
      </c>
      <c r="C5789">
        <f t="shared" si="271"/>
        <v>21</v>
      </c>
      <c r="D5789">
        <f t="shared" si="272"/>
        <v>8</v>
      </c>
    </row>
    <row r="5790" spans="1:4" x14ac:dyDescent="0.25">
      <c r="A5790" s="7">
        <f t="shared" si="273"/>
        <v>44802.916666652643</v>
      </c>
      <c r="B5790" s="8">
        <v>-4.9800999999999998E-2</v>
      </c>
      <c r="C5790">
        <f t="shared" si="271"/>
        <v>22</v>
      </c>
      <c r="D5790">
        <f t="shared" si="272"/>
        <v>8</v>
      </c>
    </row>
    <row r="5791" spans="1:4" x14ac:dyDescent="0.25">
      <c r="A5791" s="7">
        <f t="shared" si="273"/>
        <v>44802.958333319308</v>
      </c>
      <c r="B5791" s="8">
        <v>-4.9800999999999998E-2</v>
      </c>
      <c r="C5791">
        <f t="shared" si="271"/>
        <v>23</v>
      </c>
      <c r="D5791">
        <f t="shared" si="272"/>
        <v>8</v>
      </c>
    </row>
    <row r="5792" spans="1:4" x14ac:dyDescent="0.25">
      <c r="A5792" s="7">
        <f t="shared" si="273"/>
        <v>44802.999999985972</v>
      </c>
      <c r="B5792" s="8">
        <v>-4.9800999999999998E-2</v>
      </c>
      <c r="C5792">
        <f t="shared" si="271"/>
        <v>0</v>
      </c>
      <c r="D5792">
        <f t="shared" si="272"/>
        <v>8</v>
      </c>
    </row>
    <row r="5793" spans="1:4" x14ac:dyDescent="0.25">
      <c r="A5793" s="7">
        <f t="shared" si="273"/>
        <v>44803.041666652636</v>
      </c>
      <c r="B5793" s="8">
        <v>-4.9800999999999998E-2</v>
      </c>
      <c r="C5793">
        <f t="shared" si="271"/>
        <v>1</v>
      </c>
      <c r="D5793">
        <f t="shared" si="272"/>
        <v>8</v>
      </c>
    </row>
    <row r="5794" spans="1:4" x14ac:dyDescent="0.25">
      <c r="A5794" s="7">
        <f t="shared" si="273"/>
        <v>44803.0833333193</v>
      </c>
      <c r="B5794" s="8">
        <v>-4.9800999999999998E-2</v>
      </c>
      <c r="C5794">
        <f t="shared" si="271"/>
        <v>2</v>
      </c>
      <c r="D5794">
        <f t="shared" si="272"/>
        <v>8</v>
      </c>
    </row>
    <row r="5795" spans="1:4" x14ac:dyDescent="0.25">
      <c r="A5795" s="7">
        <f t="shared" si="273"/>
        <v>44803.124999985965</v>
      </c>
      <c r="B5795" s="8">
        <v>-4.9800999999999998E-2</v>
      </c>
      <c r="C5795">
        <f t="shared" si="271"/>
        <v>3</v>
      </c>
      <c r="D5795">
        <f t="shared" si="272"/>
        <v>8</v>
      </c>
    </row>
    <row r="5796" spans="1:4" x14ac:dyDescent="0.25">
      <c r="A5796" s="7">
        <f t="shared" si="273"/>
        <v>44803.166666652629</v>
      </c>
      <c r="B5796" s="8">
        <v>-4.9800999999999998E-2</v>
      </c>
      <c r="C5796">
        <f t="shared" si="271"/>
        <v>4</v>
      </c>
      <c r="D5796">
        <f t="shared" si="272"/>
        <v>8</v>
      </c>
    </row>
    <row r="5797" spans="1:4" x14ac:dyDescent="0.25">
      <c r="A5797" s="7">
        <f t="shared" si="273"/>
        <v>44803.208333319293</v>
      </c>
      <c r="B5797" s="8">
        <v>-4.9800999999999998E-2</v>
      </c>
      <c r="C5797">
        <f t="shared" si="271"/>
        <v>5</v>
      </c>
      <c r="D5797">
        <f t="shared" si="272"/>
        <v>8</v>
      </c>
    </row>
    <row r="5798" spans="1:4" x14ac:dyDescent="0.25">
      <c r="A5798" s="7">
        <f t="shared" si="273"/>
        <v>44803.249999985957</v>
      </c>
      <c r="B5798" s="8">
        <v>-4.9800999999999998E-2</v>
      </c>
      <c r="C5798">
        <f t="shared" si="271"/>
        <v>6</v>
      </c>
      <c r="D5798">
        <f t="shared" si="272"/>
        <v>8</v>
      </c>
    </row>
    <row r="5799" spans="1:4" x14ac:dyDescent="0.25">
      <c r="A5799" s="7">
        <f t="shared" si="273"/>
        <v>44803.291666652622</v>
      </c>
      <c r="B5799" s="8">
        <v>0.67634257316878654</v>
      </c>
      <c r="C5799">
        <f t="shared" si="271"/>
        <v>7</v>
      </c>
      <c r="D5799">
        <f t="shared" si="272"/>
        <v>8</v>
      </c>
    </row>
    <row r="5800" spans="1:4" x14ac:dyDescent="0.25">
      <c r="A5800" s="7">
        <f t="shared" si="273"/>
        <v>44803.333333319286</v>
      </c>
      <c r="B5800" s="8">
        <v>4.5617812219023799</v>
      </c>
      <c r="C5800">
        <f t="shared" si="271"/>
        <v>8</v>
      </c>
      <c r="D5800">
        <f t="shared" si="272"/>
        <v>8</v>
      </c>
    </row>
    <row r="5801" spans="1:4" x14ac:dyDescent="0.25">
      <c r="A5801" s="7">
        <f t="shared" si="273"/>
        <v>44803.37499998595</v>
      </c>
      <c r="B5801" s="8">
        <v>9.2219996396201864</v>
      </c>
      <c r="C5801">
        <f t="shared" si="271"/>
        <v>9</v>
      </c>
      <c r="D5801">
        <f t="shared" si="272"/>
        <v>8</v>
      </c>
    </row>
    <row r="5802" spans="1:4" x14ac:dyDescent="0.25">
      <c r="A5802" s="7">
        <f t="shared" si="273"/>
        <v>44803.416666652614</v>
      </c>
      <c r="B5802" s="8">
        <v>15.933666821047391</v>
      </c>
      <c r="C5802">
        <f t="shared" si="271"/>
        <v>10</v>
      </c>
      <c r="D5802">
        <f t="shared" si="272"/>
        <v>8</v>
      </c>
    </row>
    <row r="5803" spans="1:4" x14ac:dyDescent="0.25">
      <c r="A5803" s="7">
        <f t="shared" si="273"/>
        <v>44803.458333319279</v>
      </c>
      <c r="B5803" s="8">
        <v>19.147722219283075</v>
      </c>
      <c r="C5803">
        <f t="shared" si="271"/>
        <v>11</v>
      </c>
      <c r="D5803">
        <f t="shared" si="272"/>
        <v>8</v>
      </c>
    </row>
    <row r="5804" spans="1:4" x14ac:dyDescent="0.25">
      <c r="A5804" s="7">
        <f t="shared" si="273"/>
        <v>44803.499999985943</v>
      </c>
      <c r="B5804" s="8">
        <v>18.604900030425036</v>
      </c>
      <c r="C5804">
        <f t="shared" si="271"/>
        <v>12</v>
      </c>
      <c r="D5804">
        <f t="shared" si="272"/>
        <v>8</v>
      </c>
    </row>
    <row r="5805" spans="1:4" x14ac:dyDescent="0.25">
      <c r="A5805" s="7">
        <f t="shared" si="273"/>
        <v>44803.541666652607</v>
      </c>
      <c r="B5805" s="8">
        <v>16.824026016517184</v>
      </c>
      <c r="C5805">
        <f t="shared" si="271"/>
        <v>13</v>
      </c>
      <c r="D5805">
        <f t="shared" si="272"/>
        <v>8</v>
      </c>
    </row>
    <row r="5806" spans="1:4" x14ac:dyDescent="0.25">
      <c r="A5806" s="7">
        <f t="shared" si="273"/>
        <v>44803.583333319271</v>
      </c>
      <c r="B5806" s="8">
        <v>7.9087211145718488</v>
      </c>
      <c r="C5806">
        <f t="shared" si="271"/>
        <v>14</v>
      </c>
      <c r="D5806">
        <f t="shared" si="272"/>
        <v>8</v>
      </c>
    </row>
    <row r="5807" spans="1:4" x14ac:dyDescent="0.25">
      <c r="A5807" s="7">
        <f t="shared" si="273"/>
        <v>44803.624999985936</v>
      </c>
      <c r="B5807" s="8">
        <v>2.8381486336934874</v>
      </c>
      <c r="C5807">
        <f t="shared" si="271"/>
        <v>15</v>
      </c>
      <c r="D5807">
        <f t="shared" si="272"/>
        <v>8</v>
      </c>
    </row>
    <row r="5808" spans="1:4" x14ac:dyDescent="0.25">
      <c r="A5808" s="7">
        <f t="shared" si="273"/>
        <v>44803.6666666526</v>
      </c>
      <c r="B5808" s="8">
        <v>10.551330003945118</v>
      </c>
      <c r="C5808">
        <f t="shared" si="271"/>
        <v>16</v>
      </c>
      <c r="D5808">
        <f t="shared" si="272"/>
        <v>8</v>
      </c>
    </row>
    <row r="5809" spans="1:4" x14ac:dyDescent="0.25">
      <c r="A5809" s="7">
        <f t="shared" si="273"/>
        <v>44803.708333319264</v>
      </c>
      <c r="B5809" s="8">
        <v>10.394027132112921</v>
      </c>
      <c r="C5809">
        <f t="shared" si="271"/>
        <v>17</v>
      </c>
      <c r="D5809">
        <f t="shared" si="272"/>
        <v>8</v>
      </c>
    </row>
    <row r="5810" spans="1:4" x14ac:dyDescent="0.25">
      <c r="A5810" s="7">
        <f t="shared" si="273"/>
        <v>44803.749999985928</v>
      </c>
      <c r="B5810" s="8">
        <v>4.9428297280915086</v>
      </c>
      <c r="C5810">
        <f t="shared" si="271"/>
        <v>18</v>
      </c>
      <c r="D5810">
        <f t="shared" si="272"/>
        <v>8</v>
      </c>
    </row>
    <row r="5811" spans="1:4" x14ac:dyDescent="0.25">
      <c r="A5811" s="7">
        <f t="shared" si="273"/>
        <v>44803.791666652593</v>
      </c>
      <c r="B5811" s="8">
        <v>0.46814996009744608</v>
      </c>
      <c r="C5811">
        <f t="shared" si="271"/>
        <v>19</v>
      </c>
      <c r="D5811">
        <f t="shared" si="272"/>
        <v>8</v>
      </c>
    </row>
    <row r="5812" spans="1:4" x14ac:dyDescent="0.25">
      <c r="A5812" s="7">
        <f t="shared" si="273"/>
        <v>44803.833333319257</v>
      </c>
      <c r="B5812" s="8">
        <v>-4.9800999999999998E-2</v>
      </c>
      <c r="C5812">
        <f t="shared" si="271"/>
        <v>20</v>
      </c>
      <c r="D5812">
        <f t="shared" si="272"/>
        <v>8</v>
      </c>
    </row>
    <row r="5813" spans="1:4" x14ac:dyDescent="0.25">
      <c r="A5813" s="7">
        <f t="shared" si="273"/>
        <v>44803.874999985921</v>
      </c>
      <c r="B5813" s="8">
        <v>-4.9800999999999998E-2</v>
      </c>
      <c r="C5813">
        <f t="shared" si="271"/>
        <v>21</v>
      </c>
      <c r="D5813">
        <f t="shared" si="272"/>
        <v>8</v>
      </c>
    </row>
    <row r="5814" spans="1:4" x14ac:dyDescent="0.25">
      <c r="A5814" s="7">
        <f t="shared" si="273"/>
        <v>44803.916666652585</v>
      </c>
      <c r="B5814" s="8">
        <v>-4.9800999999999998E-2</v>
      </c>
      <c r="C5814">
        <f t="shared" si="271"/>
        <v>22</v>
      </c>
      <c r="D5814">
        <f t="shared" si="272"/>
        <v>8</v>
      </c>
    </row>
    <row r="5815" spans="1:4" x14ac:dyDescent="0.25">
      <c r="A5815" s="7">
        <f t="shared" si="273"/>
        <v>44803.95833331925</v>
      </c>
      <c r="B5815" s="8">
        <v>-4.9800999999999998E-2</v>
      </c>
      <c r="C5815">
        <f t="shared" si="271"/>
        <v>23</v>
      </c>
      <c r="D5815">
        <f t="shared" si="272"/>
        <v>8</v>
      </c>
    </row>
    <row r="5816" spans="1:4" x14ac:dyDescent="0.25">
      <c r="A5816" s="7">
        <f t="shared" si="273"/>
        <v>44803.999999985914</v>
      </c>
      <c r="B5816" s="8">
        <v>-4.9800999999999998E-2</v>
      </c>
      <c r="C5816">
        <f t="shared" si="271"/>
        <v>0</v>
      </c>
      <c r="D5816">
        <f t="shared" si="272"/>
        <v>8</v>
      </c>
    </row>
    <row r="5817" spans="1:4" x14ac:dyDescent="0.25">
      <c r="A5817" s="7">
        <f t="shared" si="273"/>
        <v>44804.041666652578</v>
      </c>
      <c r="B5817" s="8">
        <v>-4.9800999999999998E-2</v>
      </c>
      <c r="C5817">
        <f t="shared" si="271"/>
        <v>1</v>
      </c>
      <c r="D5817">
        <f t="shared" si="272"/>
        <v>8</v>
      </c>
    </row>
    <row r="5818" spans="1:4" x14ac:dyDescent="0.25">
      <c r="A5818" s="7">
        <f t="shared" si="273"/>
        <v>44804.083333319242</v>
      </c>
      <c r="B5818" s="8">
        <v>-4.9800999999999998E-2</v>
      </c>
      <c r="C5818">
        <f t="shared" si="271"/>
        <v>2</v>
      </c>
      <c r="D5818">
        <f t="shared" si="272"/>
        <v>8</v>
      </c>
    </row>
    <row r="5819" spans="1:4" x14ac:dyDescent="0.25">
      <c r="A5819" s="7">
        <f t="shared" si="273"/>
        <v>44804.124999985906</v>
      </c>
      <c r="B5819" s="8">
        <v>-4.9800999999999998E-2</v>
      </c>
      <c r="C5819">
        <f t="shared" si="271"/>
        <v>3</v>
      </c>
      <c r="D5819">
        <f t="shared" si="272"/>
        <v>8</v>
      </c>
    </row>
    <row r="5820" spans="1:4" x14ac:dyDescent="0.25">
      <c r="A5820" s="7">
        <f t="shared" si="273"/>
        <v>44804.166666652571</v>
      </c>
      <c r="B5820" s="8">
        <v>-4.9800999999999998E-2</v>
      </c>
      <c r="C5820">
        <f t="shared" si="271"/>
        <v>4</v>
      </c>
      <c r="D5820">
        <f t="shared" si="272"/>
        <v>8</v>
      </c>
    </row>
    <row r="5821" spans="1:4" x14ac:dyDescent="0.25">
      <c r="A5821" s="7">
        <f t="shared" si="273"/>
        <v>44804.208333319235</v>
      </c>
      <c r="B5821" s="8">
        <v>-4.9800999999999998E-2</v>
      </c>
      <c r="C5821">
        <f t="shared" si="271"/>
        <v>5</v>
      </c>
      <c r="D5821">
        <f t="shared" si="272"/>
        <v>8</v>
      </c>
    </row>
    <row r="5822" spans="1:4" x14ac:dyDescent="0.25">
      <c r="A5822" s="7">
        <f t="shared" si="273"/>
        <v>44804.249999985899</v>
      </c>
      <c r="B5822" s="8">
        <v>-4.9800999999999998E-2</v>
      </c>
      <c r="C5822">
        <f t="shared" si="271"/>
        <v>6</v>
      </c>
      <c r="D5822">
        <f t="shared" si="272"/>
        <v>8</v>
      </c>
    </row>
    <row r="5823" spans="1:4" x14ac:dyDescent="0.25">
      <c r="A5823" s="7">
        <f t="shared" si="273"/>
        <v>44804.291666652563</v>
      </c>
      <c r="B5823" s="8">
        <v>0.20361255697213129</v>
      </c>
      <c r="C5823">
        <f t="shared" si="271"/>
        <v>7</v>
      </c>
      <c r="D5823">
        <f t="shared" si="272"/>
        <v>8</v>
      </c>
    </row>
    <row r="5824" spans="1:4" x14ac:dyDescent="0.25">
      <c r="A5824" s="7">
        <f t="shared" si="273"/>
        <v>44804.333333319228</v>
      </c>
      <c r="B5824" s="8">
        <v>1.3169794659691887</v>
      </c>
      <c r="C5824">
        <f t="shared" si="271"/>
        <v>8</v>
      </c>
      <c r="D5824">
        <f t="shared" si="272"/>
        <v>8</v>
      </c>
    </row>
    <row r="5825" spans="1:4" x14ac:dyDescent="0.25">
      <c r="A5825" s="7">
        <f t="shared" si="273"/>
        <v>44804.374999985892</v>
      </c>
      <c r="B5825" s="8">
        <v>4.0764776943622607</v>
      </c>
      <c r="C5825">
        <f t="shared" si="271"/>
        <v>9</v>
      </c>
      <c r="D5825">
        <f t="shared" si="272"/>
        <v>8</v>
      </c>
    </row>
    <row r="5826" spans="1:4" x14ac:dyDescent="0.25">
      <c r="A5826" s="7">
        <f t="shared" si="273"/>
        <v>44804.416666652556</v>
      </c>
      <c r="B5826" s="8">
        <v>4.2157818938909966</v>
      </c>
      <c r="C5826">
        <f t="shared" si="271"/>
        <v>10</v>
      </c>
      <c r="D5826">
        <f t="shared" si="272"/>
        <v>8</v>
      </c>
    </row>
    <row r="5827" spans="1:4" x14ac:dyDescent="0.25">
      <c r="A5827" s="7">
        <f t="shared" si="273"/>
        <v>44804.45833331922</v>
      </c>
      <c r="B5827" s="8">
        <v>4.2848269610175524</v>
      </c>
      <c r="C5827">
        <f t="shared" si="271"/>
        <v>11</v>
      </c>
      <c r="D5827">
        <f t="shared" si="272"/>
        <v>8</v>
      </c>
    </row>
    <row r="5828" spans="1:4" x14ac:dyDescent="0.25">
      <c r="A5828" s="7">
        <f t="shared" si="273"/>
        <v>44804.499999985885</v>
      </c>
      <c r="B5828" s="8">
        <v>4.0399392765212934</v>
      </c>
      <c r="C5828">
        <f t="shared" si="271"/>
        <v>12</v>
      </c>
      <c r="D5828">
        <f t="shared" si="272"/>
        <v>8</v>
      </c>
    </row>
    <row r="5829" spans="1:4" x14ac:dyDescent="0.25">
      <c r="A5829" s="7">
        <f t="shared" si="273"/>
        <v>44804.541666652549</v>
      </c>
      <c r="B5829" s="8">
        <v>4.7825411626230796</v>
      </c>
      <c r="C5829">
        <f t="shared" si="271"/>
        <v>13</v>
      </c>
      <c r="D5829">
        <f t="shared" si="272"/>
        <v>8</v>
      </c>
    </row>
    <row r="5830" spans="1:4" x14ac:dyDescent="0.25">
      <c r="A5830" s="7">
        <f t="shared" si="273"/>
        <v>44804.583333319213</v>
      </c>
      <c r="B5830" s="8">
        <v>7.1282399796243521</v>
      </c>
      <c r="C5830">
        <f t="shared" si="271"/>
        <v>14</v>
      </c>
      <c r="D5830">
        <f t="shared" si="272"/>
        <v>8</v>
      </c>
    </row>
    <row r="5831" spans="1:4" x14ac:dyDescent="0.25">
      <c r="A5831" s="7">
        <f t="shared" si="273"/>
        <v>44804.624999985877</v>
      </c>
      <c r="B5831" s="8">
        <v>4.0552305214231756</v>
      </c>
      <c r="C5831">
        <f t="shared" si="271"/>
        <v>15</v>
      </c>
      <c r="D5831">
        <f t="shared" si="272"/>
        <v>8</v>
      </c>
    </row>
    <row r="5832" spans="1:4" x14ac:dyDescent="0.25">
      <c r="A5832" s="7">
        <f t="shared" si="273"/>
        <v>44804.666666652542</v>
      </c>
      <c r="B5832" s="8">
        <v>5.2976707080549881</v>
      </c>
      <c r="C5832">
        <f t="shared" si="271"/>
        <v>16</v>
      </c>
      <c r="D5832">
        <f t="shared" si="272"/>
        <v>8</v>
      </c>
    </row>
    <row r="5833" spans="1:4" x14ac:dyDescent="0.25">
      <c r="A5833" s="7">
        <f t="shared" si="273"/>
        <v>44804.708333319206</v>
      </c>
      <c r="B5833" s="8">
        <v>5.1451632909999319</v>
      </c>
      <c r="C5833">
        <f t="shared" si="271"/>
        <v>17</v>
      </c>
      <c r="D5833">
        <f t="shared" si="272"/>
        <v>8</v>
      </c>
    </row>
    <row r="5834" spans="1:4" x14ac:dyDescent="0.25">
      <c r="A5834" s="7">
        <f t="shared" si="273"/>
        <v>44804.74999998587</v>
      </c>
      <c r="B5834" s="8">
        <v>1.0562862593447853</v>
      </c>
      <c r="C5834">
        <f t="shared" ref="C5834:C5897" si="274">HOUR(A5834)</f>
        <v>18</v>
      </c>
      <c r="D5834">
        <f t="shared" ref="D5834:D5897" si="275">MONTH(A5834)</f>
        <v>8</v>
      </c>
    </row>
    <row r="5835" spans="1:4" x14ac:dyDescent="0.25">
      <c r="A5835" s="7">
        <f t="shared" ref="A5835:A5898" si="276">+A5834+1/24</f>
        <v>44804.791666652534</v>
      </c>
      <c r="B5835" s="8">
        <v>0.22394351256823808</v>
      </c>
      <c r="C5835">
        <f t="shared" si="274"/>
        <v>19</v>
      </c>
      <c r="D5835">
        <f t="shared" si="275"/>
        <v>8</v>
      </c>
    </row>
    <row r="5836" spans="1:4" x14ac:dyDescent="0.25">
      <c r="A5836" s="7">
        <f t="shared" si="276"/>
        <v>44804.833333319199</v>
      </c>
      <c r="B5836" s="8">
        <v>-4.9800999999999998E-2</v>
      </c>
      <c r="C5836">
        <f t="shared" si="274"/>
        <v>20</v>
      </c>
      <c r="D5836">
        <f t="shared" si="275"/>
        <v>8</v>
      </c>
    </row>
    <row r="5837" spans="1:4" x14ac:dyDescent="0.25">
      <c r="A5837" s="7">
        <f t="shared" si="276"/>
        <v>44804.874999985863</v>
      </c>
      <c r="B5837" s="8">
        <v>-4.9800999999999998E-2</v>
      </c>
      <c r="C5837">
        <f t="shared" si="274"/>
        <v>21</v>
      </c>
      <c r="D5837">
        <f t="shared" si="275"/>
        <v>8</v>
      </c>
    </row>
    <row r="5838" spans="1:4" x14ac:dyDescent="0.25">
      <c r="A5838" s="7">
        <f t="shared" si="276"/>
        <v>44804.916666652527</v>
      </c>
      <c r="B5838" s="8">
        <v>-4.9800999999999998E-2</v>
      </c>
      <c r="C5838">
        <f t="shared" si="274"/>
        <v>22</v>
      </c>
      <c r="D5838">
        <f t="shared" si="275"/>
        <v>8</v>
      </c>
    </row>
    <row r="5839" spans="1:4" x14ac:dyDescent="0.25">
      <c r="A5839" s="7">
        <f t="shared" si="276"/>
        <v>44804.958333319191</v>
      </c>
      <c r="B5839" s="8">
        <v>-4.9800999999999998E-2</v>
      </c>
      <c r="C5839">
        <f t="shared" si="274"/>
        <v>23</v>
      </c>
      <c r="D5839">
        <f t="shared" si="275"/>
        <v>8</v>
      </c>
    </row>
    <row r="5840" spans="1:4" x14ac:dyDescent="0.25">
      <c r="A5840" s="7">
        <f t="shared" si="276"/>
        <v>44804.999999985856</v>
      </c>
      <c r="B5840" s="8">
        <v>-4.9800999999999998E-2</v>
      </c>
      <c r="C5840">
        <f t="shared" si="274"/>
        <v>0</v>
      </c>
      <c r="D5840">
        <f t="shared" si="275"/>
        <v>9</v>
      </c>
    </row>
    <row r="5841" spans="1:4" x14ac:dyDescent="0.25">
      <c r="A5841" s="7">
        <f t="shared" si="276"/>
        <v>44805.04166665252</v>
      </c>
      <c r="B5841" s="8">
        <v>-4.9800999999999998E-2</v>
      </c>
      <c r="C5841">
        <f t="shared" si="274"/>
        <v>1</v>
      </c>
      <c r="D5841">
        <f t="shared" si="275"/>
        <v>9</v>
      </c>
    </row>
    <row r="5842" spans="1:4" x14ac:dyDescent="0.25">
      <c r="A5842" s="7">
        <f t="shared" si="276"/>
        <v>44805.083333319184</v>
      </c>
      <c r="B5842" s="8">
        <v>-4.9800999999999998E-2</v>
      </c>
      <c r="C5842">
        <f t="shared" si="274"/>
        <v>2</v>
      </c>
      <c r="D5842">
        <f t="shared" si="275"/>
        <v>9</v>
      </c>
    </row>
    <row r="5843" spans="1:4" x14ac:dyDescent="0.25">
      <c r="A5843" s="7">
        <f t="shared" si="276"/>
        <v>44805.124999985848</v>
      </c>
      <c r="B5843" s="8">
        <v>-4.9800999999999998E-2</v>
      </c>
      <c r="C5843">
        <f t="shared" si="274"/>
        <v>3</v>
      </c>
      <c r="D5843">
        <f t="shared" si="275"/>
        <v>9</v>
      </c>
    </row>
    <row r="5844" spans="1:4" x14ac:dyDescent="0.25">
      <c r="A5844" s="7">
        <f t="shared" si="276"/>
        <v>44805.166666652513</v>
      </c>
      <c r="B5844" s="8">
        <v>-4.9800999999999998E-2</v>
      </c>
      <c r="C5844">
        <f t="shared" si="274"/>
        <v>4</v>
      </c>
      <c r="D5844">
        <f t="shared" si="275"/>
        <v>9</v>
      </c>
    </row>
    <row r="5845" spans="1:4" x14ac:dyDescent="0.25">
      <c r="A5845" s="7">
        <f t="shared" si="276"/>
        <v>44805.208333319177</v>
      </c>
      <c r="B5845" s="8">
        <v>-4.9800999999999998E-2</v>
      </c>
      <c r="C5845">
        <f t="shared" si="274"/>
        <v>5</v>
      </c>
      <c r="D5845">
        <f t="shared" si="275"/>
        <v>9</v>
      </c>
    </row>
    <row r="5846" spans="1:4" x14ac:dyDescent="0.25">
      <c r="A5846" s="7">
        <f t="shared" si="276"/>
        <v>44805.249999985841</v>
      </c>
      <c r="B5846" s="8">
        <v>-4.9800999999999998E-2</v>
      </c>
      <c r="C5846">
        <f t="shared" si="274"/>
        <v>6</v>
      </c>
      <c r="D5846">
        <f t="shared" si="275"/>
        <v>9</v>
      </c>
    </row>
    <row r="5847" spans="1:4" x14ac:dyDescent="0.25">
      <c r="A5847" s="7">
        <f t="shared" si="276"/>
        <v>44805.291666652505</v>
      </c>
      <c r="B5847" s="8">
        <v>0.74887215192257639</v>
      </c>
      <c r="C5847">
        <f t="shared" si="274"/>
        <v>7</v>
      </c>
      <c r="D5847">
        <f t="shared" si="275"/>
        <v>9</v>
      </c>
    </row>
    <row r="5848" spans="1:4" x14ac:dyDescent="0.25">
      <c r="A5848" s="7">
        <f t="shared" si="276"/>
        <v>44805.333333319169</v>
      </c>
      <c r="B5848" s="8">
        <v>5.0957081667927646</v>
      </c>
      <c r="C5848">
        <f t="shared" si="274"/>
        <v>8</v>
      </c>
      <c r="D5848">
        <f t="shared" si="275"/>
        <v>9</v>
      </c>
    </row>
    <row r="5849" spans="1:4" x14ac:dyDescent="0.25">
      <c r="A5849" s="7">
        <f t="shared" si="276"/>
        <v>44805.374999985834</v>
      </c>
      <c r="B5849" s="8">
        <v>8.1784744636733322</v>
      </c>
      <c r="C5849">
        <f t="shared" si="274"/>
        <v>9</v>
      </c>
      <c r="D5849">
        <f t="shared" si="275"/>
        <v>9</v>
      </c>
    </row>
    <row r="5850" spans="1:4" x14ac:dyDescent="0.25">
      <c r="A5850" s="7">
        <f t="shared" si="276"/>
        <v>44805.416666652498</v>
      </c>
      <c r="B5850" s="8">
        <v>5.0473063318145339</v>
      </c>
      <c r="C5850">
        <f t="shared" si="274"/>
        <v>10</v>
      </c>
      <c r="D5850">
        <f t="shared" si="275"/>
        <v>9</v>
      </c>
    </row>
    <row r="5851" spans="1:4" x14ac:dyDescent="0.25">
      <c r="A5851" s="7">
        <f t="shared" si="276"/>
        <v>44805.458333319162</v>
      </c>
      <c r="B5851" s="8">
        <v>7.1576485981641662</v>
      </c>
      <c r="C5851">
        <f t="shared" si="274"/>
        <v>11</v>
      </c>
      <c r="D5851">
        <f t="shared" si="275"/>
        <v>9</v>
      </c>
    </row>
    <row r="5852" spans="1:4" x14ac:dyDescent="0.25">
      <c r="A5852" s="7">
        <f t="shared" si="276"/>
        <v>44805.499999985826</v>
      </c>
      <c r="B5852" s="8">
        <v>20.451298528283271</v>
      </c>
      <c r="C5852">
        <f t="shared" si="274"/>
        <v>12</v>
      </c>
      <c r="D5852">
        <f t="shared" si="275"/>
        <v>9</v>
      </c>
    </row>
    <row r="5853" spans="1:4" x14ac:dyDescent="0.25">
      <c r="A5853" s="7">
        <f t="shared" si="276"/>
        <v>44805.541666652491</v>
      </c>
      <c r="B5853" s="8">
        <v>20.451304711977375</v>
      </c>
      <c r="C5853">
        <f t="shared" si="274"/>
        <v>13</v>
      </c>
      <c r="D5853">
        <f t="shared" si="275"/>
        <v>9</v>
      </c>
    </row>
    <row r="5854" spans="1:4" x14ac:dyDescent="0.25">
      <c r="A5854" s="7">
        <f t="shared" si="276"/>
        <v>44805.583333319155</v>
      </c>
      <c r="B5854" s="8">
        <v>20.451311926287161</v>
      </c>
      <c r="C5854">
        <f t="shared" si="274"/>
        <v>14</v>
      </c>
      <c r="D5854">
        <f t="shared" si="275"/>
        <v>9</v>
      </c>
    </row>
    <row r="5855" spans="1:4" x14ac:dyDescent="0.25">
      <c r="A5855" s="7">
        <f t="shared" si="276"/>
        <v>44805.624999985819</v>
      </c>
      <c r="B5855" s="8">
        <v>17.411251251499962</v>
      </c>
      <c r="C5855">
        <f t="shared" si="274"/>
        <v>15</v>
      </c>
      <c r="D5855">
        <f t="shared" si="275"/>
        <v>9</v>
      </c>
    </row>
    <row r="5856" spans="1:4" x14ac:dyDescent="0.25">
      <c r="A5856" s="7">
        <f t="shared" si="276"/>
        <v>44805.666666652483</v>
      </c>
      <c r="B5856" s="8">
        <v>15.775177710563034</v>
      </c>
      <c r="C5856">
        <f t="shared" si="274"/>
        <v>16</v>
      </c>
      <c r="D5856">
        <f t="shared" si="275"/>
        <v>9</v>
      </c>
    </row>
    <row r="5857" spans="1:4" x14ac:dyDescent="0.25">
      <c r="A5857" s="7">
        <f t="shared" si="276"/>
        <v>44805.708333319148</v>
      </c>
      <c r="B5857" s="8">
        <v>11.150556758566804</v>
      </c>
      <c r="C5857">
        <f t="shared" si="274"/>
        <v>17</v>
      </c>
      <c r="D5857">
        <f t="shared" si="275"/>
        <v>9</v>
      </c>
    </row>
    <row r="5858" spans="1:4" x14ac:dyDescent="0.25">
      <c r="A5858" s="7">
        <f t="shared" si="276"/>
        <v>44805.749999985812</v>
      </c>
      <c r="B5858" s="8">
        <v>5.0495922374014031</v>
      </c>
      <c r="C5858">
        <f t="shared" si="274"/>
        <v>18</v>
      </c>
      <c r="D5858">
        <f t="shared" si="275"/>
        <v>9</v>
      </c>
    </row>
    <row r="5859" spans="1:4" x14ac:dyDescent="0.25">
      <c r="A5859" s="7">
        <f t="shared" si="276"/>
        <v>44805.791666652476</v>
      </c>
      <c r="B5859" s="8">
        <v>0.66565714975821044</v>
      </c>
      <c r="C5859">
        <f t="shared" si="274"/>
        <v>19</v>
      </c>
      <c r="D5859">
        <f t="shared" si="275"/>
        <v>9</v>
      </c>
    </row>
    <row r="5860" spans="1:4" x14ac:dyDescent="0.25">
      <c r="A5860" s="7">
        <f t="shared" si="276"/>
        <v>44805.83333331914</v>
      </c>
      <c r="B5860" s="8">
        <v>-4.9800999999999998E-2</v>
      </c>
      <c r="C5860">
        <f t="shared" si="274"/>
        <v>20</v>
      </c>
      <c r="D5860">
        <f t="shared" si="275"/>
        <v>9</v>
      </c>
    </row>
    <row r="5861" spans="1:4" x14ac:dyDescent="0.25">
      <c r="A5861" s="7">
        <f t="shared" si="276"/>
        <v>44805.874999985805</v>
      </c>
      <c r="B5861" s="8">
        <v>-4.9800999999999998E-2</v>
      </c>
      <c r="C5861">
        <f t="shared" si="274"/>
        <v>21</v>
      </c>
      <c r="D5861">
        <f t="shared" si="275"/>
        <v>9</v>
      </c>
    </row>
    <row r="5862" spans="1:4" x14ac:dyDescent="0.25">
      <c r="A5862" s="7">
        <f t="shared" si="276"/>
        <v>44805.916666652469</v>
      </c>
      <c r="B5862" s="8">
        <v>-4.9800999999999998E-2</v>
      </c>
      <c r="C5862">
        <f t="shared" si="274"/>
        <v>22</v>
      </c>
      <c r="D5862">
        <f t="shared" si="275"/>
        <v>9</v>
      </c>
    </row>
    <row r="5863" spans="1:4" x14ac:dyDescent="0.25">
      <c r="A5863" s="7">
        <f t="shared" si="276"/>
        <v>44805.958333319133</v>
      </c>
      <c r="B5863" s="8">
        <v>-4.9800999999999998E-2</v>
      </c>
      <c r="C5863">
        <f t="shared" si="274"/>
        <v>23</v>
      </c>
      <c r="D5863">
        <f t="shared" si="275"/>
        <v>9</v>
      </c>
    </row>
    <row r="5864" spans="1:4" x14ac:dyDescent="0.25">
      <c r="A5864" s="7">
        <f t="shared" si="276"/>
        <v>44805.999999985797</v>
      </c>
      <c r="B5864" s="8">
        <v>-4.9800999999999998E-2</v>
      </c>
      <c r="C5864">
        <f t="shared" si="274"/>
        <v>0</v>
      </c>
      <c r="D5864">
        <f t="shared" si="275"/>
        <v>9</v>
      </c>
    </row>
    <row r="5865" spans="1:4" x14ac:dyDescent="0.25">
      <c r="A5865" s="7">
        <f t="shared" si="276"/>
        <v>44806.041666652462</v>
      </c>
      <c r="B5865" s="8">
        <v>-4.9800999999999998E-2</v>
      </c>
      <c r="C5865">
        <f t="shared" si="274"/>
        <v>1</v>
      </c>
      <c r="D5865">
        <f t="shared" si="275"/>
        <v>9</v>
      </c>
    </row>
    <row r="5866" spans="1:4" x14ac:dyDescent="0.25">
      <c r="A5866" s="7">
        <f t="shared" si="276"/>
        <v>44806.083333319126</v>
      </c>
      <c r="B5866" s="8">
        <v>-4.9800999999999998E-2</v>
      </c>
      <c r="C5866">
        <f t="shared" si="274"/>
        <v>2</v>
      </c>
      <c r="D5866">
        <f t="shared" si="275"/>
        <v>9</v>
      </c>
    </row>
    <row r="5867" spans="1:4" x14ac:dyDescent="0.25">
      <c r="A5867" s="7">
        <f t="shared" si="276"/>
        <v>44806.12499998579</v>
      </c>
      <c r="B5867" s="8">
        <v>-4.9800999999999998E-2</v>
      </c>
      <c r="C5867">
        <f t="shared" si="274"/>
        <v>3</v>
      </c>
      <c r="D5867">
        <f t="shared" si="275"/>
        <v>9</v>
      </c>
    </row>
    <row r="5868" spans="1:4" x14ac:dyDescent="0.25">
      <c r="A5868" s="7">
        <f t="shared" si="276"/>
        <v>44806.166666652454</v>
      </c>
      <c r="B5868" s="8">
        <v>-4.9800999999999998E-2</v>
      </c>
      <c r="C5868">
        <f t="shared" si="274"/>
        <v>4</v>
      </c>
      <c r="D5868">
        <f t="shared" si="275"/>
        <v>9</v>
      </c>
    </row>
    <row r="5869" spans="1:4" x14ac:dyDescent="0.25">
      <c r="A5869" s="7">
        <f t="shared" si="276"/>
        <v>44806.208333319119</v>
      </c>
      <c r="B5869" s="8">
        <v>-4.9800999999999998E-2</v>
      </c>
      <c r="C5869">
        <f t="shared" si="274"/>
        <v>5</v>
      </c>
      <c r="D5869">
        <f t="shared" si="275"/>
        <v>9</v>
      </c>
    </row>
    <row r="5870" spans="1:4" x14ac:dyDescent="0.25">
      <c r="A5870" s="7">
        <f t="shared" si="276"/>
        <v>44806.249999985783</v>
      </c>
      <c r="B5870" s="8">
        <v>-4.9800999999999998E-2</v>
      </c>
      <c r="C5870">
        <f t="shared" si="274"/>
        <v>6</v>
      </c>
      <c r="D5870">
        <f t="shared" si="275"/>
        <v>9</v>
      </c>
    </row>
    <row r="5871" spans="1:4" x14ac:dyDescent="0.25">
      <c r="A5871" s="7">
        <f t="shared" si="276"/>
        <v>44806.291666652447</v>
      </c>
      <c r="B5871" s="8">
        <v>0.69379914162252287</v>
      </c>
      <c r="C5871">
        <f t="shared" si="274"/>
        <v>7</v>
      </c>
      <c r="D5871">
        <f t="shared" si="275"/>
        <v>9</v>
      </c>
    </row>
    <row r="5872" spans="1:4" x14ac:dyDescent="0.25">
      <c r="A5872" s="7">
        <f t="shared" si="276"/>
        <v>44806.333333319111</v>
      </c>
      <c r="B5872" s="8">
        <v>4.8182004652856891</v>
      </c>
      <c r="C5872">
        <f t="shared" si="274"/>
        <v>8</v>
      </c>
      <c r="D5872">
        <f t="shared" si="275"/>
        <v>9</v>
      </c>
    </row>
    <row r="5873" spans="1:4" x14ac:dyDescent="0.25">
      <c r="A5873" s="7">
        <f t="shared" si="276"/>
        <v>44806.374999985776</v>
      </c>
      <c r="B5873" s="8">
        <v>11.283145466299308</v>
      </c>
      <c r="C5873">
        <f t="shared" si="274"/>
        <v>9</v>
      </c>
      <c r="D5873">
        <f t="shared" si="275"/>
        <v>9</v>
      </c>
    </row>
    <row r="5874" spans="1:4" x14ac:dyDescent="0.25">
      <c r="A5874" s="7">
        <f t="shared" si="276"/>
        <v>44806.41666665244</v>
      </c>
      <c r="B5874" s="8">
        <v>16.716508065910993</v>
      </c>
      <c r="C5874">
        <f t="shared" si="274"/>
        <v>10</v>
      </c>
      <c r="D5874">
        <f t="shared" si="275"/>
        <v>9</v>
      </c>
    </row>
    <row r="5875" spans="1:4" x14ac:dyDescent="0.25">
      <c r="A5875" s="7">
        <f t="shared" si="276"/>
        <v>44806.458333319104</v>
      </c>
      <c r="B5875" s="8">
        <v>20.451263487350019</v>
      </c>
      <c r="C5875">
        <f t="shared" si="274"/>
        <v>11</v>
      </c>
      <c r="D5875">
        <f t="shared" si="275"/>
        <v>9</v>
      </c>
    </row>
    <row r="5876" spans="1:4" x14ac:dyDescent="0.25">
      <c r="A5876" s="7">
        <f t="shared" si="276"/>
        <v>44806.499999985768</v>
      </c>
      <c r="B5876" s="8">
        <v>20.451315018134213</v>
      </c>
      <c r="C5876">
        <f t="shared" si="274"/>
        <v>12</v>
      </c>
      <c r="D5876">
        <f t="shared" si="275"/>
        <v>9</v>
      </c>
    </row>
    <row r="5877" spans="1:4" x14ac:dyDescent="0.25">
      <c r="A5877" s="7">
        <f t="shared" si="276"/>
        <v>44806.541666652432</v>
      </c>
      <c r="B5877" s="8">
        <v>20.45130574259306</v>
      </c>
      <c r="C5877">
        <f t="shared" si="274"/>
        <v>13</v>
      </c>
      <c r="D5877">
        <f t="shared" si="275"/>
        <v>9</v>
      </c>
    </row>
    <row r="5878" spans="1:4" x14ac:dyDescent="0.25">
      <c r="A5878" s="7">
        <f t="shared" si="276"/>
        <v>44806.583333319097</v>
      </c>
      <c r="B5878" s="8">
        <v>20.451316048749899</v>
      </c>
      <c r="C5878">
        <f t="shared" si="274"/>
        <v>14</v>
      </c>
      <c r="D5878">
        <f t="shared" si="275"/>
        <v>9</v>
      </c>
    </row>
    <row r="5879" spans="1:4" x14ac:dyDescent="0.25">
      <c r="A5879" s="7">
        <f t="shared" si="276"/>
        <v>44806.624999985761</v>
      </c>
      <c r="B5879" s="8">
        <v>16.473384795465556</v>
      </c>
      <c r="C5879">
        <f t="shared" si="274"/>
        <v>15</v>
      </c>
      <c r="D5879">
        <f t="shared" si="275"/>
        <v>9</v>
      </c>
    </row>
    <row r="5880" spans="1:4" x14ac:dyDescent="0.25">
      <c r="A5880" s="7">
        <f t="shared" si="276"/>
        <v>44806.666666652425</v>
      </c>
      <c r="B5880" s="8">
        <v>13.301404282524695</v>
      </c>
      <c r="C5880">
        <f t="shared" si="274"/>
        <v>16</v>
      </c>
      <c r="D5880">
        <f t="shared" si="275"/>
        <v>9</v>
      </c>
    </row>
    <row r="5881" spans="1:4" x14ac:dyDescent="0.25">
      <c r="A5881" s="7">
        <f t="shared" si="276"/>
        <v>44806.708333319089</v>
      </c>
      <c r="B5881" s="8">
        <v>9.8573525658092809</v>
      </c>
      <c r="C5881">
        <f t="shared" si="274"/>
        <v>17</v>
      </c>
      <c r="D5881">
        <f t="shared" si="275"/>
        <v>9</v>
      </c>
    </row>
    <row r="5882" spans="1:4" x14ac:dyDescent="0.25">
      <c r="A5882" s="7">
        <f t="shared" si="276"/>
        <v>44806.749999985754</v>
      </c>
      <c r="B5882" s="8">
        <v>4.5290334085467601</v>
      </c>
      <c r="C5882">
        <f t="shared" si="274"/>
        <v>18</v>
      </c>
      <c r="D5882">
        <f t="shared" si="275"/>
        <v>9</v>
      </c>
    </row>
    <row r="5883" spans="1:4" x14ac:dyDescent="0.25">
      <c r="A5883" s="7">
        <f t="shared" si="276"/>
        <v>44806.791666652418</v>
      </c>
      <c r="B5883" s="8">
        <v>0.40340874406681632</v>
      </c>
      <c r="C5883">
        <f t="shared" si="274"/>
        <v>19</v>
      </c>
      <c r="D5883">
        <f t="shared" si="275"/>
        <v>9</v>
      </c>
    </row>
    <row r="5884" spans="1:4" x14ac:dyDescent="0.25">
      <c r="A5884" s="7">
        <f t="shared" si="276"/>
        <v>44806.833333319082</v>
      </c>
      <c r="B5884" s="8">
        <v>-4.9800999999999998E-2</v>
      </c>
      <c r="C5884">
        <f t="shared" si="274"/>
        <v>20</v>
      </c>
      <c r="D5884">
        <f t="shared" si="275"/>
        <v>9</v>
      </c>
    </row>
    <row r="5885" spans="1:4" x14ac:dyDescent="0.25">
      <c r="A5885" s="7">
        <f t="shared" si="276"/>
        <v>44806.874999985746</v>
      </c>
      <c r="B5885" s="8">
        <v>-4.9800999999999998E-2</v>
      </c>
      <c r="C5885">
        <f t="shared" si="274"/>
        <v>21</v>
      </c>
      <c r="D5885">
        <f t="shared" si="275"/>
        <v>9</v>
      </c>
    </row>
    <row r="5886" spans="1:4" x14ac:dyDescent="0.25">
      <c r="A5886" s="7">
        <f t="shared" si="276"/>
        <v>44806.916666652411</v>
      </c>
      <c r="B5886" s="8">
        <v>-4.9800999999999998E-2</v>
      </c>
      <c r="C5886">
        <f t="shared" si="274"/>
        <v>22</v>
      </c>
      <c r="D5886">
        <f t="shared" si="275"/>
        <v>9</v>
      </c>
    </row>
    <row r="5887" spans="1:4" x14ac:dyDescent="0.25">
      <c r="A5887" s="7">
        <f t="shared" si="276"/>
        <v>44806.958333319075</v>
      </c>
      <c r="B5887" s="8">
        <v>-4.9800999999999998E-2</v>
      </c>
      <c r="C5887">
        <f t="shared" si="274"/>
        <v>23</v>
      </c>
      <c r="D5887">
        <f t="shared" si="275"/>
        <v>9</v>
      </c>
    </row>
    <row r="5888" spans="1:4" x14ac:dyDescent="0.25">
      <c r="A5888" s="7">
        <f t="shared" si="276"/>
        <v>44806.999999985739</v>
      </c>
      <c r="B5888" s="8">
        <v>-4.9800999999999998E-2</v>
      </c>
      <c r="C5888">
        <f t="shared" si="274"/>
        <v>0</v>
      </c>
      <c r="D5888">
        <f t="shared" si="275"/>
        <v>9</v>
      </c>
    </row>
    <row r="5889" spans="1:4" x14ac:dyDescent="0.25">
      <c r="A5889" s="7">
        <f t="shared" si="276"/>
        <v>44807.041666652403</v>
      </c>
      <c r="B5889" s="8">
        <v>-4.9800999999999998E-2</v>
      </c>
      <c r="C5889">
        <f t="shared" si="274"/>
        <v>1</v>
      </c>
      <c r="D5889">
        <f t="shared" si="275"/>
        <v>9</v>
      </c>
    </row>
    <row r="5890" spans="1:4" x14ac:dyDescent="0.25">
      <c r="A5890" s="7">
        <f t="shared" si="276"/>
        <v>44807.083333319068</v>
      </c>
      <c r="B5890" s="8">
        <v>-4.9800999999999998E-2</v>
      </c>
      <c r="C5890">
        <f t="shared" si="274"/>
        <v>2</v>
      </c>
      <c r="D5890">
        <f t="shared" si="275"/>
        <v>9</v>
      </c>
    </row>
    <row r="5891" spans="1:4" x14ac:dyDescent="0.25">
      <c r="A5891" s="7">
        <f t="shared" si="276"/>
        <v>44807.124999985732</v>
      </c>
      <c r="B5891" s="8">
        <v>-4.9800999999999998E-2</v>
      </c>
      <c r="C5891">
        <f t="shared" si="274"/>
        <v>3</v>
      </c>
      <c r="D5891">
        <f t="shared" si="275"/>
        <v>9</v>
      </c>
    </row>
    <row r="5892" spans="1:4" x14ac:dyDescent="0.25">
      <c r="A5892" s="7">
        <f t="shared" si="276"/>
        <v>44807.166666652396</v>
      </c>
      <c r="B5892" s="8">
        <v>-4.9800999999999998E-2</v>
      </c>
      <c r="C5892">
        <f t="shared" si="274"/>
        <v>4</v>
      </c>
      <c r="D5892">
        <f t="shared" si="275"/>
        <v>9</v>
      </c>
    </row>
    <row r="5893" spans="1:4" x14ac:dyDescent="0.25">
      <c r="A5893" s="7">
        <f t="shared" si="276"/>
        <v>44807.20833331906</v>
      </c>
      <c r="B5893" s="8">
        <v>-4.9800999999999998E-2</v>
      </c>
      <c r="C5893">
        <f t="shared" si="274"/>
        <v>5</v>
      </c>
      <c r="D5893">
        <f t="shared" si="275"/>
        <v>9</v>
      </c>
    </row>
    <row r="5894" spans="1:4" x14ac:dyDescent="0.25">
      <c r="A5894" s="7">
        <f t="shared" si="276"/>
        <v>44807.249999985725</v>
      </c>
      <c r="B5894" s="8">
        <v>-4.9800999999999998E-2</v>
      </c>
      <c r="C5894">
        <f t="shared" si="274"/>
        <v>6</v>
      </c>
      <c r="D5894">
        <f t="shared" si="275"/>
        <v>9</v>
      </c>
    </row>
    <row r="5895" spans="1:4" x14ac:dyDescent="0.25">
      <c r="A5895" s="7">
        <f t="shared" si="276"/>
        <v>44807.291666652389</v>
      </c>
      <c r="B5895" s="8">
        <v>0.67565721373899934</v>
      </c>
      <c r="C5895">
        <f t="shared" si="274"/>
        <v>7</v>
      </c>
      <c r="D5895">
        <f t="shared" si="275"/>
        <v>9</v>
      </c>
    </row>
    <row r="5896" spans="1:4" x14ac:dyDescent="0.25">
      <c r="A5896" s="7">
        <f t="shared" si="276"/>
        <v>44807.333333319053</v>
      </c>
      <c r="B5896" s="8">
        <v>4.953141038008833</v>
      </c>
      <c r="C5896">
        <f t="shared" si="274"/>
        <v>8</v>
      </c>
      <c r="D5896">
        <f t="shared" si="275"/>
        <v>9</v>
      </c>
    </row>
    <row r="5897" spans="1:4" x14ac:dyDescent="0.25">
      <c r="A5897" s="7">
        <f t="shared" si="276"/>
        <v>44807.374999985717</v>
      </c>
      <c r="B5897" s="8">
        <v>10.786233083695846</v>
      </c>
      <c r="C5897">
        <f t="shared" si="274"/>
        <v>9</v>
      </c>
      <c r="D5897">
        <f t="shared" si="275"/>
        <v>9</v>
      </c>
    </row>
    <row r="5898" spans="1:4" x14ac:dyDescent="0.25">
      <c r="A5898" s="7">
        <f t="shared" si="276"/>
        <v>44807.416666652382</v>
      </c>
      <c r="B5898" s="8">
        <v>16.245323973240176</v>
      </c>
      <c r="C5898">
        <f t="shared" ref="C5898:C5961" si="277">HOUR(A5898)</f>
        <v>10</v>
      </c>
      <c r="D5898">
        <f t="shared" ref="D5898:D5961" si="278">MONTH(A5898)</f>
        <v>9</v>
      </c>
    </row>
    <row r="5899" spans="1:4" x14ac:dyDescent="0.25">
      <c r="A5899" s="7">
        <f t="shared" ref="A5899:A5962" si="279">+A5898+1/24</f>
        <v>44807.458333319046</v>
      </c>
      <c r="B5899" s="8">
        <v>20.021690502916275</v>
      </c>
      <c r="C5899">
        <f t="shared" si="277"/>
        <v>11</v>
      </c>
      <c r="D5899">
        <f t="shared" si="278"/>
        <v>9</v>
      </c>
    </row>
    <row r="5900" spans="1:4" x14ac:dyDescent="0.25">
      <c r="A5900" s="7">
        <f t="shared" si="279"/>
        <v>44807.49999998571</v>
      </c>
      <c r="B5900" s="8">
        <v>18.737597983420031</v>
      </c>
      <c r="C5900">
        <f t="shared" si="277"/>
        <v>12</v>
      </c>
      <c r="D5900">
        <f t="shared" si="278"/>
        <v>9</v>
      </c>
    </row>
    <row r="5901" spans="1:4" x14ac:dyDescent="0.25">
      <c r="A5901" s="7">
        <f t="shared" si="279"/>
        <v>44807.541666652374</v>
      </c>
      <c r="B5901" s="8">
        <v>20.451278946585276</v>
      </c>
      <c r="C5901">
        <f t="shared" si="277"/>
        <v>13</v>
      </c>
      <c r="D5901">
        <f t="shared" si="278"/>
        <v>9</v>
      </c>
    </row>
    <row r="5902" spans="1:4" x14ac:dyDescent="0.25">
      <c r="A5902" s="7">
        <f t="shared" si="279"/>
        <v>44807.583333319039</v>
      </c>
      <c r="B5902" s="8">
        <v>16.576941059382868</v>
      </c>
      <c r="C5902">
        <f t="shared" si="277"/>
        <v>14</v>
      </c>
      <c r="D5902">
        <f t="shared" si="278"/>
        <v>9</v>
      </c>
    </row>
    <row r="5903" spans="1:4" x14ac:dyDescent="0.25">
      <c r="A5903" s="7">
        <f t="shared" si="279"/>
        <v>44807.624999985703</v>
      </c>
      <c r="B5903" s="8">
        <v>18.68809957335414</v>
      </c>
      <c r="C5903">
        <f t="shared" si="277"/>
        <v>15</v>
      </c>
      <c r="D5903">
        <f t="shared" si="278"/>
        <v>9</v>
      </c>
    </row>
    <row r="5904" spans="1:4" x14ac:dyDescent="0.25">
      <c r="A5904" s="7">
        <f t="shared" si="279"/>
        <v>44807.666666652367</v>
      </c>
      <c r="B5904" s="8">
        <v>13.462670902277138</v>
      </c>
      <c r="C5904">
        <f t="shared" si="277"/>
        <v>16</v>
      </c>
      <c r="D5904">
        <f t="shared" si="278"/>
        <v>9</v>
      </c>
    </row>
    <row r="5905" spans="1:4" x14ac:dyDescent="0.25">
      <c r="A5905" s="7">
        <f t="shared" si="279"/>
        <v>44807.708333319031</v>
      </c>
      <c r="B5905" s="8">
        <v>10.379152255947329</v>
      </c>
      <c r="C5905">
        <f t="shared" si="277"/>
        <v>17</v>
      </c>
      <c r="D5905">
        <f t="shared" si="278"/>
        <v>9</v>
      </c>
    </row>
    <row r="5906" spans="1:4" x14ac:dyDescent="0.25">
      <c r="A5906" s="7">
        <f t="shared" si="279"/>
        <v>44807.749999985695</v>
      </c>
      <c r="B5906" s="8">
        <v>3.8533318783333539</v>
      </c>
      <c r="C5906">
        <f t="shared" si="277"/>
        <v>18</v>
      </c>
      <c r="D5906">
        <f t="shared" si="278"/>
        <v>9</v>
      </c>
    </row>
    <row r="5907" spans="1:4" x14ac:dyDescent="0.25">
      <c r="A5907" s="7">
        <f t="shared" si="279"/>
        <v>44807.79166665236</v>
      </c>
      <c r="B5907" s="8">
        <v>0.55945838722740371</v>
      </c>
      <c r="C5907">
        <f t="shared" si="277"/>
        <v>19</v>
      </c>
      <c r="D5907">
        <f t="shared" si="278"/>
        <v>9</v>
      </c>
    </row>
    <row r="5908" spans="1:4" x14ac:dyDescent="0.25">
      <c r="A5908" s="7">
        <f t="shared" si="279"/>
        <v>44807.833333319024</v>
      </c>
      <c r="B5908" s="8">
        <v>-4.9800999999999998E-2</v>
      </c>
      <c r="C5908">
        <f t="shared" si="277"/>
        <v>20</v>
      </c>
      <c r="D5908">
        <f t="shared" si="278"/>
        <v>9</v>
      </c>
    </row>
    <row r="5909" spans="1:4" x14ac:dyDescent="0.25">
      <c r="A5909" s="7">
        <f t="shared" si="279"/>
        <v>44807.874999985688</v>
      </c>
      <c r="B5909" s="8">
        <v>-4.9800999999999998E-2</v>
      </c>
      <c r="C5909">
        <f t="shared" si="277"/>
        <v>21</v>
      </c>
      <c r="D5909">
        <f t="shared" si="278"/>
        <v>9</v>
      </c>
    </row>
    <row r="5910" spans="1:4" x14ac:dyDescent="0.25">
      <c r="A5910" s="7">
        <f t="shared" si="279"/>
        <v>44807.916666652352</v>
      </c>
      <c r="B5910" s="8">
        <v>-4.9800999999999998E-2</v>
      </c>
      <c r="C5910">
        <f t="shared" si="277"/>
        <v>22</v>
      </c>
      <c r="D5910">
        <f t="shared" si="278"/>
        <v>9</v>
      </c>
    </row>
    <row r="5911" spans="1:4" x14ac:dyDescent="0.25">
      <c r="A5911" s="7">
        <f t="shared" si="279"/>
        <v>44807.958333319017</v>
      </c>
      <c r="B5911" s="8">
        <v>-4.9800999999999998E-2</v>
      </c>
      <c r="C5911">
        <f t="shared" si="277"/>
        <v>23</v>
      </c>
      <c r="D5911">
        <f t="shared" si="278"/>
        <v>9</v>
      </c>
    </row>
    <row r="5912" spans="1:4" x14ac:dyDescent="0.25">
      <c r="A5912" s="7">
        <f t="shared" si="279"/>
        <v>44807.999999985681</v>
      </c>
      <c r="B5912" s="8">
        <v>-4.9800999999999998E-2</v>
      </c>
      <c r="C5912">
        <f t="shared" si="277"/>
        <v>0</v>
      </c>
      <c r="D5912">
        <f t="shared" si="278"/>
        <v>9</v>
      </c>
    </row>
    <row r="5913" spans="1:4" x14ac:dyDescent="0.25">
      <c r="A5913" s="7">
        <f t="shared" si="279"/>
        <v>44808.041666652345</v>
      </c>
      <c r="B5913" s="8">
        <v>-4.9800999999999998E-2</v>
      </c>
      <c r="C5913">
        <f t="shared" si="277"/>
        <v>1</v>
      </c>
      <c r="D5913">
        <f t="shared" si="278"/>
        <v>9</v>
      </c>
    </row>
    <row r="5914" spans="1:4" x14ac:dyDescent="0.25">
      <c r="A5914" s="7">
        <f t="shared" si="279"/>
        <v>44808.083333319009</v>
      </c>
      <c r="B5914" s="8">
        <v>-4.9800999999999998E-2</v>
      </c>
      <c r="C5914">
        <f t="shared" si="277"/>
        <v>2</v>
      </c>
      <c r="D5914">
        <f t="shared" si="278"/>
        <v>9</v>
      </c>
    </row>
    <row r="5915" spans="1:4" x14ac:dyDescent="0.25">
      <c r="A5915" s="7">
        <f t="shared" si="279"/>
        <v>44808.124999985674</v>
      </c>
      <c r="B5915" s="8">
        <v>-4.9800999999999998E-2</v>
      </c>
      <c r="C5915">
        <f t="shared" si="277"/>
        <v>3</v>
      </c>
      <c r="D5915">
        <f t="shared" si="278"/>
        <v>9</v>
      </c>
    </row>
    <row r="5916" spans="1:4" x14ac:dyDescent="0.25">
      <c r="A5916" s="7">
        <f t="shared" si="279"/>
        <v>44808.166666652338</v>
      </c>
      <c r="B5916" s="8">
        <v>-4.9800999999999998E-2</v>
      </c>
      <c r="C5916">
        <f t="shared" si="277"/>
        <v>4</v>
      </c>
      <c r="D5916">
        <f t="shared" si="278"/>
        <v>9</v>
      </c>
    </row>
    <row r="5917" spans="1:4" x14ac:dyDescent="0.25">
      <c r="A5917" s="7">
        <f t="shared" si="279"/>
        <v>44808.208333319002</v>
      </c>
      <c r="B5917" s="8">
        <v>-4.9800999999999998E-2</v>
      </c>
      <c r="C5917">
        <f t="shared" si="277"/>
        <v>5</v>
      </c>
      <c r="D5917">
        <f t="shared" si="278"/>
        <v>9</v>
      </c>
    </row>
    <row r="5918" spans="1:4" x14ac:dyDescent="0.25">
      <c r="A5918" s="7">
        <f t="shared" si="279"/>
        <v>44808.249999985666</v>
      </c>
      <c r="B5918" s="8">
        <v>-4.9800999999999998E-2</v>
      </c>
      <c r="C5918">
        <f t="shared" si="277"/>
        <v>6</v>
      </c>
      <c r="D5918">
        <f t="shared" si="278"/>
        <v>9</v>
      </c>
    </row>
    <row r="5919" spans="1:4" x14ac:dyDescent="0.25">
      <c r="A5919" s="7">
        <f t="shared" si="279"/>
        <v>44808.291666652331</v>
      </c>
      <c r="B5919" s="8">
        <v>0.5018139907960435</v>
      </c>
      <c r="C5919">
        <f t="shared" si="277"/>
        <v>7</v>
      </c>
      <c r="D5919">
        <f t="shared" si="278"/>
        <v>9</v>
      </c>
    </row>
    <row r="5920" spans="1:4" x14ac:dyDescent="0.25">
      <c r="A5920" s="7">
        <f t="shared" si="279"/>
        <v>44808.333333318995</v>
      </c>
      <c r="B5920" s="8">
        <v>4.1884015270170787</v>
      </c>
      <c r="C5920">
        <f t="shared" si="277"/>
        <v>8</v>
      </c>
      <c r="D5920">
        <f t="shared" si="278"/>
        <v>9</v>
      </c>
    </row>
    <row r="5921" spans="1:4" x14ac:dyDescent="0.25">
      <c r="A5921" s="7">
        <f t="shared" si="279"/>
        <v>44808.374999985659</v>
      </c>
      <c r="B5921" s="8">
        <v>7.81801662823265</v>
      </c>
      <c r="C5921">
        <f t="shared" si="277"/>
        <v>9</v>
      </c>
      <c r="D5921">
        <f t="shared" si="278"/>
        <v>9</v>
      </c>
    </row>
    <row r="5922" spans="1:4" x14ac:dyDescent="0.25">
      <c r="A5922" s="7">
        <f t="shared" si="279"/>
        <v>44808.416666652323</v>
      </c>
      <c r="B5922" s="8">
        <v>11.525707051197028</v>
      </c>
      <c r="C5922">
        <f t="shared" si="277"/>
        <v>10</v>
      </c>
      <c r="D5922">
        <f t="shared" si="278"/>
        <v>9</v>
      </c>
    </row>
    <row r="5923" spans="1:4" x14ac:dyDescent="0.25">
      <c r="A5923" s="7">
        <f t="shared" si="279"/>
        <v>44808.458333318988</v>
      </c>
      <c r="B5923" s="8">
        <v>11.99259244585034</v>
      </c>
      <c r="C5923">
        <f t="shared" si="277"/>
        <v>11</v>
      </c>
      <c r="D5923">
        <f t="shared" si="278"/>
        <v>9</v>
      </c>
    </row>
    <row r="5924" spans="1:4" x14ac:dyDescent="0.25">
      <c r="A5924" s="7">
        <f t="shared" si="279"/>
        <v>44808.499999985652</v>
      </c>
      <c r="B5924" s="8">
        <v>14.158685867620024</v>
      </c>
      <c r="C5924">
        <f t="shared" si="277"/>
        <v>12</v>
      </c>
      <c r="D5924">
        <f t="shared" si="278"/>
        <v>9</v>
      </c>
    </row>
    <row r="5925" spans="1:4" x14ac:dyDescent="0.25">
      <c r="A5925" s="7">
        <f t="shared" si="279"/>
        <v>44808.541666652316</v>
      </c>
      <c r="B5925" s="8">
        <v>20.390036670801454</v>
      </c>
      <c r="C5925">
        <f t="shared" si="277"/>
        <v>13</v>
      </c>
      <c r="D5925">
        <f t="shared" si="278"/>
        <v>9</v>
      </c>
    </row>
    <row r="5926" spans="1:4" x14ac:dyDescent="0.25">
      <c r="A5926" s="7">
        <f t="shared" si="279"/>
        <v>44808.58333331898</v>
      </c>
      <c r="B5926" s="8">
        <v>20.451315018134213</v>
      </c>
      <c r="C5926">
        <f t="shared" si="277"/>
        <v>14</v>
      </c>
      <c r="D5926">
        <f t="shared" si="278"/>
        <v>9</v>
      </c>
    </row>
    <row r="5927" spans="1:4" x14ac:dyDescent="0.25">
      <c r="A5927" s="7">
        <f t="shared" si="279"/>
        <v>44808.624999985645</v>
      </c>
      <c r="B5927" s="8">
        <v>20.074046810273593</v>
      </c>
      <c r="C5927">
        <f t="shared" si="277"/>
        <v>15</v>
      </c>
      <c r="D5927">
        <f t="shared" si="278"/>
        <v>9</v>
      </c>
    </row>
    <row r="5928" spans="1:4" x14ac:dyDescent="0.25">
      <c r="A5928" s="7">
        <f t="shared" si="279"/>
        <v>44808.666666652309</v>
      </c>
      <c r="B5928" s="8">
        <v>16.119812503408948</v>
      </c>
      <c r="C5928">
        <f t="shared" si="277"/>
        <v>16</v>
      </c>
      <c r="D5928">
        <f t="shared" si="278"/>
        <v>9</v>
      </c>
    </row>
    <row r="5929" spans="1:4" x14ac:dyDescent="0.25">
      <c r="A5929" s="7">
        <f t="shared" si="279"/>
        <v>44808.708333318973</v>
      </c>
      <c r="B5929" s="8">
        <v>10.87274296420161</v>
      </c>
      <c r="C5929">
        <f t="shared" si="277"/>
        <v>17</v>
      </c>
      <c r="D5929">
        <f t="shared" si="278"/>
        <v>9</v>
      </c>
    </row>
    <row r="5930" spans="1:4" x14ac:dyDescent="0.25">
      <c r="A5930" s="7">
        <f t="shared" si="279"/>
        <v>44808.749999985637</v>
      </c>
      <c r="B5930" s="8">
        <v>4.64544763373629</v>
      </c>
      <c r="C5930">
        <f t="shared" si="277"/>
        <v>18</v>
      </c>
      <c r="D5930">
        <f t="shared" si="278"/>
        <v>9</v>
      </c>
    </row>
    <row r="5931" spans="1:4" x14ac:dyDescent="0.25">
      <c r="A5931" s="7">
        <f t="shared" si="279"/>
        <v>44808.791666652302</v>
      </c>
      <c r="B5931" s="8">
        <v>0.57204941903749318</v>
      </c>
      <c r="C5931">
        <f t="shared" si="277"/>
        <v>19</v>
      </c>
      <c r="D5931">
        <f t="shared" si="278"/>
        <v>9</v>
      </c>
    </row>
    <row r="5932" spans="1:4" x14ac:dyDescent="0.25">
      <c r="A5932" s="7">
        <f t="shared" si="279"/>
        <v>44808.833333318966</v>
      </c>
      <c r="B5932" s="8">
        <v>-4.9800999999999998E-2</v>
      </c>
      <c r="C5932">
        <f t="shared" si="277"/>
        <v>20</v>
      </c>
      <c r="D5932">
        <f t="shared" si="278"/>
        <v>9</v>
      </c>
    </row>
    <row r="5933" spans="1:4" x14ac:dyDescent="0.25">
      <c r="A5933" s="7">
        <f t="shared" si="279"/>
        <v>44808.87499998563</v>
      </c>
      <c r="B5933" s="8">
        <v>-4.9800999999999998E-2</v>
      </c>
      <c r="C5933">
        <f t="shared" si="277"/>
        <v>21</v>
      </c>
      <c r="D5933">
        <f t="shared" si="278"/>
        <v>9</v>
      </c>
    </row>
    <row r="5934" spans="1:4" x14ac:dyDescent="0.25">
      <c r="A5934" s="7">
        <f t="shared" si="279"/>
        <v>44808.916666652294</v>
      </c>
      <c r="B5934" s="8">
        <v>-4.9800999999999998E-2</v>
      </c>
      <c r="C5934">
        <f t="shared" si="277"/>
        <v>22</v>
      </c>
      <c r="D5934">
        <f t="shared" si="278"/>
        <v>9</v>
      </c>
    </row>
    <row r="5935" spans="1:4" x14ac:dyDescent="0.25">
      <c r="A5935" s="7">
        <f t="shared" si="279"/>
        <v>44808.958333318958</v>
      </c>
      <c r="B5935" s="8">
        <v>-4.9800999999999998E-2</v>
      </c>
      <c r="C5935">
        <f t="shared" si="277"/>
        <v>23</v>
      </c>
      <c r="D5935">
        <f t="shared" si="278"/>
        <v>9</v>
      </c>
    </row>
    <row r="5936" spans="1:4" x14ac:dyDescent="0.25">
      <c r="A5936" s="7">
        <f t="shared" si="279"/>
        <v>44808.999999985623</v>
      </c>
      <c r="B5936" s="8">
        <v>-4.9800999999999998E-2</v>
      </c>
      <c r="C5936">
        <f t="shared" si="277"/>
        <v>0</v>
      </c>
      <c r="D5936">
        <f t="shared" si="278"/>
        <v>9</v>
      </c>
    </row>
    <row r="5937" spans="1:4" x14ac:dyDescent="0.25">
      <c r="A5937" s="7">
        <f t="shared" si="279"/>
        <v>44809.041666652287</v>
      </c>
      <c r="B5937" s="8">
        <v>-4.9800999999999998E-2</v>
      </c>
      <c r="C5937">
        <f t="shared" si="277"/>
        <v>1</v>
      </c>
      <c r="D5937">
        <f t="shared" si="278"/>
        <v>9</v>
      </c>
    </row>
    <row r="5938" spans="1:4" x14ac:dyDescent="0.25">
      <c r="A5938" s="7">
        <f t="shared" si="279"/>
        <v>44809.083333318951</v>
      </c>
      <c r="B5938" s="8">
        <v>-4.9800999999999998E-2</v>
      </c>
      <c r="C5938">
        <f t="shared" si="277"/>
        <v>2</v>
      </c>
      <c r="D5938">
        <f t="shared" si="278"/>
        <v>9</v>
      </c>
    </row>
    <row r="5939" spans="1:4" x14ac:dyDescent="0.25">
      <c r="A5939" s="7">
        <f t="shared" si="279"/>
        <v>44809.124999985615</v>
      </c>
      <c r="B5939" s="8">
        <v>-4.9800999999999998E-2</v>
      </c>
      <c r="C5939">
        <f t="shared" si="277"/>
        <v>3</v>
      </c>
      <c r="D5939">
        <f t="shared" si="278"/>
        <v>9</v>
      </c>
    </row>
    <row r="5940" spans="1:4" x14ac:dyDescent="0.25">
      <c r="A5940" s="7">
        <f t="shared" si="279"/>
        <v>44809.16666665228</v>
      </c>
      <c r="B5940" s="8">
        <v>-4.9800999999999998E-2</v>
      </c>
      <c r="C5940">
        <f t="shared" si="277"/>
        <v>4</v>
      </c>
      <c r="D5940">
        <f t="shared" si="278"/>
        <v>9</v>
      </c>
    </row>
    <row r="5941" spans="1:4" x14ac:dyDescent="0.25">
      <c r="A5941" s="7">
        <f t="shared" si="279"/>
        <v>44809.208333318944</v>
      </c>
      <c r="B5941" s="8">
        <v>-4.9800999999999998E-2</v>
      </c>
      <c r="C5941">
        <f t="shared" si="277"/>
        <v>5</v>
      </c>
      <c r="D5941">
        <f t="shared" si="278"/>
        <v>9</v>
      </c>
    </row>
    <row r="5942" spans="1:4" x14ac:dyDescent="0.25">
      <c r="A5942" s="7">
        <f t="shared" si="279"/>
        <v>44809.249999985608</v>
      </c>
      <c r="B5942" s="8">
        <v>-4.9800999999999998E-2</v>
      </c>
      <c r="C5942">
        <f t="shared" si="277"/>
        <v>6</v>
      </c>
      <c r="D5942">
        <f t="shared" si="278"/>
        <v>9</v>
      </c>
    </row>
    <row r="5943" spans="1:4" x14ac:dyDescent="0.25">
      <c r="A5943" s="7">
        <f t="shared" si="279"/>
        <v>44809.291666652272</v>
      </c>
      <c r="B5943" s="8">
        <v>0.56647069634059422</v>
      </c>
      <c r="C5943">
        <f t="shared" si="277"/>
        <v>7</v>
      </c>
      <c r="D5943">
        <f t="shared" si="278"/>
        <v>9</v>
      </c>
    </row>
    <row r="5944" spans="1:4" x14ac:dyDescent="0.25">
      <c r="A5944" s="7">
        <f t="shared" si="279"/>
        <v>44809.333333318937</v>
      </c>
      <c r="B5944" s="8">
        <v>5.1835846436953679</v>
      </c>
      <c r="C5944">
        <f t="shared" si="277"/>
        <v>8</v>
      </c>
      <c r="D5944">
        <f t="shared" si="278"/>
        <v>9</v>
      </c>
    </row>
    <row r="5945" spans="1:4" x14ac:dyDescent="0.25">
      <c r="A5945" s="7">
        <f t="shared" si="279"/>
        <v>44809.374999985601</v>
      </c>
      <c r="B5945" s="8">
        <v>11.322118198385624</v>
      </c>
      <c r="C5945">
        <f t="shared" si="277"/>
        <v>9</v>
      </c>
      <c r="D5945">
        <f t="shared" si="278"/>
        <v>9</v>
      </c>
    </row>
    <row r="5946" spans="1:4" x14ac:dyDescent="0.25">
      <c r="A5946" s="7">
        <f t="shared" si="279"/>
        <v>44809.416666652265</v>
      </c>
      <c r="B5946" s="8">
        <v>16.501377348055705</v>
      </c>
      <c r="C5946">
        <f t="shared" si="277"/>
        <v>10</v>
      </c>
      <c r="D5946">
        <f t="shared" si="278"/>
        <v>9</v>
      </c>
    </row>
    <row r="5947" spans="1:4" x14ac:dyDescent="0.25">
      <c r="A5947" s="7">
        <f t="shared" si="279"/>
        <v>44809.458333318929</v>
      </c>
      <c r="B5947" s="8">
        <v>20.441786976136644</v>
      </c>
      <c r="C5947">
        <f t="shared" si="277"/>
        <v>11</v>
      </c>
      <c r="D5947">
        <f t="shared" si="278"/>
        <v>9</v>
      </c>
    </row>
    <row r="5948" spans="1:4" x14ac:dyDescent="0.25">
      <c r="A5948" s="7">
        <f t="shared" si="279"/>
        <v>44809.499999985594</v>
      </c>
      <c r="B5948" s="8">
        <v>20.451307803824424</v>
      </c>
      <c r="C5948">
        <f t="shared" si="277"/>
        <v>12</v>
      </c>
      <c r="D5948">
        <f t="shared" si="278"/>
        <v>9</v>
      </c>
    </row>
    <row r="5949" spans="1:4" x14ac:dyDescent="0.25">
      <c r="A5949" s="7">
        <f t="shared" si="279"/>
        <v>44809.541666652258</v>
      </c>
      <c r="B5949" s="8">
        <v>20.451295436436219</v>
      </c>
      <c r="C5949">
        <f t="shared" si="277"/>
        <v>13</v>
      </c>
      <c r="D5949">
        <f t="shared" si="278"/>
        <v>9</v>
      </c>
    </row>
    <row r="5950" spans="1:4" x14ac:dyDescent="0.25">
      <c r="A5950" s="7">
        <f t="shared" si="279"/>
        <v>44809.583333318922</v>
      </c>
      <c r="B5950" s="8">
        <v>20.451310895671476</v>
      </c>
      <c r="C5950">
        <f t="shared" si="277"/>
        <v>14</v>
      </c>
      <c r="D5950">
        <f t="shared" si="278"/>
        <v>9</v>
      </c>
    </row>
    <row r="5951" spans="1:4" x14ac:dyDescent="0.25">
      <c r="A5951" s="7">
        <f t="shared" si="279"/>
        <v>44809.624999985586</v>
      </c>
      <c r="B5951" s="8">
        <v>20.396598600860788</v>
      </c>
      <c r="C5951">
        <f t="shared" si="277"/>
        <v>15</v>
      </c>
      <c r="D5951">
        <f t="shared" si="278"/>
        <v>9</v>
      </c>
    </row>
    <row r="5952" spans="1:4" x14ac:dyDescent="0.25">
      <c r="A5952" s="7">
        <f t="shared" si="279"/>
        <v>44809.666666652251</v>
      </c>
      <c r="B5952" s="8">
        <v>16.170431192723225</v>
      </c>
      <c r="C5952">
        <f t="shared" si="277"/>
        <v>16</v>
      </c>
      <c r="D5952">
        <f t="shared" si="278"/>
        <v>9</v>
      </c>
    </row>
    <row r="5953" spans="1:4" x14ac:dyDescent="0.25">
      <c r="A5953" s="7">
        <f t="shared" si="279"/>
        <v>44809.708333318915</v>
      </c>
      <c r="B5953" s="8">
        <v>10.818346037790189</v>
      </c>
      <c r="C5953">
        <f t="shared" si="277"/>
        <v>17</v>
      </c>
      <c r="D5953">
        <f t="shared" si="278"/>
        <v>9</v>
      </c>
    </row>
    <row r="5954" spans="1:4" x14ac:dyDescent="0.25">
      <c r="A5954" s="7">
        <f t="shared" si="279"/>
        <v>44809.749999985579</v>
      </c>
      <c r="B5954" s="8">
        <v>4.5237040948453631</v>
      </c>
      <c r="C5954">
        <f t="shared" si="277"/>
        <v>18</v>
      </c>
      <c r="D5954">
        <f t="shared" si="278"/>
        <v>9</v>
      </c>
    </row>
    <row r="5955" spans="1:4" x14ac:dyDescent="0.25">
      <c r="A5955" s="7">
        <f t="shared" si="279"/>
        <v>44809.791666652243</v>
      </c>
      <c r="B5955" s="8">
        <v>0.47815002407823509</v>
      </c>
      <c r="C5955">
        <f t="shared" si="277"/>
        <v>19</v>
      </c>
      <c r="D5955">
        <f t="shared" si="278"/>
        <v>9</v>
      </c>
    </row>
    <row r="5956" spans="1:4" x14ac:dyDescent="0.25">
      <c r="A5956" s="7">
        <f t="shared" si="279"/>
        <v>44809.833333318908</v>
      </c>
      <c r="B5956" s="8">
        <v>-4.9800999999999998E-2</v>
      </c>
      <c r="C5956">
        <f t="shared" si="277"/>
        <v>20</v>
      </c>
      <c r="D5956">
        <f t="shared" si="278"/>
        <v>9</v>
      </c>
    </row>
    <row r="5957" spans="1:4" x14ac:dyDescent="0.25">
      <c r="A5957" s="7">
        <f t="shared" si="279"/>
        <v>44809.874999985572</v>
      </c>
      <c r="B5957" s="8">
        <v>-4.9800999999999998E-2</v>
      </c>
      <c r="C5957">
        <f t="shared" si="277"/>
        <v>21</v>
      </c>
      <c r="D5957">
        <f t="shared" si="278"/>
        <v>9</v>
      </c>
    </row>
    <row r="5958" spans="1:4" x14ac:dyDescent="0.25">
      <c r="A5958" s="7">
        <f t="shared" si="279"/>
        <v>44809.916666652236</v>
      </c>
      <c r="B5958" s="8">
        <v>-4.9800999999999998E-2</v>
      </c>
      <c r="C5958">
        <f t="shared" si="277"/>
        <v>22</v>
      </c>
      <c r="D5958">
        <f t="shared" si="278"/>
        <v>9</v>
      </c>
    </row>
    <row r="5959" spans="1:4" x14ac:dyDescent="0.25">
      <c r="A5959" s="7">
        <f t="shared" si="279"/>
        <v>44809.9583333189</v>
      </c>
      <c r="B5959" s="8">
        <v>-4.9800999999999998E-2</v>
      </c>
      <c r="C5959">
        <f t="shared" si="277"/>
        <v>23</v>
      </c>
      <c r="D5959">
        <f t="shared" si="278"/>
        <v>9</v>
      </c>
    </row>
    <row r="5960" spans="1:4" x14ac:dyDescent="0.25">
      <c r="A5960" s="7">
        <f t="shared" si="279"/>
        <v>44809.999999985565</v>
      </c>
      <c r="B5960" s="8">
        <v>-4.9800999999999998E-2</v>
      </c>
      <c r="C5960">
        <f t="shared" si="277"/>
        <v>0</v>
      </c>
      <c r="D5960">
        <f t="shared" si="278"/>
        <v>9</v>
      </c>
    </row>
    <row r="5961" spans="1:4" x14ac:dyDescent="0.25">
      <c r="A5961" s="7">
        <f t="shared" si="279"/>
        <v>44810.041666652229</v>
      </c>
      <c r="B5961" s="8">
        <v>-4.9800999999999998E-2</v>
      </c>
      <c r="C5961">
        <f t="shared" si="277"/>
        <v>1</v>
      </c>
      <c r="D5961">
        <f t="shared" si="278"/>
        <v>9</v>
      </c>
    </row>
    <row r="5962" spans="1:4" x14ac:dyDescent="0.25">
      <c r="A5962" s="7">
        <f t="shared" si="279"/>
        <v>44810.083333318893</v>
      </c>
      <c r="B5962" s="8">
        <v>-4.9800999999999998E-2</v>
      </c>
      <c r="C5962">
        <f t="shared" ref="C5962:C6025" si="280">HOUR(A5962)</f>
        <v>2</v>
      </c>
      <c r="D5962">
        <f t="shared" ref="D5962:D6025" si="281">MONTH(A5962)</f>
        <v>9</v>
      </c>
    </row>
    <row r="5963" spans="1:4" x14ac:dyDescent="0.25">
      <c r="A5963" s="7">
        <f t="shared" ref="A5963:A6026" si="282">+A5962+1/24</f>
        <v>44810.124999985557</v>
      </c>
      <c r="B5963" s="8">
        <v>-4.9800999999999998E-2</v>
      </c>
      <c r="C5963">
        <f t="shared" si="280"/>
        <v>3</v>
      </c>
      <c r="D5963">
        <f t="shared" si="281"/>
        <v>9</v>
      </c>
    </row>
    <row r="5964" spans="1:4" x14ac:dyDescent="0.25">
      <c r="A5964" s="7">
        <f t="shared" si="282"/>
        <v>44810.166666652221</v>
      </c>
      <c r="B5964" s="8">
        <v>-4.9800999999999998E-2</v>
      </c>
      <c r="C5964">
        <f t="shared" si="280"/>
        <v>4</v>
      </c>
      <c r="D5964">
        <f t="shared" si="281"/>
        <v>9</v>
      </c>
    </row>
    <row r="5965" spans="1:4" x14ac:dyDescent="0.25">
      <c r="A5965" s="7">
        <f t="shared" si="282"/>
        <v>44810.208333318886</v>
      </c>
      <c r="B5965" s="8">
        <v>-4.9800999999999998E-2</v>
      </c>
      <c r="C5965">
        <f t="shared" si="280"/>
        <v>5</v>
      </c>
      <c r="D5965">
        <f t="shared" si="281"/>
        <v>9</v>
      </c>
    </row>
    <row r="5966" spans="1:4" x14ac:dyDescent="0.25">
      <c r="A5966" s="7">
        <f t="shared" si="282"/>
        <v>44810.24999998555</v>
      </c>
      <c r="B5966" s="8">
        <v>-4.9800999999999998E-2</v>
      </c>
      <c r="C5966">
        <f t="shared" si="280"/>
        <v>6</v>
      </c>
      <c r="D5966">
        <f t="shared" si="281"/>
        <v>9</v>
      </c>
    </row>
    <row r="5967" spans="1:4" x14ac:dyDescent="0.25">
      <c r="A5967" s="7">
        <f t="shared" si="282"/>
        <v>44810.291666652214</v>
      </c>
      <c r="B5967" s="8">
        <v>0.54553064687530828</v>
      </c>
      <c r="C5967">
        <f t="shared" si="280"/>
        <v>7</v>
      </c>
      <c r="D5967">
        <f t="shared" si="281"/>
        <v>9</v>
      </c>
    </row>
    <row r="5968" spans="1:4" x14ac:dyDescent="0.25">
      <c r="A5968" s="7">
        <f t="shared" si="282"/>
        <v>44810.333333318878</v>
      </c>
      <c r="B5968" s="8">
        <v>4.833629812689213</v>
      </c>
      <c r="C5968">
        <f t="shared" si="280"/>
        <v>8</v>
      </c>
      <c r="D5968">
        <f t="shared" si="281"/>
        <v>9</v>
      </c>
    </row>
    <row r="5969" spans="1:4" x14ac:dyDescent="0.25">
      <c r="A5969" s="7">
        <f t="shared" si="282"/>
        <v>44810.374999985543</v>
      </c>
      <c r="B5969" s="8">
        <v>11.02224201407539</v>
      </c>
      <c r="C5969">
        <f t="shared" si="280"/>
        <v>9</v>
      </c>
      <c r="D5969">
        <f t="shared" si="281"/>
        <v>9</v>
      </c>
    </row>
    <row r="5970" spans="1:4" x14ac:dyDescent="0.25">
      <c r="A5970" s="7">
        <f t="shared" si="282"/>
        <v>44810.416666652207</v>
      </c>
      <c r="B5970" s="8">
        <v>16.592738336585537</v>
      </c>
      <c r="C5970">
        <f t="shared" si="280"/>
        <v>10</v>
      </c>
      <c r="D5970">
        <f t="shared" si="281"/>
        <v>9</v>
      </c>
    </row>
    <row r="5971" spans="1:4" x14ac:dyDescent="0.25">
      <c r="A5971" s="7">
        <f t="shared" si="282"/>
        <v>44810.458333318871</v>
      </c>
      <c r="B5971" s="8">
        <v>20.321954198723652</v>
      </c>
      <c r="C5971">
        <f t="shared" si="280"/>
        <v>11</v>
      </c>
      <c r="D5971">
        <f t="shared" si="281"/>
        <v>9</v>
      </c>
    </row>
    <row r="5972" spans="1:4" x14ac:dyDescent="0.25">
      <c r="A5972" s="7">
        <f t="shared" si="282"/>
        <v>44810.499999985535</v>
      </c>
      <c r="B5972" s="8">
        <v>20.451312956902846</v>
      </c>
      <c r="C5972">
        <f t="shared" si="280"/>
        <v>12</v>
      </c>
      <c r="D5972">
        <f t="shared" si="281"/>
        <v>9</v>
      </c>
    </row>
    <row r="5973" spans="1:4" x14ac:dyDescent="0.25">
      <c r="A5973" s="7">
        <f t="shared" si="282"/>
        <v>44810.5416666522</v>
      </c>
      <c r="B5973" s="8">
        <v>20.45130574259306</v>
      </c>
      <c r="C5973">
        <f t="shared" si="280"/>
        <v>13</v>
      </c>
      <c r="D5973">
        <f t="shared" si="281"/>
        <v>9</v>
      </c>
    </row>
    <row r="5974" spans="1:4" x14ac:dyDescent="0.25">
      <c r="A5974" s="7">
        <f t="shared" si="282"/>
        <v>44810.583333318864</v>
      </c>
      <c r="B5974" s="8">
        <v>20.451312956902846</v>
      </c>
      <c r="C5974">
        <f t="shared" si="280"/>
        <v>14</v>
      </c>
      <c r="D5974">
        <f t="shared" si="281"/>
        <v>9</v>
      </c>
    </row>
    <row r="5975" spans="1:4" x14ac:dyDescent="0.25">
      <c r="A5975" s="7">
        <f t="shared" si="282"/>
        <v>44810.624999985528</v>
      </c>
      <c r="B5975" s="8">
        <v>19.901905133824741</v>
      </c>
      <c r="C5975">
        <f t="shared" si="280"/>
        <v>15</v>
      </c>
      <c r="D5975">
        <f t="shared" si="281"/>
        <v>9</v>
      </c>
    </row>
    <row r="5976" spans="1:4" x14ac:dyDescent="0.25">
      <c r="A5976" s="7">
        <f t="shared" si="282"/>
        <v>44810.666666652192</v>
      </c>
      <c r="B5976" s="8">
        <v>16.022027687321422</v>
      </c>
      <c r="C5976">
        <f t="shared" si="280"/>
        <v>16</v>
      </c>
      <c r="D5976">
        <f t="shared" si="281"/>
        <v>9</v>
      </c>
    </row>
    <row r="5977" spans="1:4" x14ac:dyDescent="0.25">
      <c r="A5977" s="7">
        <f t="shared" si="282"/>
        <v>44810.708333318857</v>
      </c>
      <c r="B5977" s="8">
        <v>10.622932028583408</v>
      </c>
      <c r="C5977">
        <f t="shared" si="280"/>
        <v>17</v>
      </c>
      <c r="D5977">
        <f t="shared" si="281"/>
        <v>9</v>
      </c>
    </row>
    <row r="5978" spans="1:4" x14ac:dyDescent="0.25">
      <c r="A5978" s="7">
        <f t="shared" si="282"/>
        <v>44810.749999985521</v>
      </c>
      <c r="B5978" s="8">
        <v>4.4422493842690818</v>
      </c>
      <c r="C5978">
        <f t="shared" si="280"/>
        <v>18</v>
      </c>
      <c r="D5978">
        <f t="shared" si="281"/>
        <v>9</v>
      </c>
    </row>
    <row r="5979" spans="1:4" x14ac:dyDescent="0.25">
      <c r="A5979" s="7">
        <f t="shared" si="282"/>
        <v>44810.791666652185</v>
      </c>
      <c r="B5979" s="8">
        <v>0.4983336016315455</v>
      </c>
      <c r="C5979">
        <f t="shared" si="280"/>
        <v>19</v>
      </c>
      <c r="D5979">
        <f t="shared" si="281"/>
        <v>9</v>
      </c>
    </row>
    <row r="5980" spans="1:4" x14ac:dyDescent="0.25">
      <c r="A5980" s="7">
        <f t="shared" si="282"/>
        <v>44810.833333318849</v>
      </c>
      <c r="B5980" s="8">
        <v>-4.9800999999999998E-2</v>
      </c>
      <c r="C5980">
        <f t="shared" si="280"/>
        <v>20</v>
      </c>
      <c r="D5980">
        <f t="shared" si="281"/>
        <v>9</v>
      </c>
    </row>
    <row r="5981" spans="1:4" x14ac:dyDescent="0.25">
      <c r="A5981" s="7">
        <f t="shared" si="282"/>
        <v>44810.874999985514</v>
      </c>
      <c r="B5981" s="8">
        <v>-4.9800999999999998E-2</v>
      </c>
      <c r="C5981">
        <f t="shared" si="280"/>
        <v>21</v>
      </c>
      <c r="D5981">
        <f t="shared" si="281"/>
        <v>9</v>
      </c>
    </row>
    <row r="5982" spans="1:4" x14ac:dyDescent="0.25">
      <c r="A5982" s="7">
        <f t="shared" si="282"/>
        <v>44810.916666652178</v>
      </c>
      <c r="B5982" s="8">
        <v>-4.9800999999999998E-2</v>
      </c>
      <c r="C5982">
        <f t="shared" si="280"/>
        <v>22</v>
      </c>
      <c r="D5982">
        <f t="shared" si="281"/>
        <v>9</v>
      </c>
    </row>
    <row r="5983" spans="1:4" x14ac:dyDescent="0.25">
      <c r="A5983" s="7">
        <f t="shared" si="282"/>
        <v>44810.958333318842</v>
      </c>
      <c r="B5983" s="8">
        <v>-4.9800999999999998E-2</v>
      </c>
      <c r="C5983">
        <f t="shared" si="280"/>
        <v>23</v>
      </c>
      <c r="D5983">
        <f t="shared" si="281"/>
        <v>9</v>
      </c>
    </row>
    <row r="5984" spans="1:4" x14ac:dyDescent="0.25">
      <c r="A5984" s="7">
        <f t="shared" si="282"/>
        <v>44810.999999985506</v>
      </c>
      <c r="B5984" s="8">
        <v>-4.9800999999999998E-2</v>
      </c>
      <c r="C5984">
        <f t="shared" si="280"/>
        <v>0</v>
      </c>
      <c r="D5984">
        <f t="shared" si="281"/>
        <v>9</v>
      </c>
    </row>
    <row r="5985" spans="1:4" x14ac:dyDescent="0.25">
      <c r="A5985" s="7">
        <f t="shared" si="282"/>
        <v>44811.041666652171</v>
      </c>
      <c r="B5985" s="8">
        <v>-4.9800999999999998E-2</v>
      </c>
      <c r="C5985">
        <f t="shared" si="280"/>
        <v>1</v>
      </c>
      <c r="D5985">
        <f t="shared" si="281"/>
        <v>9</v>
      </c>
    </row>
    <row r="5986" spans="1:4" x14ac:dyDescent="0.25">
      <c r="A5986" s="7">
        <f t="shared" si="282"/>
        <v>44811.083333318835</v>
      </c>
      <c r="B5986" s="8">
        <v>-4.9800999999999998E-2</v>
      </c>
      <c r="C5986">
        <f t="shared" si="280"/>
        <v>2</v>
      </c>
      <c r="D5986">
        <f t="shared" si="281"/>
        <v>9</v>
      </c>
    </row>
    <row r="5987" spans="1:4" x14ac:dyDescent="0.25">
      <c r="A5987" s="7">
        <f t="shared" si="282"/>
        <v>44811.124999985499</v>
      </c>
      <c r="B5987" s="8">
        <v>-4.9800999999999998E-2</v>
      </c>
      <c r="C5987">
        <f t="shared" si="280"/>
        <v>3</v>
      </c>
      <c r="D5987">
        <f t="shared" si="281"/>
        <v>9</v>
      </c>
    </row>
    <row r="5988" spans="1:4" x14ac:dyDescent="0.25">
      <c r="A5988" s="7">
        <f t="shared" si="282"/>
        <v>44811.166666652163</v>
      </c>
      <c r="B5988" s="8">
        <v>-4.9800999999999998E-2</v>
      </c>
      <c r="C5988">
        <f t="shared" si="280"/>
        <v>4</v>
      </c>
      <c r="D5988">
        <f t="shared" si="281"/>
        <v>9</v>
      </c>
    </row>
    <row r="5989" spans="1:4" x14ac:dyDescent="0.25">
      <c r="A5989" s="7">
        <f t="shared" si="282"/>
        <v>44811.208333318827</v>
      </c>
      <c r="B5989" s="8">
        <v>-4.9800999999999998E-2</v>
      </c>
      <c r="C5989">
        <f t="shared" si="280"/>
        <v>5</v>
      </c>
      <c r="D5989">
        <f t="shared" si="281"/>
        <v>9</v>
      </c>
    </row>
    <row r="5990" spans="1:4" x14ac:dyDescent="0.25">
      <c r="A5990" s="7">
        <f t="shared" si="282"/>
        <v>44811.249999985492</v>
      </c>
      <c r="B5990" s="8">
        <v>-4.9800999999999998E-2</v>
      </c>
      <c r="C5990">
        <f t="shared" si="280"/>
        <v>6</v>
      </c>
      <c r="D5990">
        <f t="shared" si="281"/>
        <v>9</v>
      </c>
    </row>
    <row r="5991" spans="1:4" x14ac:dyDescent="0.25">
      <c r="A5991" s="7">
        <f t="shared" si="282"/>
        <v>44811.291666652156</v>
      </c>
      <c r="B5991" s="8">
        <v>0.61955358775505542</v>
      </c>
      <c r="C5991">
        <f t="shared" si="280"/>
        <v>7</v>
      </c>
      <c r="D5991">
        <f t="shared" si="281"/>
        <v>9</v>
      </c>
    </row>
    <row r="5992" spans="1:4" x14ac:dyDescent="0.25">
      <c r="A5992" s="7">
        <f t="shared" si="282"/>
        <v>44811.33333331882</v>
      </c>
      <c r="B5992" s="8">
        <v>4.8916802717000261</v>
      </c>
      <c r="C5992">
        <f t="shared" si="280"/>
        <v>8</v>
      </c>
      <c r="D5992">
        <f t="shared" si="281"/>
        <v>9</v>
      </c>
    </row>
    <row r="5993" spans="1:4" x14ac:dyDescent="0.25">
      <c r="A5993" s="7">
        <f t="shared" si="282"/>
        <v>44811.374999985484</v>
      </c>
      <c r="B5993" s="8">
        <v>11.204782602774698</v>
      </c>
      <c r="C5993">
        <f t="shared" si="280"/>
        <v>9</v>
      </c>
      <c r="D5993">
        <f t="shared" si="281"/>
        <v>9</v>
      </c>
    </row>
    <row r="5994" spans="1:4" x14ac:dyDescent="0.25">
      <c r="A5994" s="7">
        <f t="shared" si="282"/>
        <v>44811.416666652149</v>
      </c>
      <c r="B5994" s="8">
        <v>16.531889755992967</v>
      </c>
      <c r="C5994">
        <f t="shared" si="280"/>
        <v>10</v>
      </c>
      <c r="D5994">
        <f t="shared" si="281"/>
        <v>9</v>
      </c>
    </row>
    <row r="5995" spans="1:4" x14ac:dyDescent="0.25">
      <c r="A5995" s="7">
        <f t="shared" si="282"/>
        <v>44811.458333318813</v>
      </c>
      <c r="B5995" s="8">
        <v>20.072057722003684</v>
      </c>
      <c r="C5995">
        <f t="shared" si="280"/>
        <v>11</v>
      </c>
      <c r="D5995">
        <f t="shared" si="281"/>
        <v>9</v>
      </c>
    </row>
    <row r="5996" spans="1:4" x14ac:dyDescent="0.25">
      <c r="A5996" s="7">
        <f t="shared" si="282"/>
        <v>44811.499999985477</v>
      </c>
      <c r="B5996" s="8">
        <v>20.451311926287161</v>
      </c>
      <c r="C5996">
        <f t="shared" si="280"/>
        <v>12</v>
      </c>
      <c r="D5996">
        <f t="shared" si="281"/>
        <v>9</v>
      </c>
    </row>
    <row r="5997" spans="1:4" x14ac:dyDescent="0.25">
      <c r="A5997" s="7">
        <f t="shared" si="282"/>
        <v>44811.541666652141</v>
      </c>
      <c r="B5997" s="8">
        <v>20.451302650746008</v>
      </c>
      <c r="C5997">
        <f t="shared" si="280"/>
        <v>13</v>
      </c>
      <c r="D5997">
        <f t="shared" si="281"/>
        <v>9</v>
      </c>
    </row>
    <row r="5998" spans="1:4" x14ac:dyDescent="0.25">
      <c r="A5998" s="7">
        <f t="shared" si="282"/>
        <v>44811.583333318806</v>
      </c>
      <c r="B5998" s="8">
        <v>20.451312956902846</v>
      </c>
      <c r="C5998">
        <f t="shared" si="280"/>
        <v>14</v>
      </c>
      <c r="D5998">
        <f t="shared" si="281"/>
        <v>9</v>
      </c>
    </row>
    <row r="5999" spans="1:4" x14ac:dyDescent="0.25">
      <c r="A5999" s="7">
        <f t="shared" si="282"/>
        <v>44811.62499998547</v>
      </c>
      <c r="B5999" s="8">
        <v>20.014364886635182</v>
      </c>
      <c r="C5999">
        <f t="shared" si="280"/>
        <v>15</v>
      </c>
      <c r="D5999">
        <f t="shared" si="281"/>
        <v>9</v>
      </c>
    </row>
    <row r="6000" spans="1:4" x14ac:dyDescent="0.25">
      <c r="A6000" s="7">
        <f t="shared" si="282"/>
        <v>44811.666666652134</v>
      </c>
      <c r="B6000" s="8">
        <v>15.851312382979073</v>
      </c>
      <c r="C6000">
        <f t="shared" si="280"/>
        <v>16</v>
      </c>
      <c r="D6000">
        <f t="shared" si="281"/>
        <v>9</v>
      </c>
    </row>
    <row r="6001" spans="1:4" x14ac:dyDescent="0.25">
      <c r="A6001" s="7">
        <f t="shared" si="282"/>
        <v>44811.708333318798</v>
      </c>
      <c r="B6001" s="8">
        <v>10.214540257684979</v>
      </c>
      <c r="C6001">
        <f t="shared" si="280"/>
        <v>17</v>
      </c>
      <c r="D6001">
        <f t="shared" si="281"/>
        <v>9</v>
      </c>
    </row>
    <row r="6002" spans="1:4" x14ac:dyDescent="0.25">
      <c r="A6002" s="7">
        <f t="shared" si="282"/>
        <v>44811.749999985463</v>
      </c>
      <c r="B6002" s="8">
        <v>4.213456824908139</v>
      </c>
      <c r="C6002">
        <f t="shared" si="280"/>
        <v>18</v>
      </c>
      <c r="D6002">
        <f t="shared" si="281"/>
        <v>9</v>
      </c>
    </row>
    <row r="6003" spans="1:4" x14ac:dyDescent="0.25">
      <c r="A6003" s="7">
        <f t="shared" si="282"/>
        <v>44811.791666652127</v>
      </c>
      <c r="B6003" s="8">
        <v>0.39649228221222754</v>
      </c>
      <c r="C6003">
        <f t="shared" si="280"/>
        <v>19</v>
      </c>
      <c r="D6003">
        <f t="shared" si="281"/>
        <v>9</v>
      </c>
    </row>
    <row r="6004" spans="1:4" x14ac:dyDescent="0.25">
      <c r="A6004" s="7">
        <f t="shared" si="282"/>
        <v>44811.833333318791</v>
      </c>
      <c r="B6004" s="8">
        <v>-4.9800999999999998E-2</v>
      </c>
      <c r="C6004">
        <f t="shared" si="280"/>
        <v>20</v>
      </c>
      <c r="D6004">
        <f t="shared" si="281"/>
        <v>9</v>
      </c>
    </row>
    <row r="6005" spans="1:4" x14ac:dyDescent="0.25">
      <c r="A6005" s="7">
        <f t="shared" si="282"/>
        <v>44811.874999985455</v>
      </c>
      <c r="B6005" s="8">
        <v>-4.9800999999999998E-2</v>
      </c>
      <c r="C6005">
        <f t="shared" si="280"/>
        <v>21</v>
      </c>
      <c r="D6005">
        <f t="shared" si="281"/>
        <v>9</v>
      </c>
    </row>
    <row r="6006" spans="1:4" x14ac:dyDescent="0.25">
      <c r="A6006" s="7">
        <f t="shared" si="282"/>
        <v>44811.91666665212</v>
      </c>
      <c r="B6006" s="8">
        <v>-4.9800999999999998E-2</v>
      </c>
      <c r="C6006">
        <f t="shared" si="280"/>
        <v>22</v>
      </c>
      <c r="D6006">
        <f t="shared" si="281"/>
        <v>9</v>
      </c>
    </row>
    <row r="6007" spans="1:4" x14ac:dyDescent="0.25">
      <c r="A6007" s="7">
        <f t="shared" si="282"/>
        <v>44811.958333318784</v>
      </c>
      <c r="B6007" s="8">
        <v>-4.9800999999999998E-2</v>
      </c>
      <c r="C6007">
        <f t="shared" si="280"/>
        <v>23</v>
      </c>
      <c r="D6007">
        <f t="shared" si="281"/>
        <v>9</v>
      </c>
    </row>
    <row r="6008" spans="1:4" x14ac:dyDescent="0.25">
      <c r="A6008" s="7">
        <f t="shared" si="282"/>
        <v>44811.999999985448</v>
      </c>
      <c r="B6008" s="8">
        <v>-4.9800999999999998E-2</v>
      </c>
      <c r="C6008">
        <f t="shared" si="280"/>
        <v>0</v>
      </c>
      <c r="D6008">
        <f t="shared" si="281"/>
        <v>9</v>
      </c>
    </row>
    <row r="6009" spans="1:4" x14ac:dyDescent="0.25">
      <c r="A6009" s="7">
        <f t="shared" si="282"/>
        <v>44812.041666652112</v>
      </c>
      <c r="B6009" s="8">
        <v>-4.9800999999999998E-2</v>
      </c>
      <c r="C6009">
        <f t="shared" si="280"/>
        <v>1</v>
      </c>
      <c r="D6009">
        <f t="shared" si="281"/>
        <v>9</v>
      </c>
    </row>
    <row r="6010" spans="1:4" x14ac:dyDescent="0.25">
      <c r="A6010" s="7">
        <f t="shared" si="282"/>
        <v>44812.083333318777</v>
      </c>
      <c r="B6010" s="8">
        <v>-4.9800999999999998E-2</v>
      </c>
      <c r="C6010">
        <f t="shared" si="280"/>
        <v>2</v>
      </c>
      <c r="D6010">
        <f t="shared" si="281"/>
        <v>9</v>
      </c>
    </row>
    <row r="6011" spans="1:4" x14ac:dyDescent="0.25">
      <c r="A6011" s="7">
        <f t="shared" si="282"/>
        <v>44812.124999985441</v>
      </c>
      <c r="B6011" s="8">
        <v>-4.9800999999999998E-2</v>
      </c>
      <c r="C6011">
        <f t="shared" si="280"/>
        <v>3</v>
      </c>
      <c r="D6011">
        <f t="shared" si="281"/>
        <v>9</v>
      </c>
    </row>
    <row r="6012" spans="1:4" x14ac:dyDescent="0.25">
      <c r="A6012" s="7">
        <f t="shared" si="282"/>
        <v>44812.166666652105</v>
      </c>
      <c r="B6012" s="8">
        <v>-4.9800999999999998E-2</v>
      </c>
      <c r="C6012">
        <f t="shared" si="280"/>
        <v>4</v>
      </c>
      <c r="D6012">
        <f t="shared" si="281"/>
        <v>9</v>
      </c>
    </row>
    <row r="6013" spans="1:4" x14ac:dyDescent="0.25">
      <c r="A6013" s="7">
        <f t="shared" si="282"/>
        <v>44812.208333318769</v>
      </c>
      <c r="B6013" s="8">
        <v>-4.9800999999999998E-2</v>
      </c>
      <c r="C6013">
        <f t="shared" si="280"/>
        <v>5</v>
      </c>
      <c r="D6013">
        <f t="shared" si="281"/>
        <v>9</v>
      </c>
    </row>
    <row r="6014" spans="1:4" x14ac:dyDescent="0.25">
      <c r="A6014" s="7">
        <f t="shared" si="282"/>
        <v>44812.249999985434</v>
      </c>
      <c r="B6014" s="8">
        <v>-4.9800999999999998E-2</v>
      </c>
      <c r="C6014">
        <f t="shared" si="280"/>
        <v>6</v>
      </c>
      <c r="D6014">
        <f t="shared" si="281"/>
        <v>9</v>
      </c>
    </row>
    <row r="6015" spans="1:4" x14ac:dyDescent="0.25">
      <c r="A6015" s="7">
        <f t="shared" si="282"/>
        <v>44812.291666652098</v>
      </c>
      <c r="B6015" s="8">
        <v>0.58219376921402688</v>
      </c>
      <c r="C6015">
        <f t="shared" si="280"/>
        <v>7</v>
      </c>
      <c r="D6015">
        <f t="shared" si="281"/>
        <v>9</v>
      </c>
    </row>
    <row r="6016" spans="1:4" x14ac:dyDescent="0.25">
      <c r="A6016" s="7">
        <f t="shared" si="282"/>
        <v>44812.333333318762</v>
      </c>
      <c r="B6016" s="8">
        <v>4.7340568783901382</v>
      </c>
      <c r="C6016">
        <f t="shared" si="280"/>
        <v>8</v>
      </c>
      <c r="D6016">
        <f t="shared" si="281"/>
        <v>9</v>
      </c>
    </row>
    <row r="6017" spans="1:4" x14ac:dyDescent="0.25">
      <c r="A6017" s="7">
        <f t="shared" si="282"/>
        <v>44812.374999985426</v>
      </c>
      <c r="B6017" s="8">
        <v>11.182102874035007</v>
      </c>
      <c r="C6017">
        <f t="shared" si="280"/>
        <v>9</v>
      </c>
      <c r="D6017">
        <f t="shared" si="281"/>
        <v>9</v>
      </c>
    </row>
    <row r="6018" spans="1:4" x14ac:dyDescent="0.25">
      <c r="A6018" s="7">
        <f t="shared" si="282"/>
        <v>44812.41666665209</v>
      </c>
      <c r="B6018" s="8">
        <v>16.33022094020065</v>
      </c>
      <c r="C6018">
        <f t="shared" si="280"/>
        <v>10</v>
      </c>
      <c r="D6018">
        <f t="shared" si="281"/>
        <v>9</v>
      </c>
    </row>
    <row r="6019" spans="1:4" x14ac:dyDescent="0.25">
      <c r="A6019" s="7">
        <f t="shared" si="282"/>
        <v>44812.458333318755</v>
      </c>
      <c r="B6019" s="8">
        <v>20.387460131591727</v>
      </c>
      <c r="C6019">
        <f t="shared" si="280"/>
        <v>11</v>
      </c>
      <c r="D6019">
        <f t="shared" si="281"/>
        <v>9</v>
      </c>
    </row>
    <row r="6020" spans="1:4" x14ac:dyDescent="0.25">
      <c r="A6020" s="7">
        <f t="shared" si="282"/>
        <v>44812.499999985419</v>
      </c>
      <c r="B6020" s="8">
        <v>20.451313987518528</v>
      </c>
      <c r="C6020">
        <f t="shared" si="280"/>
        <v>12</v>
      </c>
      <c r="D6020">
        <f t="shared" si="281"/>
        <v>9</v>
      </c>
    </row>
    <row r="6021" spans="1:4" x14ac:dyDescent="0.25">
      <c r="A6021" s="7">
        <f t="shared" si="282"/>
        <v>44812.541666652083</v>
      </c>
      <c r="B6021" s="8">
        <v>20.45130574259306</v>
      </c>
      <c r="C6021">
        <f t="shared" si="280"/>
        <v>13</v>
      </c>
      <c r="D6021">
        <f t="shared" si="281"/>
        <v>9</v>
      </c>
    </row>
    <row r="6022" spans="1:4" x14ac:dyDescent="0.25">
      <c r="A6022" s="7">
        <f t="shared" si="282"/>
        <v>44812.583333318747</v>
      </c>
      <c r="B6022" s="8">
        <v>19.615840230294324</v>
      </c>
      <c r="C6022">
        <f t="shared" si="280"/>
        <v>14</v>
      </c>
      <c r="D6022">
        <f t="shared" si="281"/>
        <v>9</v>
      </c>
    </row>
    <row r="6023" spans="1:4" x14ac:dyDescent="0.25">
      <c r="A6023" s="7">
        <f t="shared" si="282"/>
        <v>44812.624999985412</v>
      </c>
      <c r="B6023" s="8">
        <v>19.078331895902416</v>
      </c>
      <c r="C6023">
        <f t="shared" si="280"/>
        <v>15</v>
      </c>
      <c r="D6023">
        <f t="shared" si="281"/>
        <v>9</v>
      </c>
    </row>
    <row r="6024" spans="1:4" x14ac:dyDescent="0.25">
      <c r="A6024" s="7">
        <f t="shared" si="282"/>
        <v>44812.666666652076</v>
      </c>
      <c r="B6024" s="8">
        <v>15.335009996898897</v>
      </c>
      <c r="C6024">
        <f t="shared" si="280"/>
        <v>16</v>
      </c>
      <c r="D6024">
        <f t="shared" si="281"/>
        <v>9</v>
      </c>
    </row>
    <row r="6025" spans="1:4" x14ac:dyDescent="0.25">
      <c r="A6025" s="7">
        <f t="shared" si="282"/>
        <v>44812.70833331874</v>
      </c>
      <c r="B6025" s="8">
        <v>10.361719391654322</v>
      </c>
      <c r="C6025">
        <f t="shared" si="280"/>
        <v>17</v>
      </c>
      <c r="D6025">
        <f t="shared" si="281"/>
        <v>9</v>
      </c>
    </row>
    <row r="6026" spans="1:4" x14ac:dyDescent="0.25">
      <c r="A6026" s="7">
        <f t="shared" si="282"/>
        <v>44812.749999985404</v>
      </c>
      <c r="B6026" s="8">
        <v>3.9492152084841012</v>
      </c>
      <c r="C6026">
        <f t="shared" ref="C6026:C6089" si="283">HOUR(A6026)</f>
        <v>18</v>
      </c>
      <c r="D6026">
        <f t="shared" ref="D6026:D6089" si="284">MONTH(A6026)</f>
        <v>9</v>
      </c>
    </row>
    <row r="6027" spans="1:4" x14ac:dyDescent="0.25">
      <c r="A6027" s="7">
        <f t="shared" ref="A6027:A6090" si="285">+A6026+1/24</f>
        <v>44812.791666652069</v>
      </c>
      <c r="B6027" s="8">
        <v>0.38688694403836865</v>
      </c>
      <c r="C6027">
        <f t="shared" si="283"/>
        <v>19</v>
      </c>
      <c r="D6027">
        <f t="shared" si="284"/>
        <v>9</v>
      </c>
    </row>
    <row r="6028" spans="1:4" x14ac:dyDescent="0.25">
      <c r="A6028" s="7">
        <f t="shared" si="285"/>
        <v>44812.833333318733</v>
      </c>
      <c r="B6028" s="8">
        <v>-4.9800999999999998E-2</v>
      </c>
      <c r="C6028">
        <f t="shared" si="283"/>
        <v>20</v>
      </c>
      <c r="D6028">
        <f t="shared" si="284"/>
        <v>9</v>
      </c>
    </row>
    <row r="6029" spans="1:4" x14ac:dyDescent="0.25">
      <c r="A6029" s="7">
        <f t="shared" si="285"/>
        <v>44812.874999985397</v>
      </c>
      <c r="B6029" s="8">
        <v>-4.9800999999999998E-2</v>
      </c>
      <c r="C6029">
        <f t="shared" si="283"/>
        <v>21</v>
      </c>
      <c r="D6029">
        <f t="shared" si="284"/>
        <v>9</v>
      </c>
    </row>
    <row r="6030" spans="1:4" x14ac:dyDescent="0.25">
      <c r="A6030" s="7">
        <f t="shared" si="285"/>
        <v>44812.916666652061</v>
      </c>
      <c r="B6030" s="8">
        <v>-4.9800999999999998E-2</v>
      </c>
      <c r="C6030">
        <f t="shared" si="283"/>
        <v>22</v>
      </c>
      <c r="D6030">
        <f t="shared" si="284"/>
        <v>9</v>
      </c>
    </row>
    <row r="6031" spans="1:4" x14ac:dyDescent="0.25">
      <c r="A6031" s="7">
        <f t="shared" si="285"/>
        <v>44812.958333318726</v>
      </c>
      <c r="B6031" s="8">
        <v>-4.9800999999999998E-2</v>
      </c>
      <c r="C6031">
        <f t="shared" si="283"/>
        <v>23</v>
      </c>
      <c r="D6031">
        <f t="shared" si="284"/>
        <v>9</v>
      </c>
    </row>
    <row r="6032" spans="1:4" x14ac:dyDescent="0.25">
      <c r="A6032" s="7">
        <f t="shared" si="285"/>
        <v>44812.99999998539</v>
      </c>
      <c r="B6032" s="8">
        <v>-4.9800999999999998E-2</v>
      </c>
      <c r="C6032">
        <f t="shared" si="283"/>
        <v>0</v>
      </c>
      <c r="D6032">
        <f t="shared" si="284"/>
        <v>9</v>
      </c>
    </row>
    <row r="6033" spans="1:4" x14ac:dyDescent="0.25">
      <c r="A6033" s="7">
        <f t="shared" si="285"/>
        <v>44813.041666652054</v>
      </c>
      <c r="B6033" s="8">
        <v>-4.9800999999999998E-2</v>
      </c>
      <c r="C6033">
        <f t="shared" si="283"/>
        <v>1</v>
      </c>
      <c r="D6033">
        <f t="shared" si="284"/>
        <v>9</v>
      </c>
    </row>
    <row r="6034" spans="1:4" x14ac:dyDescent="0.25">
      <c r="A6034" s="7">
        <f t="shared" si="285"/>
        <v>44813.083333318718</v>
      </c>
      <c r="B6034" s="8">
        <v>-4.9800999999999998E-2</v>
      </c>
      <c r="C6034">
        <f t="shared" si="283"/>
        <v>2</v>
      </c>
      <c r="D6034">
        <f t="shared" si="284"/>
        <v>9</v>
      </c>
    </row>
    <row r="6035" spans="1:4" x14ac:dyDescent="0.25">
      <c r="A6035" s="7">
        <f t="shared" si="285"/>
        <v>44813.124999985383</v>
      </c>
      <c r="B6035" s="8">
        <v>-4.9800999999999998E-2</v>
      </c>
      <c r="C6035">
        <f t="shared" si="283"/>
        <v>3</v>
      </c>
      <c r="D6035">
        <f t="shared" si="284"/>
        <v>9</v>
      </c>
    </row>
    <row r="6036" spans="1:4" x14ac:dyDescent="0.25">
      <c r="A6036" s="7">
        <f t="shared" si="285"/>
        <v>44813.166666652047</v>
      </c>
      <c r="B6036" s="8">
        <v>-4.9800999999999998E-2</v>
      </c>
      <c r="C6036">
        <f t="shared" si="283"/>
        <v>4</v>
      </c>
      <c r="D6036">
        <f t="shared" si="284"/>
        <v>9</v>
      </c>
    </row>
    <row r="6037" spans="1:4" x14ac:dyDescent="0.25">
      <c r="A6037" s="7">
        <f t="shared" si="285"/>
        <v>44813.208333318711</v>
      </c>
      <c r="B6037" s="8">
        <v>-4.9800999999999998E-2</v>
      </c>
      <c r="C6037">
        <f t="shared" si="283"/>
        <v>5</v>
      </c>
      <c r="D6037">
        <f t="shared" si="284"/>
        <v>9</v>
      </c>
    </row>
    <row r="6038" spans="1:4" x14ac:dyDescent="0.25">
      <c r="A6038" s="7">
        <f t="shared" si="285"/>
        <v>44813.249999985375</v>
      </c>
      <c r="B6038" s="8">
        <v>-4.9800999999999998E-2</v>
      </c>
      <c r="C6038">
        <f t="shared" si="283"/>
        <v>6</v>
      </c>
      <c r="D6038">
        <f t="shared" si="284"/>
        <v>9</v>
      </c>
    </row>
    <row r="6039" spans="1:4" x14ac:dyDescent="0.25">
      <c r="A6039" s="7">
        <f t="shared" si="285"/>
        <v>44813.29166665204</v>
      </c>
      <c r="B6039" s="8">
        <v>0.58921947633110805</v>
      </c>
      <c r="C6039">
        <f t="shared" si="283"/>
        <v>7</v>
      </c>
      <c r="D6039">
        <f t="shared" si="284"/>
        <v>9</v>
      </c>
    </row>
    <row r="6040" spans="1:4" x14ac:dyDescent="0.25">
      <c r="A6040" s="7">
        <f t="shared" si="285"/>
        <v>44813.333333318704</v>
      </c>
      <c r="B6040" s="8">
        <v>4.8003471097936545</v>
      </c>
      <c r="C6040">
        <f t="shared" si="283"/>
        <v>8</v>
      </c>
      <c r="D6040">
        <f t="shared" si="284"/>
        <v>9</v>
      </c>
    </row>
    <row r="6041" spans="1:4" x14ac:dyDescent="0.25">
      <c r="A6041" s="7">
        <f t="shared" si="285"/>
        <v>44813.374999985368</v>
      </c>
      <c r="B6041" s="8">
        <v>10.856885911289273</v>
      </c>
      <c r="C6041">
        <f t="shared" si="283"/>
        <v>9</v>
      </c>
      <c r="D6041">
        <f t="shared" si="284"/>
        <v>9</v>
      </c>
    </row>
    <row r="6042" spans="1:4" x14ac:dyDescent="0.25">
      <c r="A6042" s="7">
        <f t="shared" si="285"/>
        <v>44813.416666652032</v>
      </c>
      <c r="B6042" s="8">
        <v>16.135557219211741</v>
      </c>
      <c r="C6042">
        <f t="shared" si="283"/>
        <v>10</v>
      </c>
      <c r="D6042">
        <f t="shared" si="284"/>
        <v>9</v>
      </c>
    </row>
    <row r="6043" spans="1:4" x14ac:dyDescent="0.25">
      <c r="A6043" s="7">
        <f t="shared" si="285"/>
        <v>44813.458333318697</v>
      </c>
      <c r="B6043" s="8">
        <v>20.366110927699939</v>
      </c>
      <c r="C6043">
        <f t="shared" si="283"/>
        <v>11</v>
      </c>
      <c r="D6043">
        <f t="shared" si="284"/>
        <v>9</v>
      </c>
    </row>
    <row r="6044" spans="1:4" x14ac:dyDescent="0.25">
      <c r="A6044" s="7">
        <f t="shared" si="285"/>
        <v>44813.499999985361</v>
      </c>
      <c r="B6044" s="8">
        <v>20.451312956902846</v>
      </c>
      <c r="C6044">
        <f t="shared" si="283"/>
        <v>12</v>
      </c>
      <c r="D6044">
        <f t="shared" si="284"/>
        <v>9</v>
      </c>
    </row>
    <row r="6045" spans="1:4" x14ac:dyDescent="0.25">
      <c r="A6045" s="7">
        <f t="shared" si="285"/>
        <v>44813.541666652025</v>
      </c>
      <c r="B6045" s="8">
        <v>20.45130574259306</v>
      </c>
      <c r="C6045">
        <f t="shared" si="283"/>
        <v>13</v>
      </c>
      <c r="D6045">
        <f t="shared" si="284"/>
        <v>9</v>
      </c>
    </row>
    <row r="6046" spans="1:4" x14ac:dyDescent="0.25">
      <c r="A6046" s="7">
        <f t="shared" si="285"/>
        <v>44813.583333318689</v>
      </c>
      <c r="B6046" s="8">
        <v>20.451307803824424</v>
      </c>
      <c r="C6046">
        <f t="shared" si="283"/>
        <v>14</v>
      </c>
      <c r="D6046">
        <f t="shared" si="284"/>
        <v>9</v>
      </c>
    </row>
    <row r="6047" spans="1:4" x14ac:dyDescent="0.25">
      <c r="A6047" s="7">
        <f t="shared" si="285"/>
        <v>44813.624999985353</v>
      </c>
      <c r="B6047" s="8">
        <v>19.563630270364115</v>
      </c>
      <c r="C6047">
        <f t="shared" si="283"/>
        <v>15</v>
      </c>
      <c r="D6047">
        <f t="shared" si="284"/>
        <v>9</v>
      </c>
    </row>
    <row r="6048" spans="1:4" x14ac:dyDescent="0.25">
      <c r="A6048" s="7">
        <f t="shared" si="285"/>
        <v>44813.666666652018</v>
      </c>
      <c r="B6048" s="8">
        <v>15.499472555887083</v>
      </c>
      <c r="C6048">
        <f t="shared" si="283"/>
        <v>16</v>
      </c>
      <c r="D6048">
        <f t="shared" si="284"/>
        <v>9</v>
      </c>
    </row>
    <row r="6049" spans="1:4" x14ac:dyDescent="0.25">
      <c r="A6049" s="7">
        <f t="shared" si="285"/>
        <v>44813.708333318682</v>
      </c>
      <c r="B6049" s="8">
        <v>10.365718180507816</v>
      </c>
      <c r="C6049">
        <f t="shared" si="283"/>
        <v>17</v>
      </c>
      <c r="D6049">
        <f t="shared" si="284"/>
        <v>9</v>
      </c>
    </row>
    <row r="6050" spans="1:4" x14ac:dyDescent="0.25">
      <c r="A6050" s="7">
        <f t="shared" si="285"/>
        <v>44813.749999985346</v>
      </c>
      <c r="B6050" s="8">
        <v>4.0433073285762466</v>
      </c>
      <c r="C6050">
        <f t="shared" si="283"/>
        <v>18</v>
      </c>
      <c r="D6050">
        <f t="shared" si="284"/>
        <v>9</v>
      </c>
    </row>
    <row r="6051" spans="1:4" x14ac:dyDescent="0.25">
      <c r="A6051" s="7">
        <f t="shared" si="285"/>
        <v>44813.79166665201</v>
      </c>
      <c r="B6051" s="8">
        <v>0.35362588407217238</v>
      </c>
      <c r="C6051">
        <f t="shared" si="283"/>
        <v>19</v>
      </c>
      <c r="D6051">
        <f t="shared" si="284"/>
        <v>9</v>
      </c>
    </row>
    <row r="6052" spans="1:4" x14ac:dyDescent="0.25">
      <c r="A6052" s="7">
        <f t="shared" si="285"/>
        <v>44813.833333318675</v>
      </c>
      <c r="B6052" s="8">
        <v>-4.9800999999999998E-2</v>
      </c>
      <c r="C6052">
        <f t="shared" si="283"/>
        <v>20</v>
      </c>
      <c r="D6052">
        <f t="shared" si="284"/>
        <v>9</v>
      </c>
    </row>
    <row r="6053" spans="1:4" x14ac:dyDescent="0.25">
      <c r="A6053" s="7">
        <f t="shared" si="285"/>
        <v>44813.874999985339</v>
      </c>
      <c r="B6053" s="8">
        <v>-4.9800999999999998E-2</v>
      </c>
      <c r="C6053">
        <f t="shared" si="283"/>
        <v>21</v>
      </c>
      <c r="D6053">
        <f t="shared" si="284"/>
        <v>9</v>
      </c>
    </row>
    <row r="6054" spans="1:4" x14ac:dyDescent="0.25">
      <c r="A6054" s="7">
        <f t="shared" si="285"/>
        <v>44813.916666652003</v>
      </c>
      <c r="B6054" s="8">
        <v>-4.9800999999999998E-2</v>
      </c>
      <c r="C6054">
        <f t="shared" si="283"/>
        <v>22</v>
      </c>
      <c r="D6054">
        <f t="shared" si="284"/>
        <v>9</v>
      </c>
    </row>
    <row r="6055" spans="1:4" x14ac:dyDescent="0.25">
      <c r="A6055" s="7">
        <f t="shared" si="285"/>
        <v>44813.958333318667</v>
      </c>
      <c r="B6055" s="8">
        <v>-4.9800999999999998E-2</v>
      </c>
      <c r="C6055">
        <f t="shared" si="283"/>
        <v>23</v>
      </c>
      <c r="D6055">
        <f t="shared" si="284"/>
        <v>9</v>
      </c>
    </row>
    <row r="6056" spans="1:4" x14ac:dyDescent="0.25">
      <c r="A6056" s="7">
        <f t="shared" si="285"/>
        <v>44813.999999985332</v>
      </c>
      <c r="B6056" s="8">
        <v>-4.9800999999999998E-2</v>
      </c>
      <c r="C6056">
        <f t="shared" si="283"/>
        <v>0</v>
      </c>
      <c r="D6056">
        <f t="shared" si="284"/>
        <v>9</v>
      </c>
    </row>
    <row r="6057" spans="1:4" x14ac:dyDescent="0.25">
      <c r="A6057" s="7">
        <f t="shared" si="285"/>
        <v>44814.041666651996</v>
      </c>
      <c r="B6057" s="8">
        <v>-4.9800999999999998E-2</v>
      </c>
      <c r="C6057">
        <f t="shared" si="283"/>
        <v>1</v>
      </c>
      <c r="D6057">
        <f t="shared" si="284"/>
        <v>9</v>
      </c>
    </row>
    <row r="6058" spans="1:4" x14ac:dyDescent="0.25">
      <c r="A6058" s="7">
        <f t="shared" si="285"/>
        <v>44814.08333331866</v>
      </c>
      <c r="B6058" s="8">
        <v>-4.9800999999999998E-2</v>
      </c>
      <c r="C6058">
        <f t="shared" si="283"/>
        <v>2</v>
      </c>
      <c r="D6058">
        <f t="shared" si="284"/>
        <v>9</v>
      </c>
    </row>
    <row r="6059" spans="1:4" x14ac:dyDescent="0.25">
      <c r="A6059" s="7">
        <f t="shared" si="285"/>
        <v>44814.124999985324</v>
      </c>
      <c r="B6059" s="8">
        <v>-4.9800999999999998E-2</v>
      </c>
      <c r="C6059">
        <f t="shared" si="283"/>
        <v>3</v>
      </c>
      <c r="D6059">
        <f t="shared" si="284"/>
        <v>9</v>
      </c>
    </row>
    <row r="6060" spans="1:4" x14ac:dyDescent="0.25">
      <c r="A6060" s="7">
        <f t="shared" si="285"/>
        <v>44814.166666651989</v>
      </c>
      <c r="B6060" s="8">
        <v>-4.9800999999999998E-2</v>
      </c>
      <c r="C6060">
        <f t="shared" si="283"/>
        <v>4</v>
      </c>
      <c r="D6060">
        <f t="shared" si="284"/>
        <v>9</v>
      </c>
    </row>
    <row r="6061" spans="1:4" x14ac:dyDescent="0.25">
      <c r="A6061" s="7">
        <f t="shared" si="285"/>
        <v>44814.208333318653</v>
      </c>
      <c r="B6061" s="8">
        <v>-4.9800999999999998E-2</v>
      </c>
      <c r="C6061">
        <f t="shared" si="283"/>
        <v>5</v>
      </c>
      <c r="D6061">
        <f t="shared" si="284"/>
        <v>9</v>
      </c>
    </row>
    <row r="6062" spans="1:4" x14ac:dyDescent="0.25">
      <c r="A6062" s="7">
        <f t="shared" si="285"/>
        <v>44814.249999985317</v>
      </c>
      <c r="B6062" s="8">
        <v>-4.9800999999999998E-2</v>
      </c>
      <c r="C6062">
        <f t="shared" si="283"/>
        <v>6</v>
      </c>
      <c r="D6062">
        <f t="shared" si="284"/>
        <v>9</v>
      </c>
    </row>
    <row r="6063" spans="1:4" x14ac:dyDescent="0.25">
      <c r="A6063" s="7">
        <f t="shared" si="285"/>
        <v>44814.291666651981</v>
      </c>
      <c r="B6063" s="8">
        <v>0.55363128615068713</v>
      </c>
      <c r="C6063">
        <f t="shared" si="283"/>
        <v>7</v>
      </c>
      <c r="D6063">
        <f t="shared" si="284"/>
        <v>9</v>
      </c>
    </row>
    <row r="6064" spans="1:4" x14ac:dyDescent="0.25">
      <c r="A6064" s="7">
        <f t="shared" si="285"/>
        <v>44814.333333318646</v>
      </c>
      <c r="B6064" s="8">
        <v>4.6621281485800568</v>
      </c>
      <c r="C6064">
        <f t="shared" si="283"/>
        <v>8</v>
      </c>
      <c r="D6064">
        <f t="shared" si="284"/>
        <v>9</v>
      </c>
    </row>
    <row r="6065" spans="1:4" x14ac:dyDescent="0.25">
      <c r="A6065" s="7">
        <f t="shared" si="285"/>
        <v>44814.37499998531</v>
      </c>
      <c r="B6065" s="8">
        <v>10.959006527558925</v>
      </c>
      <c r="C6065">
        <f t="shared" si="283"/>
        <v>9</v>
      </c>
      <c r="D6065">
        <f t="shared" si="284"/>
        <v>9</v>
      </c>
    </row>
    <row r="6066" spans="1:4" x14ac:dyDescent="0.25">
      <c r="A6066" s="7">
        <f t="shared" si="285"/>
        <v>44814.416666651974</v>
      </c>
      <c r="B6066" s="8">
        <v>16.516864409937526</v>
      </c>
      <c r="C6066">
        <f t="shared" si="283"/>
        <v>10</v>
      </c>
      <c r="D6066">
        <f t="shared" si="284"/>
        <v>9</v>
      </c>
    </row>
    <row r="6067" spans="1:4" x14ac:dyDescent="0.25">
      <c r="A6067" s="7">
        <f t="shared" si="285"/>
        <v>44814.458333318638</v>
      </c>
      <c r="B6067" s="8">
        <v>20.442027109590992</v>
      </c>
      <c r="C6067">
        <f t="shared" si="283"/>
        <v>11</v>
      </c>
      <c r="D6067">
        <f t="shared" si="284"/>
        <v>9</v>
      </c>
    </row>
    <row r="6068" spans="1:4" x14ac:dyDescent="0.25">
      <c r="A6068" s="7">
        <f t="shared" si="285"/>
        <v>44814.499999985303</v>
      </c>
      <c r="B6068" s="8">
        <v>20.451313987518528</v>
      </c>
      <c r="C6068">
        <f t="shared" si="283"/>
        <v>12</v>
      </c>
      <c r="D6068">
        <f t="shared" si="284"/>
        <v>9</v>
      </c>
    </row>
    <row r="6069" spans="1:4" x14ac:dyDescent="0.25">
      <c r="A6069" s="7">
        <f t="shared" si="285"/>
        <v>44814.541666651967</v>
      </c>
      <c r="B6069" s="8">
        <v>20.451307803824424</v>
      </c>
      <c r="C6069">
        <f t="shared" si="283"/>
        <v>13</v>
      </c>
      <c r="D6069">
        <f t="shared" si="284"/>
        <v>9</v>
      </c>
    </row>
    <row r="6070" spans="1:4" x14ac:dyDescent="0.25">
      <c r="A6070" s="7">
        <f t="shared" si="285"/>
        <v>44814.583333318631</v>
      </c>
      <c r="B6070" s="8">
        <v>20.451312956902846</v>
      </c>
      <c r="C6070">
        <f t="shared" si="283"/>
        <v>14</v>
      </c>
      <c r="D6070">
        <f t="shared" si="284"/>
        <v>9</v>
      </c>
    </row>
    <row r="6071" spans="1:4" x14ac:dyDescent="0.25">
      <c r="A6071" s="7">
        <f t="shared" si="285"/>
        <v>44814.624999985295</v>
      </c>
      <c r="B6071" s="8">
        <v>19.982409616740476</v>
      </c>
      <c r="C6071">
        <f t="shared" si="283"/>
        <v>15</v>
      </c>
      <c r="D6071">
        <f t="shared" si="284"/>
        <v>9</v>
      </c>
    </row>
    <row r="6072" spans="1:4" x14ac:dyDescent="0.25">
      <c r="A6072" s="7">
        <f t="shared" si="285"/>
        <v>44814.66666665196</v>
      </c>
      <c r="B6072" s="8">
        <v>15.619603181232721</v>
      </c>
      <c r="C6072">
        <f t="shared" si="283"/>
        <v>16</v>
      </c>
      <c r="D6072">
        <f t="shared" si="284"/>
        <v>9</v>
      </c>
    </row>
    <row r="6073" spans="1:4" x14ac:dyDescent="0.25">
      <c r="A6073" s="7">
        <f t="shared" si="285"/>
        <v>44814.708333318624</v>
      </c>
      <c r="B6073" s="8">
        <v>10.106327672107852</v>
      </c>
      <c r="C6073">
        <f t="shared" si="283"/>
        <v>17</v>
      </c>
      <c r="D6073">
        <f t="shared" si="284"/>
        <v>9</v>
      </c>
    </row>
    <row r="6074" spans="1:4" x14ac:dyDescent="0.25">
      <c r="A6074" s="7">
        <f t="shared" si="285"/>
        <v>44814.749999985288</v>
      </c>
      <c r="B6074" s="8">
        <v>3.6019307027149066</v>
      </c>
      <c r="C6074">
        <f t="shared" si="283"/>
        <v>18</v>
      </c>
      <c r="D6074">
        <f t="shared" si="284"/>
        <v>9</v>
      </c>
    </row>
    <row r="6075" spans="1:4" x14ac:dyDescent="0.25">
      <c r="A6075" s="7">
        <f t="shared" si="285"/>
        <v>44814.791666651952</v>
      </c>
      <c r="B6075" s="8">
        <v>0.31485206081284622</v>
      </c>
      <c r="C6075">
        <f t="shared" si="283"/>
        <v>19</v>
      </c>
      <c r="D6075">
        <f t="shared" si="284"/>
        <v>9</v>
      </c>
    </row>
    <row r="6076" spans="1:4" x14ac:dyDescent="0.25">
      <c r="A6076" s="7">
        <f t="shared" si="285"/>
        <v>44814.833333318616</v>
      </c>
      <c r="B6076" s="8">
        <v>-4.9800999999999998E-2</v>
      </c>
      <c r="C6076">
        <f t="shared" si="283"/>
        <v>20</v>
      </c>
      <c r="D6076">
        <f t="shared" si="284"/>
        <v>9</v>
      </c>
    </row>
    <row r="6077" spans="1:4" x14ac:dyDescent="0.25">
      <c r="A6077" s="7">
        <f t="shared" si="285"/>
        <v>44814.874999985281</v>
      </c>
      <c r="B6077" s="8">
        <v>-4.9800999999999998E-2</v>
      </c>
      <c r="C6077">
        <f t="shared" si="283"/>
        <v>21</v>
      </c>
      <c r="D6077">
        <f t="shared" si="284"/>
        <v>9</v>
      </c>
    </row>
    <row r="6078" spans="1:4" x14ac:dyDescent="0.25">
      <c r="A6078" s="7">
        <f t="shared" si="285"/>
        <v>44814.916666651945</v>
      </c>
      <c r="B6078" s="8">
        <v>-4.9800999999999998E-2</v>
      </c>
      <c r="C6078">
        <f t="shared" si="283"/>
        <v>22</v>
      </c>
      <c r="D6078">
        <f t="shared" si="284"/>
        <v>9</v>
      </c>
    </row>
    <row r="6079" spans="1:4" x14ac:dyDescent="0.25">
      <c r="A6079" s="7">
        <f t="shared" si="285"/>
        <v>44814.958333318609</v>
      </c>
      <c r="B6079" s="8">
        <v>-4.9800999999999998E-2</v>
      </c>
      <c r="C6079">
        <f t="shared" si="283"/>
        <v>23</v>
      </c>
      <c r="D6079">
        <f t="shared" si="284"/>
        <v>9</v>
      </c>
    </row>
    <row r="6080" spans="1:4" x14ac:dyDescent="0.25">
      <c r="A6080" s="7">
        <f t="shared" si="285"/>
        <v>44814.999999985273</v>
      </c>
      <c r="B6080" s="8">
        <v>-4.9800999999999998E-2</v>
      </c>
      <c r="C6080">
        <f t="shared" si="283"/>
        <v>0</v>
      </c>
      <c r="D6080">
        <f t="shared" si="284"/>
        <v>9</v>
      </c>
    </row>
    <row r="6081" spans="1:4" x14ac:dyDescent="0.25">
      <c r="A6081" s="7">
        <f t="shared" si="285"/>
        <v>44815.041666651938</v>
      </c>
      <c r="B6081" s="8">
        <v>-4.9800999999999998E-2</v>
      </c>
      <c r="C6081">
        <f t="shared" si="283"/>
        <v>1</v>
      </c>
      <c r="D6081">
        <f t="shared" si="284"/>
        <v>9</v>
      </c>
    </row>
    <row r="6082" spans="1:4" x14ac:dyDescent="0.25">
      <c r="A6082" s="7">
        <f t="shared" si="285"/>
        <v>44815.083333318602</v>
      </c>
      <c r="B6082" s="8">
        <v>-4.9800999999999998E-2</v>
      </c>
      <c r="C6082">
        <f t="shared" si="283"/>
        <v>2</v>
      </c>
      <c r="D6082">
        <f t="shared" si="284"/>
        <v>9</v>
      </c>
    </row>
    <row r="6083" spans="1:4" x14ac:dyDescent="0.25">
      <c r="A6083" s="7">
        <f t="shared" si="285"/>
        <v>44815.124999985266</v>
      </c>
      <c r="B6083" s="8">
        <v>-4.9800999999999998E-2</v>
      </c>
      <c r="C6083">
        <f t="shared" si="283"/>
        <v>3</v>
      </c>
      <c r="D6083">
        <f t="shared" si="284"/>
        <v>9</v>
      </c>
    </row>
    <row r="6084" spans="1:4" x14ac:dyDescent="0.25">
      <c r="A6084" s="7">
        <f t="shared" si="285"/>
        <v>44815.16666665193</v>
      </c>
      <c r="B6084" s="8">
        <v>-4.9800999999999998E-2</v>
      </c>
      <c r="C6084">
        <f t="shared" si="283"/>
        <v>4</v>
      </c>
      <c r="D6084">
        <f t="shared" si="284"/>
        <v>9</v>
      </c>
    </row>
    <row r="6085" spans="1:4" x14ac:dyDescent="0.25">
      <c r="A6085" s="7">
        <f t="shared" si="285"/>
        <v>44815.208333318595</v>
      </c>
      <c r="B6085" s="8">
        <v>-4.9800999999999998E-2</v>
      </c>
      <c r="C6085">
        <f t="shared" si="283"/>
        <v>5</v>
      </c>
      <c r="D6085">
        <f t="shared" si="284"/>
        <v>9</v>
      </c>
    </row>
    <row r="6086" spans="1:4" x14ac:dyDescent="0.25">
      <c r="A6086" s="7">
        <f t="shared" si="285"/>
        <v>44815.249999985259</v>
      </c>
      <c r="B6086" s="8">
        <v>-4.9800999999999998E-2</v>
      </c>
      <c r="C6086">
        <f t="shared" si="283"/>
        <v>6</v>
      </c>
      <c r="D6086">
        <f t="shared" si="284"/>
        <v>9</v>
      </c>
    </row>
    <row r="6087" spans="1:4" x14ac:dyDescent="0.25">
      <c r="A6087" s="7">
        <f t="shared" si="285"/>
        <v>44815.291666651923</v>
      </c>
      <c r="B6087" s="8">
        <v>0.50931996482181763</v>
      </c>
      <c r="C6087">
        <f t="shared" si="283"/>
        <v>7</v>
      </c>
      <c r="D6087">
        <f t="shared" si="284"/>
        <v>9</v>
      </c>
    </row>
    <row r="6088" spans="1:4" x14ac:dyDescent="0.25">
      <c r="A6088" s="7">
        <f t="shared" si="285"/>
        <v>44815.333333318587</v>
      </c>
      <c r="B6088" s="8">
        <v>4.2029661878618185</v>
      </c>
      <c r="C6088">
        <f t="shared" si="283"/>
        <v>8</v>
      </c>
      <c r="D6088">
        <f t="shared" si="284"/>
        <v>9</v>
      </c>
    </row>
    <row r="6089" spans="1:4" x14ac:dyDescent="0.25">
      <c r="A6089" s="7">
        <f t="shared" si="285"/>
        <v>44815.374999985252</v>
      </c>
      <c r="B6089" s="8">
        <v>2.8376879484827886</v>
      </c>
      <c r="C6089">
        <f t="shared" si="283"/>
        <v>9</v>
      </c>
      <c r="D6089">
        <f t="shared" si="284"/>
        <v>9</v>
      </c>
    </row>
    <row r="6090" spans="1:4" x14ac:dyDescent="0.25">
      <c r="A6090" s="7">
        <f t="shared" si="285"/>
        <v>44815.416666651916</v>
      </c>
      <c r="B6090" s="8">
        <v>3.0882769989423298</v>
      </c>
      <c r="C6090">
        <f t="shared" ref="C6090:C6153" si="286">HOUR(A6090)</f>
        <v>10</v>
      </c>
      <c r="D6090">
        <f t="shared" ref="D6090:D6153" si="287">MONTH(A6090)</f>
        <v>9</v>
      </c>
    </row>
    <row r="6091" spans="1:4" x14ac:dyDescent="0.25">
      <c r="A6091" s="7">
        <f t="shared" ref="A6091:A6154" si="288">+A6090+1/24</f>
        <v>44815.45833331858</v>
      </c>
      <c r="B6091" s="8">
        <v>3.0249487570143141</v>
      </c>
      <c r="C6091">
        <f t="shared" si="286"/>
        <v>11</v>
      </c>
      <c r="D6091">
        <f t="shared" si="287"/>
        <v>9</v>
      </c>
    </row>
    <row r="6092" spans="1:4" x14ac:dyDescent="0.25">
      <c r="A6092" s="7">
        <f t="shared" si="288"/>
        <v>44815.499999985244</v>
      </c>
      <c r="B6092" s="8">
        <v>19.705148232381852</v>
      </c>
      <c r="C6092">
        <f t="shared" si="286"/>
        <v>12</v>
      </c>
      <c r="D6092">
        <f t="shared" si="287"/>
        <v>9</v>
      </c>
    </row>
    <row r="6093" spans="1:4" x14ac:dyDescent="0.25">
      <c r="A6093" s="7">
        <f t="shared" si="288"/>
        <v>44815.541666651909</v>
      </c>
      <c r="B6093" s="8">
        <v>20.45130574259306</v>
      </c>
      <c r="C6093">
        <f t="shared" si="286"/>
        <v>13</v>
      </c>
      <c r="D6093">
        <f t="shared" si="287"/>
        <v>9</v>
      </c>
    </row>
    <row r="6094" spans="1:4" x14ac:dyDescent="0.25">
      <c r="A6094" s="7">
        <f t="shared" si="288"/>
        <v>44815.583333318573</v>
      </c>
      <c r="B6094" s="8">
        <v>20.451309865055794</v>
      </c>
      <c r="C6094">
        <f t="shared" si="286"/>
        <v>14</v>
      </c>
      <c r="D6094">
        <f t="shared" si="287"/>
        <v>9</v>
      </c>
    </row>
    <row r="6095" spans="1:4" x14ac:dyDescent="0.25">
      <c r="A6095" s="7">
        <f t="shared" si="288"/>
        <v>44815.624999985237</v>
      </c>
      <c r="B6095" s="8">
        <v>20.10104069626605</v>
      </c>
      <c r="C6095">
        <f t="shared" si="286"/>
        <v>15</v>
      </c>
      <c r="D6095">
        <f t="shared" si="287"/>
        <v>9</v>
      </c>
    </row>
    <row r="6096" spans="1:4" x14ac:dyDescent="0.25">
      <c r="A6096" s="7">
        <f t="shared" si="288"/>
        <v>44815.666666651901</v>
      </c>
      <c r="B6096" s="8">
        <v>16.027726992053335</v>
      </c>
      <c r="C6096">
        <f t="shared" si="286"/>
        <v>16</v>
      </c>
      <c r="D6096">
        <f t="shared" si="287"/>
        <v>9</v>
      </c>
    </row>
    <row r="6097" spans="1:4" x14ac:dyDescent="0.25">
      <c r="A6097" s="7">
        <f t="shared" si="288"/>
        <v>44815.708333318566</v>
      </c>
      <c r="B6097" s="8">
        <v>10.314719194006182</v>
      </c>
      <c r="C6097">
        <f t="shared" si="286"/>
        <v>17</v>
      </c>
      <c r="D6097">
        <f t="shared" si="287"/>
        <v>9</v>
      </c>
    </row>
    <row r="6098" spans="1:4" x14ac:dyDescent="0.25">
      <c r="A6098" s="7">
        <f t="shared" si="288"/>
        <v>44815.74999998523</v>
      </c>
      <c r="B6098" s="8">
        <v>4.1517837517684519</v>
      </c>
      <c r="C6098">
        <f t="shared" si="286"/>
        <v>18</v>
      </c>
      <c r="D6098">
        <f t="shared" si="287"/>
        <v>9</v>
      </c>
    </row>
    <row r="6099" spans="1:4" x14ac:dyDescent="0.25">
      <c r="A6099" s="7">
        <f t="shared" si="288"/>
        <v>44815.791666651894</v>
      </c>
      <c r="B6099" s="8">
        <v>0.33760908572883103</v>
      </c>
      <c r="C6099">
        <f t="shared" si="286"/>
        <v>19</v>
      </c>
      <c r="D6099">
        <f t="shared" si="287"/>
        <v>9</v>
      </c>
    </row>
    <row r="6100" spans="1:4" x14ac:dyDescent="0.25">
      <c r="A6100" s="7">
        <f t="shared" si="288"/>
        <v>44815.833333318558</v>
      </c>
      <c r="B6100" s="8">
        <v>-4.9800999999999998E-2</v>
      </c>
      <c r="C6100">
        <f t="shared" si="286"/>
        <v>20</v>
      </c>
      <c r="D6100">
        <f t="shared" si="287"/>
        <v>9</v>
      </c>
    </row>
    <row r="6101" spans="1:4" x14ac:dyDescent="0.25">
      <c r="A6101" s="7">
        <f t="shared" si="288"/>
        <v>44815.874999985223</v>
      </c>
      <c r="B6101" s="8">
        <v>-4.9800999999999998E-2</v>
      </c>
      <c r="C6101">
        <f t="shared" si="286"/>
        <v>21</v>
      </c>
      <c r="D6101">
        <f t="shared" si="287"/>
        <v>9</v>
      </c>
    </row>
    <row r="6102" spans="1:4" x14ac:dyDescent="0.25">
      <c r="A6102" s="7">
        <f t="shared" si="288"/>
        <v>44815.916666651887</v>
      </c>
      <c r="B6102" s="8">
        <v>-4.9800999999999998E-2</v>
      </c>
      <c r="C6102">
        <f t="shared" si="286"/>
        <v>22</v>
      </c>
      <c r="D6102">
        <f t="shared" si="287"/>
        <v>9</v>
      </c>
    </row>
    <row r="6103" spans="1:4" x14ac:dyDescent="0.25">
      <c r="A6103" s="7">
        <f t="shared" si="288"/>
        <v>44815.958333318551</v>
      </c>
      <c r="B6103" s="8">
        <v>-4.9800999999999998E-2</v>
      </c>
      <c r="C6103">
        <f t="shared" si="286"/>
        <v>23</v>
      </c>
      <c r="D6103">
        <f t="shared" si="287"/>
        <v>9</v>
      </c>
    </row>
    <row r="6104" spans="1:4" x14ac:dyDescent="0.25">
      <c r="A6104" s="7">
        <f t="shared" si="288"/>
        <v>44815.999999985215</v>
      </c>
      <c r="B6104" s="8">
        <v>-4.9800999999999998E-2</v>
      </c>
      <c r="C6104">
        <f t="shared" si="286"/>
        <v>0</v>
      </c>
      <c r="D6104">
        <f t="shared" si="287"/>
        <v>9</v>
      </c>
    </row>
    <row r="6105" spans="1:4" x14ac:dyDescent="0.25">
      <c r="A6105" s="7">
        <f t="shared" si="288"/>
        <v>44816.041666651879</v>
      </c>
      <c r="B6105" s="8">
        <v>-4.9800999999999998E-2</v>
      </c>
      <c r="C6105">
        <f t="shared" si="286"/>
        <v>1</v>
      </c>
      <c r="D6105">
        <f t="shared" si="287"/>
        <v>9</v>
      </c>
    </row>
    <row r="6106" spans="1:4" x14ac:dyDescent="0.25">
      <c r="A6106" s="7">
        <f t="shared" si="288"/>
        <v>44816.083333318544</v>
      </c>
      <c r="B6106" s="8">
        <v>-4.9800999999999998E-2</v>
      </c>
      <c r="C6106">
        <f t="shared" si="286"/>
        <v>2</v>
      </c>
      <c r="D6106">
        <f t="shared" si="287"/>
        <v>9</v>
      </c>
    </row>
    <row r="6107" spans="1:4" x14ac:dyDescent="0.25">
      <c r="A6107" s="7">
        <f t="shared" si="288"/>
        <v>44816.124999985208</v>
      </c>
      <c r="B6107" s="8">
        <v>-4.9800999999999998E-2</v>
      </c>
      <c r="C6107">
        <f t="shared" si="286"/>
        <v>3</v>
      </c>
      <c r="D6107">
        <f t="shared" si="287"/>
        <v>9</v>
      </c>
    </row>
    <row r="6108" spans="1:4" x14ac:dyDescent="0.25">
      <c r="A6108" s="7">
        <f t="shared" si="288"/>
        <v>44816.166666651872</v>
      </c>
      <c r="B6108" s="8">
        <v>-4.9800999999999998E-2</v>
      </c>
      <c r="C6108">
        <f t="shared" si="286"/>
        <v>4</v>
      </c>
      <c r="D6108">
        <f t="shared" si="287"/>
        <v>9</v>
      </c>
    </row>
    <row r="6109" spans="1:4" x14ac:dyDescent="0.25">
      <c r="A6109" s="7">
        <f t="shared" si="288"/>
        <v>44816.208333318536</v>
      </c>
      <c r="B6109" s="8">
        <v>-4.9800999999999998E-2</v>
      </c>
      <c r="C6109">
        <f t="shared" si="286"/>
        <v>5</v>
      </c>
      <c r="D6109">
        <f t="shared" si="287"/>
        <v>9</v>
      </c>
    </row>
    <row r="6110" spans="1:4" x14ac:dyDescent="0.25">
      <c r="A6110" s="7">
        <f t="shared" si="288"/>
        <v>44816.249999985201</v>
      </c>
      <c r="B6110" s="8">
        <v>-4.9800999999999998E-2</v>
      </c>
      <c r="C6110">
        <f t="shared" si="286"/>
        <v>6</v>
      </c>
      <c r="D6110">
        <f t="shared" si="287"/>
        <v>9</v>
      </c>
    </row>
    <row r="6111" spans="1:4" x14ac:dyDescent="0.25">
      <c r="A6111" s="7">
        <f t="shared" si="288"/>
        <v>44816.291666651865</v>
      </c>
      <c r="B6111" s="8">
        <v>0.38010755406973729</v>
      </c>
      <c r="C6111">
        <f t="shared" si="286"/>
        <v>7</v>
      </c>
      <c r="D6111">
        <f t="shared" si="287"/>
        <v>9</v>
      </c>
    </row>
    <row r="6112" spans="1:4" x14ac:dyDescent="0.25">
      <c r="A6112" s="7">
        <f t="shared" si="288"/>
        <v>44816.333333318529</v>
      </c>
      <c r="B6112" s="8">
        <v>4.0081427214419056</v>
      </c>
      <c r="C6112">
        <f t="shared" si="286"/>
        <v>8</v>
      </c>
      <c r="D6112">
        <f t="shared" si="287"/>
        <v>9</v>
      </c>
    </row>
    <row r="6113" spans="1:4" x14ac:dyDescent="0.25">
      <c r="A6113" s="7">
        <f t="shared" si="288"/>
        <v>44816.374999985193</v>
      </c>
      <c r="B6113" s="8">
        <v>11.313355903841188</v>
      </c>
      <c r="C6113">
        <f t="shared" si="286"/>
        <v>9</v>
      </c>
      <c r="D6113">
        <f t="shared" si="287"/>
        <v>9</v>
      </c>
    </row>
    <row r="6114" spans="1:4" x14ac:dyDescent="0.25">
      <c r="A6114" s="7">
        <f t="shared" si="288"/>
        <v>44816.416666651858</v>
      </c>
      <c r="B6114" s="8">
        <v>17.900032076357526</v>
      </c>
      <c r="C6114">
        <f t="shared" si="286"/>
        <v>10</v>
      </c>
      <c r="D6114">
        <f t="shared" si="287"/>
        <v>9</v>
      </c>
    </row>
    <row r="6115" spans="1:4" x14ac:dyDescent="0.25">
      <c r="A6115" s="7">
        <f t="shared" si="288"/>
        <v>44816.458333318522</v>
      </c>
      <c r="B6115" s="8">
        <v>20.451223293338348</v>
      </c>
      <c r="C6115">
        <f t="shared" si="286"/>
        <v>11</v>
      </c>
      <c r="D6115">
        <f t="shared" si="287"/>
        <v>9</v>
      </c>
    </row>
    <row r="6116" spans="1:4" x14ac:dyDescent="0.25">
      <c r="A6116" s="7">
        <f t="shared" si="288"/>
        <v>44816.499999985186</v>
      </c>
      <c r="B6116" s="8">
        <v>20.451273793506857</v>
      </c>
      <c r="C6116">
        <f t="shared" si="286"/>
        <v>12</v>
      </c>
      <c r="D6116">
        <f t="shared" si="287"/>
        <v>9</v>
      </c>
    </row>
    <row r="6117" spans="1:4" x14ac:dyDescent="0.25">
      <c r="A6117" s="7">
        <f t="shared" si="288"/>
        <v>44816.54166665185</v>
      </c>
      <c r="B6117" s="8">
        <v>20.451271732275487</v>
      </c>
      <c r="C6117">
        <f t="shared" si="286"/>
        <v>13</v>
      </c>
      <c r="D6117">
        <f t="shared" si="287"/>
        <v>9</v>
      </c>
    </row>
    <row r="6118" spans="1:4" x14ac:dyDescent="0.25">
      <c r="A6118" s="7">
        <f t="shared" si="288"/>
        <v>44816.583333318515</v>
      </c>
      <c r="B6118" s="8">
        <v>20.451274824122539</v>
      </c>
      <c r="C6118">
        <f t="shared" si="286"/>
        <v>14</v>
      </c>
      <c r="D6118">
        <f t="shared" si="287"/>
        <v>9</v>
      </c>
    </row>
    <row r="6119" spans="1:4" x14ac:dyDescent="0.25">
      <c r="A6119" s="7">
        <f t="shared" si="288"/>
        <v>44816.624999985179</v>
      </c>
      <c r="B6119" s="8">
        <v>20.451165578860049</v>
      </c>
      <c r="C6119">
        <f t="shared" si="286"/>
        <v>15</v>
      </c>
      <c r="D6119">
        <f t="shared" si="287"/>
        <v>9</v>
      </c>
    </row>
    <row r="6120" spans="1:4" x14ac:dyDescent="0.25">
      <c r="A6120" s="7">
        <f t="shared" si="288"/>
        <v>44816.666666651843</v>
      </c>
      <c r="B6120" s="8">
        <v>17.294805077224233</v>
      </c>
      <c r="C6120">
        <f t="shared" si="286"/>
        <v>16</v>
      </c>
      <c r="D6120">
        <f t="shared" si="287"/>
        <v>9</v>
      </c>
    </row>
    <row r="6121" spans="1:4" x14ac:dyDescent="0.25">
      <c r="A6121" s="7">
        <f t="shared" si="288"/>
        <v>44816.708333318507</v>
      </c>
      <c r="B6121" s="8">
        <v>11.017054925338371</v>
      </c>
      <c r="C6121">
        <f t="shared" si="286"/>
        <v>17</v>
      </c>
      <c r="D6121">
        <f t="shared" si="287"/>
        <v>9</v>
      </c>
    </row>
    <row r="6122" spans="1:4" x14ac:dyDescent="0.25">
      <c r="A6122" s="7">
        <f t="shared" si="288"/>
        <v>44816.749999985172</v>
      </c>
      <c r="B6122" s="8">
        <v>4.430048955803187</v>
      </c>
      <c r="C6122">
        <f t="shared" si="286"/>
        <v>18</v>
      </c>
      <c r="D6122">
        <f t="shared" si="287"/>
        <v>9</v>
      </c>
    </row>
    <row r="6123" spans="1:4" x14ac:dyDescent="0.25">
      <c r="A6123" s="7">
        <f t="shared" si="288"/>
        <v>44816.791666651836</v>
      </c>
      <c r="B6123" s="8">
        <v>0.26173618969650059</v>
      </c>
      <c r="C6123">
        <f t="shared" si="286"/>
        <v>19</v>
      </c>
      <c r="D6123">
        <f t="shared" si="287"/>
        <v>9</v>
      </c>
    </row>
    <row r="6124" spans="1:4" x14ac:dyDescent="0.25">
      <c r="A6124" s="7">
        <f t="shared" si="288"/>
        <v>44816.8333333185</v>
      </c>
      <c r="B6124" s="8">
        <v>-4.9800999999999998E-2</v>
      </c>
      <c r="C6124">
        <f t="shared" si="286"/>
        <v>20</v>
      </c>
      <c r="D6124">
        <f t="shared" si="287"/>
        <v>9</v>
      </c>
    </row>
    <row r="6125" spans="1:4" x14ac:dyDescent="0.25">
      <c r="A6125" s="7">
        <f t="shared" si="288"/>
        <v>44816.874999985164</v>
      </c>
      <c r="B6125" s="8">
        <v>-4.9800999999999998E-2</v>
      </c>
      <c r="C6125">
        <f t="shared" si="286"/>
        <v>21</v>
      </c>
      <c r="D6125">
        <f t="shared" si="287"/>
        <v>9</v>
      </c>
    </row>
    <row r="6126" spans="1:4" x14ac:dyDescent="0.25">
      <c r="A6126" s="7">
        <f t="shared" si="288"/>
        <v>44816.916666651829</v>
      </c>
      <c r="B6126" s="8">
        <v>-4.9800999999999998E-2</v>
      </c>
      <c r="C6126">
        <f t="shared" si="286"/>
        <v>22</v>
      </c>
      <c r="D6126">
        <f t="shared" si="287"/>
        <v>9</v>
      </c>
    </row>
    <row r="6127" spans="1:4" x14ac:dyDescent="0.25">
      <c r="A6127" s="7">
        <f t="shared" si="288"/>
        <v>44816.958333318493</v>
      </c>
      <c r="B6127" s="8">
        <v>-4.9800999999999998E-2</v>
      </c>
      <c r="C6127">
        <f t="shared" si="286"/>
        <v>23</v>
      </c>
      <c r="D6127">
        <f t="shared" si="287"/>
        <v>9</v>
      </c>
    </row>
    <row r="6128" spans="1:4" x14ac:dyDescent="0.25">
      <c r="A6128" s="7">
        <f t="shared" si="288"/>
        <v>44816.999999985157</v>
      </c>
      <c r="B6128" s="8">
        <v>-4.9800999999999998E-2</v>
      </c>
      <c r="C6128">
        <f t="shared" si="286"/>
        <v>0</v>
      </c>
      <c r="D6128">
        <f t="shared" si="287"/>
        <v>9</v>
      </c>
    </row>
    <row r="6129" spans="1:4" x14ac:dyDescent="0.25">
      <c r="A6129" s="7">
        <f t="shared" si="288"/>
        <v>44817.041666651821</v>
      </c>
      <c r="B6129" s="8">
        <v>-4.9800999999999998E-2</v>
      </c>
      <c r="C6129">
        <f t="shared" si="286"/>
        <v>1</v>
      </c>
      <c r="D6129">
        <f t="shared" si="287"/>
        <v>9</v>
      </c>
    </row>
    <row r="6130" spans="1:4" x14ac:dyDescent="0.25">
      <c r="A6130" s="7">
        <f t="shared" si="288"/>
        <v>44817.083333318486</v>
      </c>
      <c r="B6130" s="8">
        <v>-4.9800999999999998E-2</v>
      </c>
      <c r="C6130">
        <f t="shared" si="286"/>
        <v>2</v>
      </c>
      <c r="D6130">
        <f t="shared" si="287"/>
        <v>9</v>
      </c>
    </row>
    <row r="6131" spans="1:4" x14ac:dyDescent="0.25">
      <c r="A6131" s="7">
        <f t="shared" si="288"/>
        <v>44817.12499998515</v>
      </c>
      <c r="B6131" s="8">
        <v>-4.9800999999999998E-2</v>
      </c>
      <c r="C6131">
        <f t="shared" si="286"/>
        <v>3</v>
      </c>
      <c r="D6131">
        <f t="shared" si="287"/>
        <v>9</v>
      </c>
    </row>
    <row r="6132" spans="1:4" x14ac:dyDescent="0.25">
      <c r="A6132" s="7">
        <f t="shared" si="288"/>
        <v>44817.166666651814</v>
      </c>
      <c r="B6132" s="8">
        <v>-4.9800999999999998E-2</v>
      </c>
      <c r="C6132">
        <f t="shared" si="286"/>
        <v>4</v>
      </c>
      <c r="D6132">
        <f t="shared" si="287"/>
        <v>9</v>
      </c>
    </row>
    <row r="6133" spans="1:4" x14ac:dyDescent="0.25">
      <c r="A6133" s="7">
        <f t="shared" si="288"/>
        <v>44817.208333318478</v>
      </c>
      <c r="B6133" s="8">
        <v>-4.9800999999999998E-2</v>
      </c>
      <c r="C6133">
        <f t="shared" si="286"/>
        <v>5</v>
      </c>
      <c r="D6133">
        <f t="shared" si="287"/>
        <v>9</v>
      </c>
    </row>
    <row r="6134" spans="1:4" x14ac:dyDescent="0.25">
      <c r="A6134" s="7">
        <f t="shared" si="288"/>
        <v>44817.249999985142</v>
      </c>
      <c r="B6134" s="8">
        <v>-4.9800999999999998E-2</v>
      </c>
      <c r="C6134">
        <f t="shared" si="286"/>
        <v>6</v>
      </c>
      <c r="D6134">
        <f t="shared" si="287"/>
        <v>9</v>
      </c>
    </row>
    <row r="6135" spans="1:4" x14ac:dyDescent="0.25">
      <c r="A6135" s="7">
        <f t="shared" si="288"/>
        <v>44817.291666651807</v>
      </c>
      <c r="B6135" s="8">
        <v>0.4578850278858973</v>
      </c>
      <c r="C6135">
        <f t="shared" si="286"/>
        <v>7</v>
      </c>
      <c r="D6135">
        <f t="shared" si="287"/>
        <v>9</v>
      </c>
    </row>
    <row r="6136" spans="1:4" x14ac:dyDescent="0.25">
      <c r="A6136" s="7">
        <f t="shared" si="288"/>
        <v>44817.333333318471</v>
      </c>
      <c r="B6136" s="8">
        <v>4.0901240766326543</v>
      </c>
      <c r="C6136">
        <f t="shared" si="286"/>
        <v>8</v>
      </c>
      <c r="D6136">
        <f t="shared" si="287"/>
        <v>9</v>
      </c>
    </row>
    <row r="6137" spans="1:4" x14ac:dyDescent="0.25">
      <c r="A6137" s="7">
        <f t="shared" si="288"/>
        <v>44817.374999985135</v>
      </c>
      <c r="B6137" s="8">
        <v>9.9788466957047071</v>
      </c>
      <c r="C6137">
        <f t="shared" si="286"/>
        <v>9</v>
      </c>
      <c r="D6137">
        <f t="shared" si="287"/>
        <v>9</v>
      </c>
    </row>
    <row r="6138" spans="1:4" x14ac:dyDescent="0.25">
      <c r="A6138" s="7">
        <f t="shared" si="288"/>
        <v>44817.416666651799</v>
      </c>
      <c r="B6138" s="8">
        <v>12.142066760947705</v>
      </c>
      <c r="C6138">
        <f t="shared" si="286"/>
        <v>10</v>
      </c>
      <c r="D6138">
        <f t="shared" si="287"/>
        <v>9</v>
      </c>
    </row>
    <row r="6139" spans="1:4" x14ac:dyDescent="0.25">
      <c r="A6139" s="7">
        <f t="shared" si="288"/>
        <v>44817.458333318464</v>
      </c>
      <c r="B6139" s="8">
        <v>19.634820048728848</v>
      </c>
      <c r="C6139">
        <f t="shared" si="286"/>
        <v>11</v>
      </c>
      <c r="D6139">
        <f t="shared" si="287"/>
        <v>9</v>
      </c>
    </row>
    <row r="6140" spans="1:4" x14ac:dyDescent="0.25">
      <c r="A6140" s="7">
        <f t="shared" si="288"/>
        <v>44817.499999985128</v>
      </c>
      <c r="B6140" s="8">
        <v>20.451309865055794</v>
      </c>
      <c r="C6140">
        <f t="shared" si="286"/>
        <v>12</v>
      </c>
      <c r="D6140">
        <f t="shared" si="287"/>
        <v>9</v>
      </c>
    </row>
    <row r="6141" spans="1:4" x14ac:dyDescent="0.25">
      <c r="A6141" s="7">
        <f t="shared" si="288"/>
        <v>44817.541666651792</v>
      </c>
      <c r="B6141" s="8">
        <v>20.451260395502963</v>
      </c>
      <c r="C6141">
        <f t="shared" si="286"/>
        <v>13</v>
      </c>
      <c r="D6141">
        <f t="shared" si="287"/>
        <v>9</v>
      </c>
    </row>
    <row r="6142" spans="1:4" x14ac:dyDescent="0.25">
      <c r="A6142" s="7">
        <f t="shared" si="288"/>
        <v>44817.583333318456</v>
      </c>
      <c r="B6142" s="8">
        <v>12.339398745942209</v>
      </c>
      <c r="C6142">
        <f t="shared" si="286"/>
        <v>14</v>
      </c>
      <c r="D6142">
        <f t="shared" si="287"/>
        <v>9</v>
      </c>
    </row>
    <row r="6143" spans="1:4" x14ac:dyDescent="0.25">
      <c r="A6143" s="7">
        <f t="shared" si="288"/>
        <v>44817.624999985121</v>
      </c>
      <c r="B6143" s="8">
        <v>11.730469775272379</v>
      </c>
      <c r="C6143">
        <f t="shared" si="286"/>
        <v>15</v>
      </c>
      <c r="D6143">
        <f t="shared" si="287"/>
        <v>9</v>
      </c>
    </row>
    <row r="6144" spans="1:4" x14ac:dyDescent="0.25">
      <c r="A6144" s="7">
        <f t="shared" si="288"/>
        <v>44817.666666651785</v>
      </c>
      <c r="B6144" s="8">
        <v>7.3127026665741148</v>
      </c>
      <c r="C6144">
        <f t="shared" si="286"/>
        <v>16</v>
      </c>
      <c r="D6144">
        <f t="shared" si="287"/>
        <v>9</v>
      </c>
    </row>
    <row r="6145" spans="1:4" x14ac:dyDescent="0.25">
      <c r="A6145" s="7">
        <f t="shared" si="288"/>
        <v>44817.708333318449</v>
      </c>
      <c r="B6145" s="8">
        <v>8.591048473016988</v>
      </c>
      <c r="C6145">
        <f t="shared" si="286"/>
        <v>17</v>
      </c>
      <c r="D6145">
        <f t="shared" si="287"/>
        <v>9</v>
      </c>
    </row>
    <row r="6146" spans="1:4" x14ac:dyDescent="0.25">
      <c r="A6146" s="7">
        <f t="shared" si="288"/>
        <v>44817.749999985113</v>
      </c>
      <c r="B6146" s="8">
        <v>2.3316319435318515</v>
      </c>
      <c r="C6146">
        <f t="shared" si="286"/>
        <v>18</v>
      </c>
      <c r="D6146">
        <f t="shared" si="287"/>
        <v>9</v>
      </c>
    </row>
    <row r="6147" spans="1:4" x14ac:dyDescent="0.25">
      <c r="A6147" s="7">
        <f t="shared" si="288"/>
        <v>44817.791666651778</v>
      </c>
      <c r="B6147" s="8">
        <v>-4.9800999999999998E-2</v>
      </c>
      <c r="C6147">
        <f t="shared" si="286"/>
        <v>19</v>
      </c>
      <c r="D6147">
        <f t="shared" si="287"/>
        <v>9</v>
      </c>
    </row>
    <row r="6148" spans="1:4" x14ac:dyDescent="0.25">
      <c r="A6148" s="7">
        <f t="shared" si="288"/>
        <v>44817.833333318442</v>
      </c>
      <c r="B6148" s="8">
        <v>-4.9800999999999998E-2</v>
      </c>
      <c r="C6148">
        <f t="shared" si="286"/>
        <v>20</v>
      </c>
      <c r="D6148">
        <f t="shared" si="287"/>
        <v>9</v>
      </c>
    </row>
    <row r="6149" spans="1:4" x14ac:dyDescent="0.25">
      <c r="A6149" s="7">
        <f t="shared" si="288"/>
        <v>44817.874999985106</v>
      </c>
      <c r="B6149" s="8">
        <v>-4.9800999999999998E-2</v>
      </c>
      <c r="C6149">
        <f t="shared" si="286"/>
        <v>21</v>
      </c>
      <c r="D6149">
        <f t="shared" si="287"/>
        <v>9</v>
      </c>
    </row>
    <row r="6150" spans="1:4" x14ac:dyDescent="0.25">
      <c r="A6150" s="7">
        <f t="shared" si="288"/>
        <v>44817.91666665177</v>
      </c>
      <c r="B6150" s="8">
        <v>-4.9800999999999998E-2</v>
      </c>
      <c r="C6150">
        <f t="shared" si="286"/>
        <v>22</v>
      </c>
      <c r="D6150">
        <f t="shared" si="287"/>
        <v>9</v>
      </c>
    </row>
    <row r="6151" spans="1:4" x14ac:dyDescent="0.25">
      <c r="A6151" s="7">
        <f t="shared" si="288"/>
        <v>44817.958333318435</v>
      </c>
      <c r="B6151" s="8">
        <v>-4.9800999999999998E-2</v>
      </c>
      <c r="C6151">
        <f t="shared" si="286"/>
        <v>23</v>
      </c>
      <c r="D6151">
        <f t="shared" si="287"/>
        <v>9</v>
      </c>
    </row>
    <row r="6152" spans="1:4" x14ac:dyDescent="0.25">
      <c r="A6152" s="7">
        <f t="shared" si="288"/>
        <v>44817.999999985099</v>
      </c>
      <c r="B6152" s="8">
        <v>-4.9800999999999998E-2</v>
      </c>
      <c r="C6152">
        <f t="shared" si="286"/>
        <v>0</v>
      </c>
      <c r="D6152">
        <f t="shared" si="287"/>
        <v>9</v>
      </c>
    </row>
    <row r="6153" spans="1:4" x14ac:dyDescent="0.25">
      <c r="A6153" s="7">
        <f t="shared" si="288"/>
        <v>44818.041666651763</v>
      </c>
      <c r="B6153" s="8">
        <v>-4.9800999999999998E-2</v>
      </c>
      <c r="C6153">
        <f t="shared" si="286"/>
        <v>1</v>
      </c>
      <c r="D6153">
        <f t="shared" si="287"/>
        <v>9</v>
      </c>
    </row>
    <row r="6154" spans="1:4" x14ac:dyDescent="0.25">
      <c r="A6154" s="7">
        <f t="shared" si="288"/>
        <v>44818.083333318427</v>
      </c>
      <c r="B6154" s="8">
        <v>-4.9800999999999998E-2</v>
      </c>
      <c r="C6154">
        <f t="shared" ref="C6154:C6217" si="289">HOUR(A6154)</f>
        <v>2</v>
      </c>
      <c r="D6154">
        <f t="shared" ref="D6154:D6217" si="290">MONTH(A6154)</f>
        <v>9</v>
      </c>
    </row>
    <row r="6155" spans="1:4" x14ac:dyDescent="0.25">
      <c r="A6155" s="7">
        <f t="shared" ref="A6155:A6218" si="291">+A6154+1/24</f>
        <v>44818.124999985092</v>
      </c>
      <c r="B6155" s="8">
        <v>-4.9800999999999998E-2</v>
      </c>
      <c r="C6155">
        <f t="shared" si="289"/>
        <v>3</v>
      </c>
      <c r="D6155">
        <f t="shared" si="290"/>
        <v>9</v>
      </c>
    </row>
    <row r="6156" spans="1:4" x14ac:dyDescent="0.25">
      <c r="A6156" s="7">
        <f t="shared" si="291"/>
        <v>44818.166666651756</v>
      </c>
      <c r="B6156" s="8">
        <v>-4.9800999999999998E-2</v>
      </c>
      <c r="C6156">
        <f t="shared" si="289"/>
        <v>4</v>
      </c>
      <c r="D6156">
        <f t="shared" si="290"/>
        <v>9</v>
      </c>
    </row>
    <row r="6157" spans="1:4" x14ac:dyDescent="0.25">
      <c r="A6157" s="7">
        <f t="shared" si="291"/>
        <v>44818.20833331842</v>
      </c>
      <c r="B6157" s="8">
        <v>-4.9800999999999998E-2</v>
      </c>
      <c r="C6157">
        <f t="shared" si="289"/>
        <v>5</v>
      </c>
      <c r="D6157">
        <f t="shared" si="290"/>
        <v>9</v>
      </c>
    </row>
    <row r="6158" spans="1:4" x14ac:dyDescent="0.25">
      <c r="A6158" s="7">
        <f t="shared" si="291"/>
        <v>44818.249999985084</v>
      </c>
      <c r="B6158" s="8">
        <v>-4.9800999999999998E-2</v>
      </c>
      <c r="C6158">
        <f t="shared" si="289"/>
        <v>6</v>
      </c>
      <c r="D6158">
        <f t="shared" si="290"/>
        <v>9</v>
      </c>
    </row>
    <row r="6159" spans="1:4" x14ac:dyDescent="0.25">
      <c r="A6159" s="7">
        <f t="shared" si="291"/>
        <v>44818.291666651749</v>
      </c>
      <c r="B6159" s="8">
        <v>-4.9800999999999998E-2</v>
      </c>
      <c r="C6159">
        <f t="shared" si="289"/>
        <v>7</v>
      </c>
      <c r="D6159">
        <f t="shared" si="290"/>
        <v>9</v>
      </c>
    </row>
    <row r="6160" spans="1:4" x14ac:dyDescent="0.25">
      <c r="A6160" s="7">
        <f t="shared" si="291"/>
        <v>44818.333333318413</v>
      </c>
      <c r="B6160" s="8">
        <v>1.9784234588116549</v>
      </c>
      <c r="C6160">
        <f t="shared" si="289"/>
        <v>8</v>
      </c>
      <c r="D6160">
        <f t="shared" si="290"/>
        <v>9</v>
      </c>
    </row>
    <row r="6161" spans="1:4" x14ac:dyDescent="0.25">
      <c r="A6161" s="7">
        <f t="shared" si="291"/>
        <v>44818.374999985077</v>
      </c>
      <c r="B6161" s="8">
        <v>9.368968527990015</v>
      </c>
      <c r="C6161">
        <f t="shared" si="289"/>
        <v>9</v>
      </c>
      <c r="D6161">
        <f t="shared" si="290"/>
        <v>9</v>
      </c>
    </row>
    <row r="6162" spans="1:4" x14ac:dyDescent="0.25">
      <c r="A6162" s="7">
        <f t="shared" si="291"/>
        <v>44818.416666651741</v>
      </c>
      <c r="B6162" s="8">
        <v>5.7662823839788171</v>
      </c>
      <c r="C6162">
        <f t="shared" si="289"/>
        <v>10</v>
      </c>
      <c r="D6162">
        <f t="shared" si="290"/>
        <v>9</v>
      </c>
    </row>
    <row r="6163" spans="1:4" x14ac:dyDescent="0.25">
      <c r="A6163" s="7">
        <f t="shared" si="291"/>
        <v>44818.458333318405</v>
      </c>
      <c r="B6163" s="8">
        <v>8.3454537861615794</v>
      </c>
      <c r="C6163">
        <f t="shared" si="289"/>
        <v>11</v>
      </c>
      <c r="D6163">
        <f t="shared" si="290"/>
        <v>9</v>
      </c>
    </row>
    <row r="6164" spans="1:4" x14ac:dyDescent="0.25">
      <c r="A6164" s="7">
        <f t="shared" si="291"/>
        <v>44818.49999998507</v>
      </c>
      <c r="B6164" s="8">
        <v>5.5123417713152634</v>
      </c>
      <c r="C6164">
        <f t="shared" si="289"/>
        <v>12</v>
      </c>
      <c r="D6164">
        <f t="shared" si="290"/>
        <v>9</v>
      </c>
    </row>
    <row r="6165" spans="1:4" x14ac:dyDescent="0.25">
      <c r="A6165" s="7">
        <f t="shared" si="291"/>
        <v>44818.541666651734</v>
      </c>
      <c r="B6165" s="8">
        <v>4.8062030681095207</v>
      </c>
      <c r="C6165">
        <f t="shared" si="289"/>
        <v>13</v>
      </c>
      <c r="D6165">
        <f t="shared" si="290"/>
        <v>9</v>
      </c>
    </row>
    <row r="6166" spans="1:4" x14ac:dyDescent="0.25">
      <c r="A6166" s="7">
        <f t="shared" si="291"/>
        <v>44818.583333318398</v>
      </c>
      <c r="B6166" s="8">
        <v>15.469990763633712</v>
      </c>
      <c r="C6166">
        <f t="shared" si="289"/>
        <v>14</v>
      </c>
      <c r="D6166">
        <f t="shared" si="290"/>
        <v>9</v>
      </c>
    </row>
    <row r="6167" spans="1:4" x14ac:dyDescent="0.25">
      <c r="A6167" s="7">
        <f t="shared" si="291"/>
        <v>44818.624999985062</v>
      </c>
      <c r="B6167" s="8">
        <v>6.1423592001088592</v>
      </c>
      <c r="C6167">
        <f t="shared" si="289"/>
        <v>15</v>
      </c>
      <c r="D6167">
        <f t="shared" si="290"/>
        <v>9</v>
      </c>
    </row>
    <row r="6168" spans="1:4" x14ac:dyDescent="0.25">
      <c r="A6168" s="7">
        <f t="shared" si="291"/>
        <v>44818.666666651727</v>
      </c>
      <c r="B6168" s="8">
        <v>7.0575150089330547</v>
      </c>
      <c r="C6168">
        <f t="shared" si="289"/>
        <v>16</v>
      </c>
      <c r="D6168">
        <f t="shared" si="290"/>
        <v>9</v>
      </c>
    </row>
    <row r="6169" spans="1:4" x14ac:dyDescent="0.25">
      <c r="A6169" s="7">
        <f t="shared" si="291"/>
        <v>44818.708333318391</v>
      </c>
      <c r="B6169" s="8">
        <v>5.8692542888033623</v>
      </c>
      <c r="C6169">
        <f t="shared" si="289"/>
        <v>17</v>
      </c>
      <c r="D6169">
        <f t="shared" si="290"/>
        <v>9</v>
      </c>
    </row>
    <row r="6170" spans="1:4" x14ac:dyDescent="0.25">
      <c r="A6170" s="7">
        <f t="shared" si="291"/>
        <v>44818.749999985055</v>
      </c>
      <c r="B6170" s="8">
        <v>2.805198819663826</v>
      </c>
      <c r="C6170">
        <f t="shared" si="289"/>
        <v>18</v>
      </c>
      <c r="D6170">
        <f t="shared" si="290"/>
        <v>9</v>
      </c>
    </row>
    <row r="6171" spans="1:4" x14ac:dyDescent="0.25">
      <c r="A6171" s="7">
        <f t="shared" si="291"/>
        <v>44818.791666651719</v>
      </c>
      <c r="B6171" s="8">
        <v>-4.9800999999999998E-2</v>
      </c>
      <c r="C6171">
        <f t="shared" si="289"/>
        <v>19</v>
      </c>
      <c r="D6171">
        <f t="shared" si="290"/>
        <v>9</v>
      </c>
    </row>
    <row r="6172" spans="1:4" x14ac:dyDescent="0.25">
      <c r="A6172" s="7">
        <f t="shared" si="291"/>
        <v>44818.833333318384</v>
      </c>
      <c r="B6172" s="8">
        <v>-4.9800999999999998E-2</v>
      </c>
      <c r="C6172">
        <f t="shared" si="289"/>
        <v>20</v>
      </c>
      <c r="D6172">
        <f t="shared" si="290"/>
        <v>9</v>
      </c>
    </row>
    <row r="6173" spans="1:4" x14ac:dyDescent="0.25">
      <c r="A6173" s="7">
        <f t="shared" si="291"/>
        <v>44818.874999985048</v>
      </c>
      <c r="B6173" s="8">
        <v>-4.9800999999999998E-2</v>
      </c>
      <c r="C6173">
        <f t="shared" si="289"/>
        <v>21</v>
      </c>
      <c r="D6173">
        <f t="shared" si="290"/>
        <v>9</v>
      </c>
    </row>
    <row r="6174" spans="1:4" x14ac:dyDescent="0.25">
      <c r="A6174" s="7">
        <f t="shared" si="291"/>
        <v>44818.916666651712</v>
      </c>
      <c r="B6174" s="8">
        <v>-4.9800999999999998E-2</v>
      </c>
      <c r="C6174">
        <f t="shared" si="289"/>
        <v>22</v>
      </c>
      <c r="D6174">
        <f t="shared" si="290"/>
        <v>9</v>
      </c>
    </row>
    <row r="6175" spans="1:4" x14ac:dyDescent="0.25">
      <c r="A6175" s="7">
        <f t="shared" si="291"/>
        <v>44818.958333318376</v>
      </c>
      <c r="B6175" s="8">
        <v>-4.9800999999999998E-2</v>
      </c>
      <c r="C6175">
        <f t="shared" si="289"/>
        <v>23</v>
      </c>
      <c r="D6175">
        <f t="shared" si="290"/>
        <v>9</v>
      </c>
    </row>
    <row r="6176" spans="1:4" x14ac:dyDescent="0.25">
      <c r="A6176" s="7">
        <f t="shared" si="291"/>
        <v>44818.999999985041</v>
      </c>
      <c r="B6176" s="8">
        <v>-4.9800999999999998E-2</v>
      </c>
      <c r="C6176">
        <f t="shared" si="289"/>
        <v>0</v>
      </c>
      <c r="D6176">
        <f t="shared" si="290"/>
        <v>9</v>
      </c>
    </row>
    <row r="6177" spans="1:4" x14ac:dyDescent="0.25">
      <c r="A6177" s="7">
        <f t="shared" si="291"/>
        <v>44819.041666651705</v>
      </c>
      <c r="B6177" s="8">
        <v>-4.9800999999999998E-2</v>
      </c>
      <c r="C6177">
        <f t="shared" si="289"/>
        <v>1</v>
      </c>
      <c r="D6177">
        <f t="shared" si="290"/>
        <v>9</v>
      </c>
    </row>
    <row r="6178" spans="1:4" x14ac:dyDescent="0.25">
      <c r="A6178" s="7">
        <f t="shared" si="291"/>
        <v>44819.083333318369</v>
      </c>
      <c r="B6178" s="8">
        <v>-4.9800999999999998E-2</v>
      </c>
      <c r="C6178">
        <f t="shared" si="289"/>
        <v>2</v>
      </c>
      <c r="D6178">
        <f t="shared" si="290"/>
        <v>9</v>
      </c>
    </row>
    <row r="6179" spans="1:4" x14ac:dyDescent="0.25">
      <c r="A6179" s="7">
        <f t="shared" si="291"/>
        <v>44819.124999985033</v>
      </c>
      <c r="B6179" s="8">
        <v>-4.9800999999999998E-2</v>
      </c>
      <c r="C6179">
        <f t="shared" si="289"/>
        <v>3</v>
      </c>
      <c r="D6179">
        <f t="shared" si="290"/>
        <v>9</v>
      </c>
    </row>
    <row r="6180" spans="1:4" x14ac:dyDescent="0.25">
      <c r="A6180" s="7">
        <f t="shared" si="291"/>
        <v>44819.166666651698</v>
      </c>
      <c r="B6180" s="8">
        <v>-4.9800999999999998E-2</v>
      </c>
      <c r="C6180">
        <f t="shared" si="289"/>
        <v>4</v>
      </c>
      <c r="D6180">
        <f t="shared" si="290"/>
        <v>9</v>
      </c>
    </row>
    <row r="6181" spans="1:4" x14ac:dyDescent="0.25">
      <c r="A6181" s="7">
        <f t="shared" si="291"/>
        <v>44819.208333318362</v>
      </c>
      <c r="B6181" s="8">
        <v>-4.9800999999999998E-2</v>
      </c>
      <c r="C6181">
        <f t="shared" si="289"/>
        <v>5</v>
      </c>
      <c r="D6181">
        <f t="shared" si="290"/>
        <v>9</v>
      </c>
    </row>
    <row r="6182" spans="1:4" x14ac:dyDescent="0.25">
      <c r="A6182" s="7">
        <f t="shared" si="291"/>
        <v>44819.249999985026</v>
      </c>
      <c r="B6182" s="8">
        <v>-4.9800999999999998E-2</v>
      </c>
      <c r="C6182">
        <f t="shared" si="289"/>
        <v>6</v>
      </c>
      <c r="D6182">
        <f t="shared" si="290"/>
        <v>9</v>
      </c>
    </row>
    <row r="6183" spans="1:4" x14ac:dyDescent="0.25">
      <c r="A6183" s="7">
        <f t="shared" si="291"/>
        <v>44819.29166665169</v>
      </c>
      <c r="B6183" s="8">
        <v>-4.9800999999999998E-2</v>
      </c>
      <c r="C6183">
        <f t="shared" si="289"/>
        <v>7</v>
      </c>
      <c r="D6183">
        <f t="shared" si="290"/>
        <v>9</v>
      </c>
    </row>
    <row r="6184" spans="1:4" x14ac:dyDescent="0.25">
      <c r="A6184" s="7">
        <f t="shared" si="291"/>
        <v>44819.333333318355</v>
      </c>
      <c r="B6184" s="8">
        <v>2.0581900208977237</v>
      </c>
      <c r="C6184">
        <f t="shared" si="289"/>
        <v>8</v>
      </c>
      <c r="D6184">
        <f t="shared" si="290"/>
        <v>9</v>
      </c>
    </row>
    <row r="6185" spans="1:4" x14ac:dyDescent="0.25">
      <c r="A6185" s="7">
        <f t="shared" si="291"/>
        <v>44819.374999985019</v>
      </c>
      <c r="B6185" s="8">
        <v>3.3697917342283716</v>
      </c>
      <c r="C6185">
        <f t="shared" si="289"/>
        <v>9</v>
      </c>
      <c r="D6185">
        <f t="shared" si="290"/>
        <v>9</v>
      </c>
    </row>
    <row r="6186" spans="1:4" x14ac:dyDescent="0.25">
      <c r="A6186" s="7">
        <f t="shared" si="291"/>
        <v>44819.416666651683</v>
      </c>
      <c r="B6186" s="8">
        <v>3.4690812492143772</v>
      </c>
      <c r="C6186">
        <f t="shared" si="289"/>
        <v>10</v>
      </c>
      <c r="D6186">
        <f t="shared" si="290"/>
        <v>9</v>
      </c>
    </row>
    <row r="6187" spans="1:4" x14ac:dyDescent="0.25">
      <c r="A6187" s="7">
        <f t="shared" si="291"/>
        <v>44819.458333318347</v>
      </c>
      <c r="B6187" s="8">
        <v>4.6999311318651573</v>
      </c>
      <c r="C6187">
        <f t="shared" si="289"/>
        <v>11</v>
      </c>
      <c r="D6187">
        <f t="shared" si="290"/>
        <v>9</v>
      </c>
    </row>
    <row r="6188" spans="1:4" x14ac:dyDescent="0.25">
      <c r="A6188" s="7">
        <f t="shared" si="291"/>
        <v>44819.499999985012</v>
      </c>
      <c r="B6188" s="8">
        <v>6.519812918792578</v>
      </c>
      <c r="C6188">
        <f t="shared" si="289"/>
        <v>12</v>
      </c>
      <c r="D6188">
        <f t="shared" si="290"/>
        <v>9</v>
      </c>
    </row>
    <row r="6189" spans="1:4" x14ac:dyDescent="0.25">
      <c r="A6189" s="7">
        <f t="shared" si="291"/>
        <v>44819.541666651676</v>
      </c>
      <c r="B6189" s="8">
        <v>4.3276418283734133</v>
      </c>
      <c r="C6189">
        <f t="shared" si="289"/>
        <v>13</v>
      </c>
      <c r="D6189">
        <f t="shared" si="290"/>
        <v>9</v>
      </c>
    </row>
    <row r="6190" spans="1:4" x14ac:dyDescent="0.25">
      <c r="A6190" s="7">
        <f t="shared" si="291"/>
        <v>44819.58333331834</v>
      </c>
      <c r="B6190" s="8">
        <v>4.0896067075593407</v>
      </c>
      <c r="C6190">
        <f t="shared" si="289"/>
        <v>14</v>
      </c>
      <c r="D6190">
        <f t="shared" si="290"/>
        <v>9</v>
      </c>
    </row>
    <row r="6191" spans="1:4" x14ac:dyDescent="0.25">
      <c r="A6191" s="7">
        <f t="shared" si="291"/>
        <v>44819.624999985004</v>
      </c>
      <c r="B6191" s="8">
        <v>3.7244317441334922</v>
      </c>
      <c r="C6191">
        <f t="shared" si="289"/>
        <v>15</v>
      </c>
      <c r="D6191">
        <f t="shared" si="290"/>
        <v>9</v>
      </c>
    </row>
    <row r="6192" spans="1:4" x14ac:dyDescent="0.25">
      <c r="A6192" s="7">
        <f t="shared" si="291"/>
        <v>44819.666666651668</v>
      </c>
      <c r="B6192" s="8">
        <v>4.136288444961159</v>
      </c>
      <c r="C6192">
        <f t="shared" si="289"/>
        <v>16</v>
      </c>
      <c r="D6192">
        <f t="shared" si="290"/>
        <v>9</v>
      </c>
    </row>
    <row r="6193" spans="1:4" x14ac:dyDescent="0.25">
      <c r="A6193" s="7">
        <f t="shared" si="291"/>
        <v>44819.708333318333</v>
      </c>
      <c r="B6193" s="8">
        <v>1.8097611409116163</v>
      </c>
      <c r="C6193">
        <f t="shared" si="289"/>
        <v>17</v>
      </c>
      <c r="D6193">
        <f t="shared" si="290"/>
        <v>9</v>
      </c>
    </row>
    <row r="6194" spans="1:4" x14ac:dyDescent="0.25">
      <c r="A6194" s="7">
        <f t="shared" si="291"/>
        <v>44819.749999984997</v>
      </c>
      <c r="B6194" s="8">
        <v>1.5075908060890422</v>
      </c>
      <c r="C6194">
        <f t="shared" si="289"/>
        <v>18</v>
      </c>
      <c r="D6194">
        <f t="shared" si="290"/>
        <v>9</v>
      </c>
    </row>
    <row r="6195" spans="1:4" x14ac:dyDescent="0.25">
      <c r="A6195" s="7">
        <f t="shared" si="291"/>
        <v>44819.791666651661</v>
      </c>
      <c r="B6195" s="8">
        <v>0.23757443560337305</v>
      </c>
      <c r="C6195">
        <f t="shared" si="289"/>
        <v>19</v>
      </c>
      <c r="D6195">
        <f t="shared" si="290"/>
        <v>9</v>
      </c>
    </row>
    <row r="6196" spans="1:4" x14ac:dyDescent="0.25">
      <c r="A6196" s="7">
        <f t="shared" si="291"/>
        <v>44819.833333318325</v>
      </c>
      <c r="B6196" s="8">
        <v>-4.9800999999999998E-2</v>
      </c>
      <c r="C6196">
        <f t="shared" si="289"/>
        <v>20</v>
      </c>
      <c r="D6196">
        <f t="shared" si="290"/>
        <v>9</v>
      </c>
    </row>
    <row r="6197" spans="1:4" x14ac:dyDescent="0.25">
      <c r="A6197" s="7">
        <f t="shared" si="291"/>
        <v>44819.87499998499</v>
      </c>
      <c r="B6197" s="8">
        <v>-4.9800999999999998E-2</v>
      </c>
      <c r="C6197">
        <f t="shared" si="289"/>
        <v>21</v>
      </c>
      <c r="D6197">
        <f t="shared" si="290"/>
        <v>9</v>
      </c>
    </row>
    <row r="6198" spans="1:4" x14ac:dyDescent="0.25">
      <c r="A6198" s="7">
        <f t="shared" si="291"/>
        <v>44819.916666651654</v>
      </c>
      <c r="B6198" s="8">
        <v>-4.9800999999999998E-2</v>
      </c>
      <c r="C6198">
        <f t="shared" si="289"/>
        <v>22</v>
      </c>
      <c r="D6198">
        <f t="shared" si="290"/>
        <v>9</v>
      </c>
    </row>
    <row r="6199" spans="1:4" x14ac:dyDescent="0.25">
      <c r="A6199" s="7">
        <f t="shared" si="291"/>
        <v>44819.958333318318</v>
      </c>
      <c r="B6199" s="8">
        <v>-4.9800999999999998E-2</v>
      </c>
      <c r="C6199">
        <f t="shared" si="289"/>
        <v>23</v>
      </c>
      <c r="D6199">
        <f t="shared" si="290"/>
        <v>9</v>
      </c>
    </row>
    <row r="6200" spans="1:4" x14ac:dyDescent="0.25">
      <c r="A6200" s="7">
        <f t="shared" si="291"/>
        <v>44819.999999984982</v>
      </c>
      <c r="B6200" s="8">
        <v>-4.9800999999999998E-2</v>
      </c>
      <c r="C6200">
        <f t="shared" si="289"/>
        <v>0</v>
      </c>
      <c r="D6200">
        <f t="shared" si="290"/>
        <v>9</v>
      </c>
    </row>
    <row r="6201" spans="1:4" x14ac:dyDescent="0.25">
      <c r="A6201" s="7">
        <f t="shared" si="291"/>
        <v>44820.041666651647</v>
      </c>
      <c r="B6201" s="8">
        <v>-4.9800999999999998E-2</v>
      </c>
      <c r="C6201">
        <f t="shared" si="289"/>
        <v>1</v>
      </c>
      <c r="D6201">
        <f t="shared" si="290"/>
        <v>9</v>
      </c>
    </row>
    <row r="6202" spans="1:4" x14ac:dyDescent="0.25">
      <c r="A6202" s="7">
        <f t="shared" si="291"/>
        <v>44820.083333318311</v>
      </c>
      <c r="B6202" s="8">
        <v>-4.9800999999999998E-2</v>
      </c>
      <c r="C6202">
        <f t="shared" si="289"/>
        <v>2</v>
      </c>
      <c r="D6202">
        <f t="shared" si="290"/>
        <v>9</v>
      </c>
    </row>
    <row r="6203" spans="1:4" x14ac:dyDescent="0.25">
      <c r="A6203" s="7">
        <f t="shared" si="291"/>
        <v>44820.124999984975</v>
      </c>
      <c r="B6203" s="8">
        <v>-4.9800999999999998E-2</v>
      </c>
      <c r="C6203">
        <f t="shared" si="289"/>
        <v>3</v>
      </c>
      <c r="D6203">
        <f t="shared" si="290"/>
        <v>9</v>
      </c>
    </row>
    <row r="6204" spans="1:4" x14ac:dyDescent="0.25">
      <c r="A6204" s="7">
        <f t="shared" si="291"/>
        <v>44820.166666651639</v>
      </c>
      <c r="B6204" s="8">
        <v>-4.9800999999999998E-2</v>
      </c>
      <c r="C6204">
        <f t="shared" si="289"/>
        <v>4</v>
      </c>
      <c r="D6204">
        <f t="shared" si="290"/>
        <v>9</v>
      </c>
    </row>
    <row r="6205" spans="1:4" x14ac:dyDescent="0.25">
      <c r="A6205" s="7">
        <f t="shared" si="291"/>
        <v>44820.208333318304</v>
      </c>
      <c r="B6205" s="8">
        <v>-4.9800999999999998E-2</v>
      </c>
      <c r="C6205">
        <f t="shared" si="289"/>
        <v>5</v>
      </c>
      <c r="D6205">
        <f t="shared" si="290"/>
        <v>9</v>
      </c>
    </row>
    <row r="6206" spans="1:4" x14ac:dyDescent="0.25">
      <c r="A6206" s="7">
        <f t="shared" si="291"/>
        <v>44820.249999984968</v>
      </c>
      <c r="B6206" s="8">
        <v>-4.9800999999999998E-2</v>
      </c>
      <c r="C6206">
        <f t="shared" si="289"/>
        <v>6</v>
      </c>
      <c r="D6206">
        <f t="shared" si="290"/>
        <v>9</v>
      </c>
    </row>
    <row r="6207" spans="1:4" x14ac:dyDescent="0.25">
      <c r="A6207" s="7">
        <f t="shared" si="291"/>
        <v>44820.291666651632</v>
      </c>
      <c r="B6207" s="8">
        <v>-4.9800999999999998E-2</v>
      </c>
      <c r="C6207">
        <f t="shared" si="289"/>
        <v>7</v>
      </c>
      <c r="D6207">
        <f t="shared" si="290"/>
        <v>9</v>
      </c>
    </row>
    <row r="6208" spans="1:4" x14ac:dyDescent="0.25">
      <c r="A6208" s="7">
        <f t="shared" si="291"/>
        <v>44820.333333318296</v>
      </c>
      <c r="B6208" s="8">
        <v>1.0691318532287957</v>
      </c>
      <c r="C6208">
        <f t="shared" si="289"/>
        <v>8</v>
      </c>
      <c r="D6208">
        <f t="shared" si="290"/>
        <v>9</v>
      </c>
    </row>
    <row r="6209" spans="1:4" x14ac:dyDescent="0.25">
      <c r="A6209" s="7">
        <f t="shared" si="291"/>
        <v>44820.374999984961</v>
      </c>
      <c r="B6209" s="8">
        <v>3.1144185657642112</v>
      </c>
      <c r="C6209">
        <f t="shared" si="289"/>
        <v>9</v>
      </c>
      <c r="D6209">
        <f t="shared" si="290"/>
        <v>9</v>
      </c>
    </row>
    <row r="6210" spans="1:4" x14ac:dyDescent="0.25">
      <c r="A6210" s="7">
        <f t="shared" si="291"/>
        <v>44820.416666651625</v>
      </c>
      <c r="B6210" s="8">
        <v>5.6384211103883173</v>
      </c>
      <c r="C6210">
        <f t="shared" si="289"/>
        <v>10</v>
      </c>
      <c r="D6210">
        <f t="shared" si="290"/>
        <v>9</v>
      </c>
    </row>
    <row r="6211" spans="1:4" x14ac:dyDescent="0.25">
      <c r="A6211" s="7">
        <f t="shared" si="291"/>
        <v>44820.458333318289</v>
      </c>
      <c r="B6211" s="8">
        <v>10.013576383020448</v>
      </c>
      <c r="C6211">
        <f t="shared" si="289"/>
        <v>11</v>
      </c>
      <c r="D6211">
        <f t="shared" si="290"/>
        <v>9</v>
      </c>
    </row>
    <row r="6212" spans="1:4" x14ac:dyDescent="0.25">
      <c r="A6212" s="7">
        <f t="shared" si="291"/>
        <v>44820.499999984953</v>
      </c>
      <c r="B6212" s="8">
        <v>11.520837392090645</v>
      </c>
      <c r="C6212">
        <f t="shared" si="289"/>
        <v>12</v>
      </c>
      <c r="D6212">
        <f t="shared" si="290"/>
        <v>9</v>
      </c>
    </row>
    <row r="6213" spans="1:4" x14ac:dyDescent="0.25">
      <c r="A6213" s="7">
        <f t="shared" si="291"/>
        <v>44820.541666651618</v>
      </c>
      <c r="B6213" s="8">
        <v>10.681277243679812</v>
      </c>
      <c r="C6213">
        <f t="shared" si="289"/>
        <v>13</v>
      </c>
      <c r="D6213">
        <f t="shared" si="290"/>
        <v>9</v>
      </c>
    </row>
    <row r="6214" spans="1:4" x14ac:dyDescent="0.25">
      <c r="A6214" s="7">
        <f t="shared" si="291"/>
        <v>44820.583333318282</v>
      </c>
      <c r="B6214" s="8">
        <v>19.886963267639697</v>
      </c>
      <c r="C6214">
        <f t="shared" si="289"/>
        <v>14</v>
      </c>
      <c r="D6214">
        <f t="shared" si="290"/>
        <v>9</v>
      </c>
    </row>
    <row r="6215" spans="1:4" x14ac:dyDescent="0.25">
      <c r="A6215" s="7">
        <f t="shared" si="291"/>
        <v>44820.624999984946</v>
      </c>
      <c r="B6215" s="8">
        <v>14.602987380792246</v>
      </c>
      <c r="C6215">
        <f t="shared" si="289"/>
        <v>15</v>
      </c>
      <c r="D6215">
        <f t="shared" si="290"/>
        <v>9</v>
      </c>
    </row>
    <row r="6216" spans="1:4" x14ac:dyDescent="0.25">
      <c r="A6216" s="7">
        <f t="shared" si="291"/>
        <v>44820.66666665161</v>
      </c>
      <c r="B6216" s="8">
        <v>12.034115951754284</v>
      </c>
      <c r="C6216">
        <f t="shared" si="289"/>
        <v>16</v>
      </c>
      <c r="D6216">
        <f t="shared" si="290"/>
        <v>9</v>
      </c>
    </row>
    <row r="6217" spans="1:4" x14ac:dyDescent="0.25">
      <c r="A6217" s="7">
        <f t="shared" si="291"/>
        <v>44820.708333318275</v>
      </c>
      <c r="B6217" s="8">
        <v>7.8014144401808601</v>
      </c>
      <c r="C6217">
        <f t="shared" si="289"/>
        <v>17</v>
      </c>
      <c r="D6217">
        <f t="shared" si="290"/>
        <v>9</v>
      </c>
    </row>
    <row r="6218" spans="1:4" x14ac:dyDescent="0.25">
      <c r="A6218" s="7">
        <f t="shared" si="291"/>
        <v>44820.749999984939</v>
      </c>
      <c r="B6218" s="8">
        <v>2.9834046387966904</v>
      </c>
      <c r="C6218">
        <f t="shared" ref="C6218:C6281" si="292">HOUR(A6218)</f>
        <v>18</v>
      </c>
      <c r="D6218">
        <f t="shared" ref="D6218:D6281" si="293">MONTH(A6218)</f>
        <v>9</v>
      </c>
    </row>
    <row r="6219" spans="1:4" x14ac:dyDescent="0.25">
      <c r="A6219" s="7">
        <f t="shared" ref="A6219:A6282" si="294">+A6218+1/24</f>
        <v>44820.791666651603</v>
      </c>
      <c r="B6219" s="8">
        <v>0.20011052487827158</v>
      </c>
      <c r="C6219">
        <f t="shared" si="292"/>
        <v>19</v>
      </c>
      <c r="D6219">
        <f t="shared" si="293"/>
        <v>9</v>
      </c>
    </row>
    <row r="6220" spans="1:4" x14ac:dyDescent="0.25">
      <c r="A6220" s="7">
        <f t="shared" si="294"/>
        <v>44820.833333318267</v>
      </c>
      <c r="B6220" s="8">
        <v>-4.9800999999999998E-2</v>
      </c>
      <c r="C6220">
        <f t="shared" si="292"/>
        <v>20</v>
      </c>
      <c r="D6220">
        <f t="shared" si="293"/>
        <v>9</v>
      </c>
    </row>
    <row r="6221" spans="1:4" x14ac:dyDescent="0.25">
      <c r="A6221" s="7">
        <f t="shared" si="294"/>
        <v>44820.874999984931</v>
      </c>
      <c r="B6221" s="8">
        <v>-4.9800999999999998E-2</v>
      </c>
      <c r="C6221">
        <f t="shared" si="292"/>
        <v>21</v>
      </c>
      <c r="D6221">
        <f t="shared" si="293"/>
        <v>9</v>
      </c>
    </row>
    <row r="6222" spans="1:4" x14ac:dyDescent="0.25">
      <c r="A6222" s="7">
        <f t="shared" si="294"/>
        <v>44820.916666651596</v>
      </c>
      <c r="B6222" s="8">
        <v>-4.9800999999999998E-2</v>
      </c>
      <c r="C6222">
        <f t="shared" si="292"/>
        <v>22</v>
      </c>
      <c r="D6222">
        <f t="shared" si="293"/>
        <v>9</v>
      </c>
    </row>
    <row r="6223" spans="1:4" x14ac:dyDescent="0.25">
      <c r="A6223" s="7">
        <f t="shared" si="294"/>
        <v>44820.95833331826</v>
      </c>
      <c r="B6223" s="8">
        <v>-4.9800999999999998E-2</v>
      </c>
      <c r="C6223">
        <f t="shared" si="292"/>
        <v>23</v>
      </c>
      <c r="D6223">
        <f t="shared" si="293"/>
        <v>9</v>
      </c>
    </row>
    <row r="6224" spans="1:4" x14ac:dyDescent="0.25">
      <c r="A6224" s="7">
        <f t="shared" si="294"/>
        <v>44820.999999984924</v>
      </c>
      <c r="B6224" s="8">
        <v>-4.9800999999999998E-2</v>
      </c>
      <c r="C6224">
        <f t="shared" si="292"/>
        <v>0</v>
      </c>
      <c r="D6224">
        <f t="shared" si="293"/>
        <v>9</v>
      </c>
    </row>
    <row r="6225" spans="1:4" x14ac:dyDescent="0.25">
      <c r="A6225" s="7">
        <f t="shared" si="294"/>
        <v>44821.041666651588</v>
      </c>
      <c r="B6225" s="8">
        <v>-4.9800999999999998E-2</v>
      </c>
      <c r="C6225">
        <f t="shared" si="292"/>
        <v>1</v>
      </c>
      <c r="D6225">
        <f t="shared" si="293"/>
        <v>9</v>
      </c>
    </row>
    <row r="6226" spans="1:4" x14ac:dyDescent="0.25">
      <c r="A6226" s="7">
        <f t="shared" si="294"/>
        <v>44821.083333318253</v>
      </c>
      <c r="B6226" s="8">
        <v>-4.9800999999999998E-2</v>
      </c>
      <c r="C6226">
        <f t="shared" si="292"/>
        <v>2</v>
      </c>
      <c r="D6226">
        <f t="shared" si="293"/>
        <v>9</v>
      </c>
    </row>
    <row r="6227" spans="1:4" x14ac:dyDescent="0.25">
      <c r="A6227" s="7">
        <f t="shared" si="294"/>
        <v>44821.124999984917</v>
      </c>
      <c r="B6227" s="8">
        <v>-4.9800999999999998E-2</v>
      </c>
      <c r="C6227">
        <f t="shared" si="292"/>
        <v>3</v>
      </c>
      <c r="D6227">
        <f t="shared" si="293"/>
        <v>9</v>
      </c>
    </row>
    <row r="6228" spans="1:4" x14ac:dyDescent="0.25">
      <c r="A6228" s="7">
        <f t="shared" si="294"/>
        <v>44821.166666651581</v>
      </c>
      <c r="B6228" s="8">
        <v>-4.9800999999999998E-2</v>
      </c>
      <c r="C6228">
        <f t="shared" si="292"/>
        <v>4</v>
      </c>
      <c r="D6228">
        <f t="shared" si="293"/>
        <v>9</v>
      </c>
    </row>
    <row r="6229" spans="1:4" x14ac:dyDescent="0.25">
      <c r="A6229" s="7">
        <f t="shared" si="294"/>
        <v>44821.208333318245</v>
      </c>
      <c r="B6229" s="8">
        <v>-4.9800999999999998E-2</v>
      </c>
      <c r="C6229">
        <f t="shared" si="292"/>
        <v>5</v>
      </c>
      <c r="D6229">
        <f t="shared" si="293"/>
        <v>9</v>
      </c>
    </row>
    <row r="6230" spans="1:4" x14ac:dyDescent="0.25">
      <c r="A6230" s="7">
        <f t="shared" si="294"/>
        <v>44821.24999998491</v>
      </c>
      <c r="B6230" s="8">
        <v>-4.9800999999999998E-2</v>
      </c>
      <c r="C6230">
        <f t="shared" si="292"/>
        <v>6</v>
      </c>
      <c r="D6230">
        <f t="shared" si="293"/>
        <v>9</v>
      </c>
    </row>
    <row r="6231" spans="1:4" x14ac:dyDescent="0.25">
      <c r="A6231" s="7">
        <f t="shared" si="294"/>
        <v>44821.291666651574</v>
      </c>
      <c r="B6231" s="8">
        <v>0.24045500643984682</v>
      </c>
      <c r="C6231">
        <f t="shared" si="292"/>
        <v>7</v>
      </c>
      <c r="D6231">
        <f t="shared" si="293"/>
        <v>9</v>
      </c>
    </row>
    <row r="6232" spans="1:4" x14ac:dyDescent="0.25">
      <c r="A6232" s="7">
        <f t="shared" si="294"/>
        <v>44821.333333318238</v>
      </c>
      <c r="B6232" s="8">
        <v>1.1189930400154153</v>
      </c>
      <c r="C6232">
        <f t="shared" si="292"/>
        <v>8</v>
      </c>
      <c r="D6232">
        <f t="shared" si="293"/>
        <v>9</v>
      </c>
    </row>
    <row r="6233" spans="1:4" x14ac:dyDescent="0.25">
      <c r="A6233" s="7">
        <f t="shared" si="294"/>
        <v>44821.374999984902</v>
      </c>
      <c r="B6233" s="8">
        <v>3.5297226760544906</v>
      </c>
      <c r="C6233">
        <f t="shared" si="292"/>
        <v>9</v>
      </c>
      <c r="D6233">
        <f t="shared" si="293"/>
        <v>9</v>
      </c>
    </row>
    <row r="6234" spans="1:4" x14ac:dyDescent="0.25">
      <c r="A6234" s="7">
        <f t="shared" si="294"/>
        <v>44821.416666651567</v>
      </c>
      <c r="B6234" s="8">
        <v>6.0553092769847359</v>
      </c>
      <c r="C6234">
        <f t="shared" si="292"/>
        <v>10</v>
      </c>
      <c r="D6234">
        <f t="shared" si="293"/>
        <v>9</v>
      </c>
    </row>
    <row r="6235" spans="1:4" x14ac:dyDescent="0.25">
      <c r="A6235" s="7">
        <f t="shared" si="294"/>
        <v>44821.458333318231</v>
      </c>
      <c r="B6235" s="8">
        <v>9.6147713992135699</v>
      </c>
      <c r="C6235">
        <f t="shared" si="292"/>
        <v>11</v>
      </c>
      <c r="D6235">
        <f t="shared" si="293"/>
        <v>9</v>
      </c>
    </row>
    <row r="6236" spans="1:4" x14ac:dyDescent="0.25">
      <c r="A6236" s="7">
        <f t="shared" si="294"/>
        <v>44821.499999984895</v>
      </c>
      <c r="B6236" s="8">
        <v>19.28231547452075</v>
      </c>
      <c r="C6236">
        <f t="shared" si="292"/>
        <v>12</v>
      </c>
      <c r="D6236">
        <f t="shared" si="293"/>
        <v>9</v>
      </c>
    </row>
    <row r="6237" spans="1:4" x14ac:dyDescent="0.25">
      <c r="A6237" s="7">
        <f t="shared" si="294"/>
        <v>44821.541666651559</v>
      </c>
      <c r="B6237" s="8">
        <v>19.392761404284869</v>
      </c>
      <c r="C6237">
        <f t="shared" si="292"/>
        <v>13</v>
      </c>
      <c r="D6237">
        <f t="shared" si="293"/>
        <v>9</v>
      </c>
    </row>
    <row r="6238" spans="1:4" x14ac:dyDescent="0.25">
      <c r="A6238" s="7">
        <f t="shared" si="294"/>
        <v>44821.583333318224</v>
      </c>
      <c r="B6238" s="8">
        <v>18.90050946580396</v>
      </c>
      <c r="C6238">
        <f t="shared" si="292"/>
        <v>14</v>
      </c>
      <c r="D6238">
        <f t="shared" si="293"/>
        <v>9</v>
      </c>
    </row>
    <row r="6239" spans="1:4" x14ac:dyDescent="0.25">
      <c r="A6239" s="7">
        <f t="shared" si="294"/>
        <v>44821.624999984888</v>
      </c>
      <c r="B6239" s="8">
        <v>14.248210299001167</v>
      </c>
      <c r="C6239">
        <f t="shared" si="292"/>
        <v>15</v>
      </c>
      <c r="D6239">
        <f t="shared" si="293"/>
        <v>9</v>
      </c>
    </row>
    <row r="6240" spans="1:4" x14ac:dyDescent="0.25">
      <c r="A6240" s="7">
        <f t="shared" si="294"/>
        <v>44821.666666651552</v>
      </c>
      <c r="B6240" s="8">
        <v>8.3925292187546425</v>
      </c>
      <c r="C6240">
        <f t="shared" si="292"/>
        <v>16</v>
      </c>
      <c r="D6240">
        <f t="shared" si="293"/>
        <v>9</v>
      </c>
    </row>
    <row r="6241" spans="1:4" x14ac:dyDescent="0.25">
      <c r="A6241" s="7">
        <f t="shared" si="294"/>
        <v>44821.708333318216</v>
      </c>
      <c r="B6241" s="8">
        <v>4.2426057282956124</v>
      </c>
      <c r="C6241">
        <f t="shared" si="292"/>
        <v>17</v>
      </c>
      <c r="D6241">
        <f t="shared" si="293"/>
        <v>9</v>
      </c>
    </row>
    <row r="6242" spans="1:4" x14ac:dyDescent="0.25">
      <c r="A6242" s="7">
        <f t="shared" si="294"/>
        <v>44821.749999984881</v>
      </c>
      <c r="B6242" s="8">
        <v>0.90877526712523016</v>
      </c>
      <c r="C6242">
        <f t="shared" si="292"/>
        <v>18</v>
      </c>
      <c r="D6242">
        <f t="shared" si="293"/>
        <v>9</v>
      </c>
    </row>
    <row r="6243" spans="1:4" x14ac:dyDescent="0.25">
      <c r="A6243" s="7">
        <f t="shared" si="294"/>
        <v>44821.791666651545</v>
      </c>
      <c r="B6243" s="8">
        <v>-4.9800999999999998E-2</v>
      </c>
      <c r="C6243">
        <f t="shared" si="292"/>
        <v>19</v>
      </c>
      <c r="D6243">
        <f t="shared" si="293"/>
        <v>9</v>
      </c>
    </row>
    <row r="6244" spans="1:4" x14ac:dyDescent="0.25">
      <c r="A6244" s="7">
        <f t="shared" si="294"/>
        <v>44821.833333318209</v>
      </c>
      <c r="B6244" s="8">
        <v>-4.9800999999999998E-2</v>
      </c>
      <c r="C6244">
        <f t="shared" si="292"/>
        <v>20</v>
      </c>
      <c r="D6244">
        <f t="shared" si="293"/>
        <v>9</v>
      </c>
    </row>
    <row r="6245" spans="1:4" x14ac:dyDescent="0.25">
      <c r="A6245" s="7">
        <f t="shared" si="294"/>
        <v>44821.874999984873</v>
      </c>
      <c r="B6245" s="8">
        <v>-4.9800999999999998E-2</v>
      </c>
      <c r="C6245">
        <f t="shared" si="292"/>
        <v>21</v>
      </c>
      <c r="D6245">
        <f t="shared" si="293"/>
        <v>9</v>
      </c>
    </row>
    <row r="6246" spans="1:4" x14ac:dyDescent="0.25">
      <c r="A6246" s="7">
        <f t="shared" si="294"/>
        <v>44821.916666651538</v>
      </c>
      <c r="B6246" s="8">
        <v>-4.9800999999999998E-2</v>
      </c>
      <c r="C6246">
        <f t="shared" si="292"/>
        <v>22</v>
      </c>
      <c r="D6246">
        <f t="shared" si="293"/>
        <v>9</v>
      </c>
    </row>
    <row r="6247" spans="1:4" x14ac:dyDescent="0.25">
      <c r="A6247" s="7">
        <f t="shared" si="294"/>
        <v>44821.958333318202</v>
      </c>
      <c r="B6247" s="8">
        <v>-4.9800999999999998E-2</v>
      </c>
      <c r="C6247">
        <f t="shared" si="292"/>
        <v>23</v>
      </c>
      <c r="D6247">
        <f t="shared" si="293"/>
        <v>9</v>
      </c>
    </row>
    <row r="6248" spans="1:4" x14ac:dyDescent="0.25">
      <c r="A6248" s="7">
        <f t="shared" si="294"/>
        <v>44821.999999984866</v>
      </c>
      <c r="B6248" s="8">
        <v>-4.9800999999999998E-2</v>
      </c>
      <c r="C6248">
        <f t="shared" si="292"/>
        <v>0</v>
      </c>
      <c r="D6248">
        <f t="shared" si="293"/>
        <v>9</v>
      </c>
    </row>
    <row r="6249" spans="1:4" x14ac:dyDescent="0.25">
      <c r="A6249" s="7">
        <f t="shared" si="294"/>
        <v>44822.04166665153</v>
      </c>
      <c r="B6249" s="8">
        <v>-4.9800999999999998E-2</v>
      </c>
      <c r="C6249">
        <f t="shared" si="292"/>
        <v>1</v>
      </c>
      <c r="D6249">
        <f t="shared" si="293"/>
        <v>9</v>
      </c>
    </row>
    <row r="6250" spans="1:4" x14ac:dyDescent="0.25">
      <c r="A6250" s="7">
        <f t="shared" si="294"/>
        <v>44822.083333318194</v>
      </c>
      <c r="B6250" s="8">
        <v>-4.9800999999999998E-2</v>
      </c>
      <c r="C6250">
        <f t="shared" si="292"/>
        <v>2</v>
      </c>
      <c r="D6250">
        <f t="shared" si="293"/>
        <v>9</v>
      </c>
    </row>
    <row r="6251" spans="1:4" x14ac:dyDescent="0.25">
      <c r="A6251" s="7">
        <f t="shared" si="294"/>
        <v>44822.124999984859</v>
      </c>
      <c r="B6251" s="8">
        <v>-4.9800999999999998E-2</v>
      </c>
      <c r="C6251">
        <f t="shared" si="292"/>
        <v>3</v>
      </c>
      <c r="D6251">
        <f t="shared" si="293"/>
        <v>9</v>
      </c>
    </row>
    <row r="6252" spans="1:4" x14ac:dyDescent="0.25">
      <c r="A6252" s="7">
        <f t="shared" si="294"/>
        <v>44822.166666651523</v>
      </c>
      <c r="B6252" s="8">
        <v>-4.9800999999999998E-2</v>
      </c>
      <c r="C6252">
        <f t="shared" si="292"/>
        <v>4</v>
      </c>
      <c r="D6252">
        <f t="shared" si="293"/>
        <v>9</v>
      </c>
    </row>
    <row r="6253" spans="1:4" x14ac:dyDescent="0.25">
      <c r="A6253" s="7">
        <f t="shared" si="294"/>
        <v>44822.208333318187</v>
      </c>
      <c r="B6253" s="8">
        <v>-4.9800999999999998E-2</v>
      </c>
      <c r="C6253">
        <f t="shared" si="292"/>
        <v>5</v>
      </c>
      <c r="D6253">
        <f t="shared" si="293"/>
        <v>9</v>
      </c>
    </row>
    <row r="6254" spans="1:4" x14ac:dyDescent="0.25">
      <c r="A6254" s="7">
        <f t="shared" si="294"/>
        <v>44822.249999984851</v>
      </c>
      <c r="B6254" s="8">
        <v>-4.9800999999999998E-2</v>
      </c>
      <c r="C6254">
        <f t="shared" si="292"/>
        <v>6</v>
      </c>
      <c r="D6254">
        <f t="shared" si="293"/>
        <v>9</v>
      </c>
    </row>
    <row r="6255" spans="1:4" x14ac:dyDescent="0.25">
      <c r="A6255" s="7">
        <f t="shared" si="294"/>
        <v>44822.291666651516</v>
      </c>
      <c r="B6255" s="8">
        <v>0.33315167289600489</v>
      </c>
      <c r="C6255">
        <f t="shared" si="292"/>
        <v>7</v>
      </c>
      <c r="D6255">
        <f t="shared" si="293"/>
        <v>9</v>
      </c>
    </row>
    <row r="6256" spans="1:4" x14ac:dyDescent="0.25">
      <c r="A6256" s="7">
        <f t="shared" si="294"/>
        <v>44822.33333331818</v>
      </c>
      <c r="B6256" s="8">
        <v>4.4723722194778315</v>
      </c>
      <c r="C6256">
        <f t="shared" si="292"/>
        <v>8</v>
      </c>
      <c r="D6256">
        <f t="shared" si="293"/>
        <v>9</v>
      </c>
    </row>
    <row r="6257" spans="1:4" x14ac:dyDescent="0.25">
      <c r="A6257" s="7">
        <f t="shared" si="294"/>
        <v>44822.374999984844</v>
      </c>
      <c r="B6257" s="8">
        <v>10.364297992095416</v>
      </c>
      <c r="C6257">
        <f t="shared" si="292"/>
        <v>9</v>
      </c>
      <c r="D6257">
        <f t="shared" si="293"/>
        <v>9</v>
      </c>
    </row>
    <row r="6258" spans="1:4" x14ac:dyDescent="0.25">
      <c r="A6258" s="7">
        <f t="shared" si="294"/>
        <v>44822.416666651508</v>
      </c>
      <c r="B6258" s="8">
        <v>15.871961798821502</v>
      </c>
      <c r="C6258">
        <f t="shared" si="292"/>
        <v>10</v>
      </c>
      <c r="D6258">
        <f t="shared" si="293"/>
        <v>9</v>
      </c>
    </row>
    <row r="6259" spans="1:4" x14ac:dyDescent="0.25">
      <c r="A6259" s="7">
        <f t="shared" si="294"/>
        <v>44822.458333318173</v>
      </c>
      <c r="B6259" s="8">
        <v>11.80861517888769</v>
      </c>
      <c r="C6259">
        <f t="shared" si="292"/>
        <v>11</v>
      </c>
      <c r="D6259">
        <f t="shared" si="293"/>
        <v>9</v>
      </c>
    </row>
    <row r="6260" spans="1:4" x14ac:dyDescent="0.25">
      <c r="A6260" s="7">
        <f t="shared" si="294"/>
        <v>44822.499999984837</v>
      </c>
      <c r="B6260" s="8">
        <v>14.63760163915139</v>
      </c>
      <c r="C6260">
        <f t="shared" si="292"/>
        <v>12</v>
      </c>
      <c r="D6260">
        <f t="shared" si="293"/>
        <v>9</v>
      </c>
    </row>
    <row r="6261" spans="1:4" x14ac:dyDescent="0.25">
      <c r="A6261" s="7">
        <f t="shared" si="294"/>
        <v>44822.541666651501</v>
      </c>
      <c r="B6261" s="8">
        <v>8.5314531210960212</v>
      </c>
      <c r="C6261">
        <f t="shared" si="292"/>
        <v>13</v>
      </c>
      <c r="D6261">
        <f t="shared" si="293"/>
        <v>9</v>
      </c>
    </row>
    <row r="6262" spans="1:4" x14ac:dyDescent="0.25">
      <c r="A6262" s="7">
        <f t="shared" si="294"/>
        <v>44822.583333318165</v>
      </c>
      <c r="B6262" s="8">
        <v>2.6377175873375256</v>
      </c>
      <c r="C6262">
        <f t="shared" si="292"/>
        <v>14</v>
      </c>
      <c r="D6262">
        <f t="shared" si="293"/>
        <v>9</v>
      </c>
    </row>
    <row r="6263" spans="1:4" x14ac:dyDescent="0.25">
      <c r="A6263" s="7">
        <f t="shared" si="294"/>
        <v>44822.62499998483</v>
      </c>
      <c r="B6263" s="8">
        <v>10.749414338388862</v>
      </c>
      <c r="C6263">
        <f t="shared" si="292"/>
        <v>15</v>
      </c>
      <c r="D6263">
        <f t="shared" si="293"/>
        <v>9</v>
      </c>
    </row>
    <row r="6264" spans="1:4" x14ac:dyDescent="0.25">
      <c r="A6264" s="7">
        <f t="shared" si="294"/>
        <v>44822.666666651494</v>
      </c>
      <c r="B6264" s="8">
        <v>10.209688119045223</v>
      </c>
      <c r="C6264">
        <f t="shared" si="292"/>
        <v>16</v>
      </c>
      <c r="D6264">
        <f t="shared" si="293"/>
        <v>9</v>
      </c>
    </row>
    <row r="6265" spans="1:4" x14ac:dyDescent="0.25">
      <c r="A6265" s="7">
        <f t="shared" si="294"/>
        <v>44822.708333318158</v>
      </c>
      <c r="B6265" s="8">
        <v>7.3262655689741134</v>
      </c>
      <c r="C6265">
        <f t="shared" si="292"/>
        <v>17</v>
      </c>
      <c r="D6265">
        <f t="shared" si="293"/>
        <v>9</v>
      </c>
    </row>
    <row r="6266" spans="1:4" x14ac:dyDescent="0.25">
      <c r="A6266" s="7">
        <f t="shared" si="294"/>
        <v>44822.749999984822</v>
      </c>
      <c r="B6266" s="8">
        <v>1.5768615780503703</v>
      </c>
      <c r="C6266">
        <f t="shared" si="292"/>
        <v>18</v>
      </c>
      <c r="D6266">
        <f t="shared" si="293"/>
        <v>9</v>
      </c>
    </row>
    <row r="6267" spans="1:4" x14ac:dyDescent="0.25">
      <c r="A6267" s="7">
        <f t="shared" si="294"/>
        <v>44822.791666651487</v>
      </c>
      <c r="B6267" s="8">
        <v>-4.9800999999999998E-2</v>
      </c>
      <c r="C6267">
        <f t="shared" si="292"/>
        <v>19</v>
      </c>
      <c r="D6267">
        <f t="shared" si="293"/>
        <v>9</v>
      </c>
    </row>
    <row r="6268" spans="1:4" x14ac:dyDescent="0.25">
      <c r="A6268" s="7">
        <f t="shared" si="294"/>
        <v>44822.833333318151</v>
      </c>
      <c r="B6268" s="8">
        <v>-4.9800999999999998E-2</v>
      </c>
      <c r="C6268">
        <f t="shared" si="292"/>
        <v>20</v>
      </c>
      <c r="D6268">
        <f t="shared" si="293"/>
        <v>9</v>
      </c>
    </row>
    <row r="6269" spans="1:4" x14ac:dyDescent="0.25">
      <c r="A6269" s="7">
        <f t="shared" si="294"/>
        <v>44822.874999984815</v>
      </c>
      <c r="B6269" s="8">
        <v>-4.9800999999999998E-2</v>
      </c>
      <c r="C6269">
        <f t="shared" si="292"/>
        <v>21</v>
      </c>
      <c r="D6269">
        <f t="shared" si="293"/>
        <v>9</v>
      </c>
    </row>
    <row r="6270" spans="1:4" x14ac:dyDescent="0.25">
      <c r="A6270" s="7">
        <f t="shared" si="294"/>
        <v>44822.916666651479</v>
      </c>
      <c r="B6270" s="8">
        <v>-4.9800999999999998E-2</v>
      </c>
      <c r="C6270">
        <f t="shared" si="292"/>
        <v>22</v>
      </c>
      <c r="D6270">
        <f t="shared" si="293"/>
        <v>9</v>
      </c>
    </row>
    <row r="6271" spans="1:4" x14ac:dyDescent="0.25">
      <c r="A6271" s="7">
        <f t="shared" si="294"/>
        <v>44822.958333318144</v>
      </c>
      <c r="B6271" s="8">
        <v>-4.9800999999999998E-2</v>
      </c>
      <c r="C6271">
        <f t="shared" si="292"/>
        <v>23</v>
      </c>
      <c r="D6271">
        <f t="shared" si="293"/>
        <v>9</v>
      </c>
    </row>
    <row r="6272" spans="1:4" x14ac:dyDescent="0.25">
      <c r="A6272" s="7">
        <f t="shared" si="294"/>
        <v>44822.999999984808</v>
      </c>
      <c r="B6272" s="8">
        <v>-4.9800999999999998E-2</v>
      </c>
      <c r="C6272">
        <f t="shared" si="292"/>
        <v>0</v>
      </c>
      <c r="D6272">
        <f t="shared" si="293"/>
        <v>9</v>
      </c>
    </row>
    <row r="6273" spans="1:4" x14ac:dyDescent="0.25">
      <c r="A6273" s="7">
        <f t="shared" si="294"/>
        <v>44823.041666651472</v>
      </c>
      <c r="B6273" s="8">
        <v>-4.9800999999999998E-2</v>
      </c>
      <c r="C6273">
        <f t="shared" si="292"/>
        <v>1</v>
      </c>
      <c r="D6273">
        <f t="shared" si="293"/>
        <v>9</v>
      </c>
    </row>
    <row r="6274" spans="1:4" x14ac:dyDescent="0.25">
      <c r="A6274" s="7">
        <f t="shared" si="294"/>
        <v>44823.083333318136</v>
      </c>
      <c r="B6274" s="8">
        <v>-4.9800999999999998E-2</v>
      </c>
      <c r="C6274">
        <f t="shared" si="292"/>
        <v>2</v>
      </c>
      <c r="D6274">
        <f t="shared" si="293"/>
        <v>9</v>
      </c>
    </row>
    <row r="6275" spans="1:4" x14ac:dyDescent="0.25">
      <c r="A6275" s="7">
        <f t="shared" si="294"/>
        <v>44823.124999984801</v>
      </c>
      <c r="B6275" s="8">
        <v>-4.9800999999999998E-2</v>
      </c>
      <c r="C6275">
        <f t="shared" si="292"/>
        <v>3</v>
      </c>
      <c r="D6275">
        <f t="shared" si="293"/>
        <v>9</v>
      </c>
    </row>
    <row r="6276" spans="1:4" x14ac:dyDescent="0.25">
      <c r="A6276" s="7">
        <f t="shared" si="294"/>
        <v>44823.166666651465</v>
      </c>
      <c r="B6276" s="8">
        <v>-4.9800999999999998E-2</v>
      </c>
      <c r="C6276">
        <f t="shared" si="292"/>
        <v>4</v>
      </c>
      <c r="D6276">
        <f t="shared" si="293"/>
        <v>9</v>
      </c>
    </row>
    <row r="6277" spans="1:4" x14ac:dyDescent="0.25">
      <c r="A6277" s="7">
        <f t="shared" si="294"/>
        <v>44823.208333318129</v>
      </c>
      <c r="B6277" s="8">
        <v>-4.9800999999999998E-2</v>
      </c>
      <c r="C6277">
        <f t="shared" si="292"/>
        <v>5</v>
      </c>
      <c r="D6277">
        <f t="shared" si="293"/>
        <v>9</v>
      </c>
    </row>
    <row r="6278" spans="1:4" x14ac:dyDescent="0.25">
      <c r="A6278" s="7">
        <f t="shared" si="294"/>
        <v>44823.249999984793</v>
      </c>
      <c r="B6278" s="8">
        <v>-4.9800999999999998E-2</v>
      </c>
      <c r="C6278">
        <f t="shared" si="292"/>
        <v>6</v>
      </c>
      <c r="D6278">
        <f t="shared" si="293"/>
        <v>9</v>
      </c>
    </row>
    <row r="6279" spans="1:4" x14ac:dyDescent="0.25">
      <c r="A6279" s="7">
        <f t="shared" si="294"/>
        <v>44823.291666651457</v>
      </c>
      <c r="B6279" s="8">
        <v>0.3335350619304121</v>
      </c>
      <c r="C6279">
        <f t="shared" si="292"/>
        <v>7</v>
      </c>
      <c r="D6279">
        <f t="shared" si="293"/>
        <v>9</v>
      </c>
    </row>
    <row r="6280" spans="1:4" x14ac:dyDescent="0.25">
      <c r="A6280" s="7">
        <f t="shared" si="294"/>
        <v>44823.333333318122</v>
      </c>
      <c r="B6280" s="8">
        <v>4.2876889807717165</v>
      </c>
      <c r="C6280">
        <f t="shared" si="292"/>
        <v>8</v>
      </c>
      <c r="D6280">
        <f t="shared" si="293"/>
        <v>9</v>
      </c>
    </row>
    <row r="6281" spans="1:4" x14ac:dyDescent="0.25">
      <c r="A6281" s="7">
        <f t="shared" si="294"/>
        <v>44823.374999984786</v>
      </c>
      <c r="B6281" s="8">
        <v>9.8551954871829004</v>
      </c>
      <c r="C6281">
        <f t="shared" si="292"/>
        <v>9</v>
      </c>
      <c r="D6281">
        <f t="shared" si="293"/>
        <v>9</v>
      </c>
    </row>
    <row r="6282" spans="1:4" x14ac:dyDescent="0.25">
      <c r="A6282" s="7">
        <f t="shared" si="294"/>
        <v>44823.41666665145</v>
      </c>
      <c r="B6282" s="8">
        <v>12.721617000932552</v>
      </c>
      <c r="C6282">
        <f t="shared" ref="C6282:C6345" si="295">HOUR(A6282)</f>
        <v>10</v>
      </c>
      <c r="D6282">
        <f t="shared" ref="D6282:D6345" si="296">MONTH(A6282)</f>
        <v>9</v>
      </c>
    </row>
    <row r="6283" spans="1:4" x14ac:dyDescent="0.25">
      <c r="A6283" s="7">
        <f t="shared" ref="A6283:A6346" si="297">+A6282+1/24</f>
        <v>44823.458333318114</v>
      </c>
      <c r="B6283" s="8">
        <v>19.291602352448287</v>
      </c>
      <c r="C6283">
        <f t="shared" si="295"/>
        <v>11</v>
      </c>
      <c r="D6283">
        <f t="shared" si="296"/>
        <v>9</v>
      </c>
    </row>
    <row r="6284" spans="1:4" x14ac:dyDescent="0.25">
      <c r="A6284" s="7">
        <f t="shared" si="297"/>
        <v>44823.499999984779</v>
      </c>
      <c r="B6284" s="8">
        <v>6.6044573849104999</v>
      </c>
      <c r="C6284">
        <f t="shared" si="295"/>
        <v>12</v>
      </c>
      <c r="D6284">
        <f t="shared" si="296"/>
        <v>9</v>
      </c>
    </row>
    <row r="6285" spans="1:4" x14ac:dyDescent="0.25">
      <c r="A6285" s="7">
        <f t="shared" si="297"/>
        <v>44823.541666651443</v>
      </c>
      <c r="B6285" s="8">
        <v>5.5360655137427379</v>
      </c>
      <c r="C6285">
        <f t="shared" si="295"/>
        <v>13</v>
      </c>
      <c r="D6285">
        <f t="shared" si="296"/>
        <v>9</v>
      </c>
    </row>
    <row r="6286" spans="1:4" x14ac:dyDescent="0.25">
      <c r="A6286" s="7">
        <f t="shared" si="297"/>
        <v>44823.583333318107</v>
      </c>
      <c r="B6286" s="8">
        <v>19.283830479576068</v>
      </c>
      <c r="C6286">
        <f t="shared" si="295"/>
        <v>14</v>
      </c>
      <c r="D6286">
        <f t="shared" si="296"/>
        <v>9</v>
      </c>
    </row>
    <row r="6287" spans="1:4" x14ac:dyDescent="0.25">
      <c r="A6287" s="7">
        <f t="shared" si="297"/>
        <v>44823.624999984771</v>
      </c>
      <c r="B6287" s="8">
        <v>17.930074523542931</v>
      </c>
      <c r="C6287">
        <f t="shared" si="295"/>
        <v>15</v>
      </c>
      <c r="D6287">
        <f t="shared" si="296"/>
        <v>9</v>
      </c>
    </row>
    <row r="6288" spans="1:4" x14ac:dyDescent="0.25">
      <c r="A6288" s="7">
        <f t="shared" si="297"/>
        <v>44823.666666651436</v>
      </c>
      <c r="B6288" s="8">
        <v>14.043654728678277</v>
      </c>
      <c r="C6288">
        <f t="shared" si="295"/>
        <v>16</v>
      </c>
      <c r="D6288">
        <f t="shared" si="296"/>
        <v>9</v>
      </c>
    </row>
    <row r="6289" spans="1:4" x14ac:dyDescent="0.25">
      <c r="A6289" s="7">
        <f t="shared" si="297"/>
        <v>44823.7083333181</v>
      </c>
      <c r="B6289" s="8">
        <v>8.5404576103261718</v>
      </c>
      <c r="C6289">
        <f t="shared" si="295"/>
        <v>17</v>
      </c>
      <c r="D6289">
        <f t="shared" si="296"/>
        <v>9</v>
      </c>
    </row>
    <row r="6290" spans="1:4" x14ac:dyDescent="0.25">
      <c r="A6290" s="7">
        <f t="shared" si="297"/>
        <v>44823.749999984764</v>
      </c>
      <c r="B6290" s="8">
        <v>2.8490948028720875</v>
      </c>
      <c r="C6290">
        <f t="shared" si="295"/>
        <v>18</v>
      </c>
      <c r="D6290">
        <f t="shared" si="296"/>
        <v>9</v>
      </c>
    </row>
    <row r="6291" spans="1:4" x14ac:dyDescent="0.25">
      <c r="A6291" s="7">
        <f t="shared" si="297"/>
        <v>44823.791666651428</v>
      </c>
      <c r="B6291" s="8">
        <v>-4.9800999999999998E-2</v>
      </c>
      <c r="C6291">
        <f t="shared" si="295"/>
        <v>19</v>
      </c>
      <c r="D6291">
        <f t="shared" si="296"/>
        <v>9</v>
      </c>
    </row>
    <row r="6292" spans="1:4" x14ac:dyDescent="0.25">
      <c r="A6292" s="7">
        <f t="shared" si="297"/>
        <v>44823.833333318093</v>
      </c>
      <c r="B6292" s="8">
        <v>-4.9800999999999998E-2</v>
      </c>
      <c r="C6292">
        <f t="shared" si="295"/>
        <v>20</v>
      </c>
      <c r="D6292">
        <f t="shared" si="296"/>
        <v>9</v>
      </c>
    </row>
    <row r="6293" spans="1:4" x14ac:dyDescent="0.25">
      <c r="A6293" s="7">
        <f t="shared" si="297"/>
        <v>44823.874999984757</v>
      </c>
      <c r="B6293" s="8">
        <v>-4.9800999999999998E-2</v>
      </c>
      <c r="C6293">
        <f t="shared" si="295"/>
        <v>21</v>
      </c>
      <c r="D6293">
        <f t="shared" si="296"/>
        <v>9</v>
      </c>
    </row>
    <row r="6294" spans="1:4" x14ac:dyDescent="0.25">
      <c r="A6294" s="7">
        <f t="shared" si="297"/>
        <v>44823.916666651421</v>
      </c>
      <c r="B6294" s="8">
        <v>-4.9800999999999998E-2</v>
      </c>
      <c r="C6294">
        <f t="shared" si="295"/>
        <v>22</v>
      </c>
      <c r="D6294">
        <f t="shared" si="296"/>
        <v>9</v>
      </c>
    </row>
    <row r="6295" spans="1:4" x14ac:dyDescent="0.25">
      <c r="A6295" s="7">
        <f t="shared" si="297"/>
        <v>44823.958333318085</v>
      </c>
      <c r="B6295" s="8">
        <v>-4.9800999999999998E-2</v>
      </c>
      <c r="C6295">
        <f t="shared" si="295"/>
        <v>23</v>
      </c>
      <c r="D6295">
        <f t="shared" si="296"/>
        <v>9</v>
      </c>
    </row>
    <row r="6296" spans="1:4" x14ac:dyDescent="0.25">
      <c r="A6296" s="7">
        <f t="shared" si="297"/>
        <v>44823.99999998475</v>
      </c>
      <c r="B6296" s="8">
        <v>-4.9800999999999998E-2</v>
      </c>
      <c r="C6296">
        <f t="shared" si="295"/>
        <v>0</v>
      </c>
      <c r="D6296">
        <f t="shared" si="296"/>
        <v>9</v>
      </c>
    </row>
    <row r="6297" spans="1:4" x14ac:dyDescent="0.25">
      <c r="A6297" s="7">
        <f t="shared" si="297"/>
        <v>44824.041666651414</v>
      </c>
      <c r="B6297" s="8">
        <v>-4.9800999999999998E-2</v>
      </c>
      <c r="C6297">
        <f t="shared" si="295"/>
        <v>1</v>
      </c>
      <c r="D6297">
        <f t="shared" si="296"/>
        <v>9</v>
      </c>
    </row>
    <row r="6298" spans="1:4" x14ac:dyDescent="0.25">
      <c r="A6298" s="7">
        <f t="shared" si="297"/>
        <v>44824.083333318078</v>
      </c>
      <c r="B6298" s="8">
        <v>-4.9800999999999998E-2</v>
      </c>
      <c r="C6298">
        <f t="shared" si="295"/>
        <v>2</v>
      </c>
      <c r="D6298">
        <f t="shared" si="296"/>
        <v>9</v>
      </c>
    </row>
    <row r="6299" spans="1:4" x14ac:dyDescent="0.25">
      <c r="A6299" s="7">
        <f t="shared" si="297"/>
        <v>44824.124999984742</v>
      </c>
      <c r="B6299" s="8">
        <v>-4.9800999999999998E-2</v>
      </c>
      <c r="C6299">
        <f t="shared" si="295"/>
        <v>3</v>
      </c>
      <c r="D6299">
        <f t="shared" si="296"/>
        <v>9</v>
      </c>
    </row>
    <row r="6300" spans="1:4" x14ac:dyDescent="0.25">
      <c r="A6300" s="7">
        <f t="shared" si="297"/>
        <v>44824.166666651407</v>
      </c>
      <c r="B6300" s="8">
        <v>-4.9800999999999998E-2</v>
      </c>
      <c r="C6300">
        <f t="shared" si="295"/>
        <v>4</v>
      </c>
      <c r="D6300">
        <f t="shared" si="296"/>
        <v>9</v>
      </c>
    </row>
    <row r="6301" spans="1:4" x14ac:dyDescent="0.25">
      <c r="A6301" s="7">
        <f t="shared" si="297"/>
        <v>44824.208333318071</v>
      </c>
      <c r="B6301" s="8">
        <v>-4.9800999999999998E-2</v>
      </c>
      <c r="C6301">
        <f t="shared" si="295"/>
        <v>5</v>
      </c>
      <c r="D6301">
        <f t="shared" si="296"/>
        <v>9</v>
      </c>
    </row>
    <row r="6302" spans="1:4" x14ac:dyDescent="0.25">
      <c r="A6302" s="7">
        <f t="shared" si="297"/>
        <v>44824.249999984735</v>
      </c>
      <c r="B6302" s="8">
        <v>-4.9800999999999998E-2</v>
      </c>
      <c r="C6302">
        <f t="shared" si="295"/>
        <v>6</v>
      </c>
      <c r="D6302">
        <f t="shared" si="296"/>
        <v>9</v>
      </c>
    </row>
    <row r="6303" spans="1:4" x14ac:dyDescent="0.25">
      <c r="A6303" s="7">
        <f t="shared" si="297"/>
        <v>44824.291666651399</v>
      </c>
      <c r="B6303" s="8">
        <v>0.39283462715010037</v>
      </c>
      <c r="C6303">
        <f t="shared" si="295"/>
        <v>7</v>
      </c>
      <c r="D6303">
        <f t="shared" si="296"/>
        <v>9</v>
      </c>
    </row>
    <row r="6304" spans="1:4" x14ac:dyDescent="0.25">
      <c r="A6304" s="7">
        <f t="shared" si="297"/>
        <v>44824.333333318064</v>
      </c>
      <c r="B6304" s="8">
        <v>4.471779615459595</v>
      </c>
      <c r="C6304">
        <f t="shared" si="295"/>
        <v>8</v>
      </c>
      <c r="D6304">
        <f t="shared" si="296"/>
        <v>9</v>
      </c>
    </row>
    <row r="6305" spans="1:4" x14ac:dyDescent="0.25">
      <c r="A6305" s="7">
        <f t="shared" si="297"/>
        <v>44824.374999984728</v>
      </c>
      <c r="B6305" s="8">
        <v>10.516077794477646</v>
      </c>
      <c r="C6305">
        <f t="shared" si="295"/>
        <v>9</v>
      </c>
      <c r="D6305">
        <f t="shared" si="296"/>
        <v>9</v>
      </c>
    </row>
    <row r="6306" spans="1:4" x14ac:dyDescent="0.25">
      <c r="A6306" s="7">
        <f t="shared" si="297"/>
        <v>44824.416666651392</v>
      </c>
      <c r="B6306" s="8">
        <v>16.357609552000039</v>
      </c>
      <c r="C6306">
        <f t="shared" si="295"/>
        <v>10</v>
      </c>
      <c r="D6306">
        <f t="shared" si="296"/>
        <v>9</v>
      </c>
    </row>
    <row r="6307" spans="1:4" x14ac:dyDescent="0.25">
      <c r="A6307" s="7">
        <f t="shared" si="297"/>
        <v>44824.458333318056</v>
      </c>
      <c r="B6307" s="8">
        <v>20.338315222705415</v>
      </c>
      <c r="C6307">
        <f t="shared" si="295"/>
        <v>11</v>
      </c>
      <c r="D6307">
        <f t="shared" si="296"/>
        <v>9</v>
      </c>
    </row>
    <row r="6308" spans="1:4" x14ac:dyDescent="0.25">
      <c r="A6308" s="7">
        <f t="shared" si="297"/>
        <v>44824.49999998472</v>
      </c>
      <c r="B6308" s="8">
        <v>20.451302650746008</v>
      </c>
      <c r="C6308">
        <f t="shared" si="295"/>
        <v>12</v>
      </c>
      <c r="D6308">
        <f t="shared" si="296"/>
        <v>9</v>
      </c>
    </row>
    <row r="6309" spans="1:4" x14ac:dyDescent="0.25">
      <c r="A6309" s="7">
        <f t="shared" si="297"/>
        <v>44824.541666651385</v>
      </c>
      <c r="B6309" s="8">
        <v>10.156080644247663</v>
      </c>
      <c r="C6309">
        <f t="shared" si="295"/>
        <v>13</v>
      </c>
      <c r="D6309">
        <f t="shared" si="296"/>
        <v>9</v>
      </c>
    </row>
    <row r="6310" spans="1:4" x14ac:dyDescent="0.25">
      <c r="A6310" s="7">
        <f t="shared" si="297"/>
        <v>44824.583333318049</v>
      </c>
      <c r="B6310" s="8">
        <v>13.035164302289594</v>
      </c>
      <c r="C6310">
        <f t="shared" si="295"/>
        <v>14</v>
      </c>
      <c r="D6310">
        <f t="shared" si="296"/>
        <v>9</v>
      </c>
    </row>
    <row r="6311" spans="1:4" x14ac:dyDescent="0.25">
      <c r="A6311" s="7">
        <f t="shared" si="297"/>
        <v>44824.624999984713</v>
      </c>
      <c r="B6311" s="8">
        <v>11.891122148077221</v>
      </c>
      <c r="C6311">
        <f t="shared" si="295"/>
        <v>15</v>
      </c>
      <c r="D6311">
        <f t="shared" si="296"/>
        <v>9</v>
      </c>
    </row>
    <row r="6312" spans="1:4" x14ac:dyDescent="0.25">
      <c r="A6312" s="7">
        <f t="shared" si="297"/>
        <v>44824.666666651377</v>
      </c>
      <c r="B6312" s="8">
        <v>6.4066018471485808</v>
      </c>
      <c r="C6312">
        <f t="shared" si="295"/>
        <v>16</v>
      </c>
      <c r="D6312">
        <f t="shared" si="296"/>
        <v>9</v>
      </c>
    </row>
    <row r="6313" spans="1:4" x14ac:dyDescent="0.25">
      <c r="A6313" s="7">
        <f t="shared" si="297"/>
        <v>44824.708333318042</v>
      </c>
      <c r="B6313" s="8">
        <v>6.5827649859959738</v>
      </c>
      <c r="C6313">
        <f t="shared" si="295"/>
        <v>17</v>
      </c>
      <c r="D6313">
        <f t="shared" si="296"/>
        <v>9</v>
      </c>
    </row>
    <row r="6314" spans="1:4" x14ac:dyDescent="0.25">
      <c r="A6314" s="7">
        <f t="shared" si="297"/>
        <v>44824.749999984706</v>
      </c>
      <c r="B6314" s="8">
        <v>2.660957971009255</v>
      </c>
      <c r="C6314">
        <f t="shared" si="295"/>
        <v>18</v>
      </c>
      <c r="D6314">
        <f t="shared" si="296"/>
        <v>9</v>
      </c>
    </row>
    <row r="6315" spans="1:4" x14ac:dyDescent="0.25">
      <c r="A6315" s="7">
        <f t="shared" si="297"/>
        <v>44824.79166665137</v>
      </c>
      <c r="B6315" s="8">
        <v>-4.9800999999999998E-2</v>
      </c>
      <c r="C6315">
        <f t="shared" si="295"/>
        <v>19</v>
      </c>
      <c r="D6315">
        <f t="shared" si="296"/>
        <v>9</v>
      </c>
    </row>
    <row r="6316" spans="1:4" x14ac:dyDescent="0.25">
      <c r="A6316" s="7">
        <f t="shared" si="297"/>
        <v>44824.833333318034</v>
      </c>
      <c r="B6316" s="8">
        <v>-4.9800999999999998E-2</v>
      </c>
      <c r="C6316">
        <f t="shared" si="295"/>
        <v>20</v>
      </c>
      <c r="D6316">
        <f t="shared" si="296"/>
        <v>9</v>
      </c>
    </row>
    <row r="6317" spans="1:4" x14ac:dyDescent="0.25">
      <c r="A6317" s="7">
        <f t="shared" si="297"/>
        <v>44824.874999984699</v>
      </c>
      <c r="B6317" s="8">
        <v>-4.9800999999999998E-2</v>
      </c>
      <c r="C6317">
        <f t="shared" si="295"/>
        <v>21</v>
      </c>
      <c r="D6317">
        <f t="shared" si="296"/>
        <v>9</v>
      </c>
    </row>
    <row r="6318" spans="1:4" x14ac:dyDescent="0.25">
      <c r="A6318" s="7">
        <f t="shared" si="297"/>
        <v>44824.916666651363</v>
      </c>
      <c r="B6318" s="8">
        <v>-4.9800999999999998E-2</v>
      </c>
      <c r="C6318">
        <f t="shared" si="295"/>
        <v>22</v>
      </c>
      <c r="D6318">
        <f t="shared" si="296"/>
        <v>9</v>
      </c>
    </row>
    <row r="6319" spans="1:4" x14ac:dyDescent="0.25">
      <c r="A6319" s="7">
        <f t="shared" si="297"/>
        <v>44824.958333318027</v>
      </c>
      <c r="B6319" s="8">
        <v>-4.9800999999999998E-2</v>
      </c>
      <c r="C6319">
        <f t="shared" si="295"/>
        <v>23</v>
      </c>
      <c r="D6319">
        <f t="shared" si="296"/>
        <v>9</v>
      </c>
    </row>
    <row r="6320" spans="1:4" x14ac:dyDescent="0.25">
      <c r="A6320" s="7">
        <f t="shared" si="297"/>
        <v>44824.999999984691</v>
      </c>
      <c r="B6320" s="8">
        <v>-4.9800999999999998E-2</v>
      </c>
      <c r="C6320">
        <f t="shared" si="295"/>
        <v>0</v>
      </c>
      <c r="D6320">
        <f t="shared" si="296"/>
        <v>9</v>
      </c>
    </row>
    <row r="6321" spans="1:4" x14ac:dyDescent="0.25">
      <c r="A6321" s="7">
        <f t="shared" si="297"/>
        <v>44825.041666651356</v>
      </c>
      <c r="B6321" s="8">
        <v>-4.9800999999999998E-2</v>
      </c>
      <c r="C6321">
        <f t="shared" si="295"/>
        <v>1</v>
      </c>
      <c r="D6321">
        <f t="shared" si="296"/>
        <v>9</v>
      </c>
    </row>
    <row r="6322" spans="1:4" x14ac:dyDescent="0.25">
      <c r="A6322" s="7">
        <f t="shared" si="297"/>
        <v>44825.08333331802</v>
      </c>
      <c r="B6322" s="8">
        <v>-4.9800999999999998E-2</v>
      </c>
      <c r="C6322">
        <f t="shared" si="295"/>
        <v>2</v>
      </c>
      <c r="D6322">
        <f t="shared" si="296"/>
        <v>9</v>
      </c>
    </row>
    <row r="6323" spans="1:4" x14ac:dyDescent="0.25">
      <c r="A6323" s="7">
        <f t="shared" si="297"/>
        <v>44825.124999984684</v>
      </c>
      <c r="B6323" s="8">
        <v>-4.9800999999999998E-2</v>
      </c>
      <c r="C6323">
        <f t="shared" si="295"/>
        <v>3</v>
      </c>
      <c r="D6323">
        <f t="shared" si="296"/>
        <v>9</v>
      </c>
    </row>
    <row r="6324" spans="1:4" x14ac:dyDescent="0.25">
      <c r="A6324" s="7">
        <f t="shared" si="297"/>
        <v>44825.166666651348</v>
      </c>
      <c r="B6324" s="8">
        <v>-4.9800999999999998E-2</v>
      </c>
      <c r="C6324">
        <f t="shared" si="295"/>
        <v>4</v>
      </c>
      <c r="D6324">
        <f t="shared" si="296"/>
        <v>9</v>
      </c>
    </row>
    <row r="6325" spans="1:4" x14ac:dyDescent="0.25">
      <c r="A6325" s="7">
        <f t="shared" si="297"/>
        <v>44825.208333318013</v>
      </c>
      <c r="B6325" s="8">
        <v>-4.9800999999999998E-2</v>
      </c>
      <c r="C6325">
        <f t="shared" si="295"/>
        <v>5</v>
      </c>
      <c r="D6325">
        <f t="shared" si="296"/>
        <v>9</v>
      </c>
    </row>
    <row r="6326" spans="1:4" x14ac:dyDescent="0.25">
      <c r="A6326" s="7">
        <f t="shared" si="297"/>
        <v>44825.249999984677</v>
      </c>
      <c r="B6326" s="8">
        <v>-4.9800999999999998E-2</v>
      </c>
      <c r="C6326">
        <f t="shared" si="295"/>
        <v>6</v>
      </c>
      <c r="D6326">
        <f t="shared" si="296"/>
        <v>9</v>
      </c>
    </row>
    <row r="6327" spans="1:4" x14ac:dyDescent="0.25">
      <c r="A6327" s="7">
        <f t="shared" si="297"/>
        <v>44825.291666651341</v>
      </c>
      <c r="B6327" s="8">
        <v>-4.9800999999999998E-2</v>
      </c>
      <c r="C6327">
        <f t="shared" si="295"/>
        <v>7</v>
      </c>
      <c r="D6327">
        <f t="shared" si="296"/>
        <v>9</v>
      </c>
    </row>
    <row r="6328" spans="1:4" x14ac:dyDescent="0.25">
      <c r="A6328" s="7">
        <f t="shared" si="297"/>
        <v>44825.333333318005</v>
      </c>
      <c r="B6328" s="8">
        <v>1.2343055370388651</v>
      </c>
      <c r="C6328">
        <f t="shared" si="295"/>
        <v>8</v>
      </c>
      <c r="D6328">
        <f t="shared" si="296"/>
        <v>9</v>
      </c>
    </row>
    <row r="6329" spans="1:4" x14ac:dyDescent="0.25">
      <c r="A6329" s="7">
        <f t="shared" si="297"/>
        <v>44825.37499998467</v>
      </c>
      <c r="B6329" s="8">
        <v>1.5524308332637473</v>
      </c>
      <c r="C6329">
        <f t="shared" si="295"/>
        <v>9</v>
      </c>
      <c r="D6329">
        <f t="shared" si="296"/>
        <v>9</v>
      </c>
    </row>
    <row r="6330" spans="1:4" x14ac:dyDescent="0.25">
      <c r="A6330" s="7">
        <f t="shared" si="297"/>
        <v>44825.416666651334</v>
      </c>
      <c r="B6330" s="8">
        <v>2.6679012288716253</v>
      </c>
      <c r="C6330">
        <f t="shared" si="295"/>
        <v>10</v>
      </c>
      <c r="D6330">
        <f t="shared" si="296"/>
        <v>9</v>
      </c>
    </row>
    <row r="6331" spans="1:4" x14ac:dyDescent="0.25">
      <c r="A6331" s="7">
        <f t="shared" si="297"/>
        <v>44825.458333317998</v>
      </c>
      <c r="B6331" s="8">
        <v>3.0204315684718219</v>
      </c>
      <c r="C6331">
        <f t="shared" si="295"/>
        <v>11</v>
      </c>
      <c r="D6331">
        <f t="shared" si="296"/>
        <v>9</v>
      </c>
    </row>
    <row r="6332" spans="1:4" x14ac:dyDescent="0.25">
      <c r="A6332" s="7">
        <f t="shared" si="297"/>
        <v>44825.499999984662</v>
      </c>
      <c r="B6332" s="8">
        <v>4.279430657296702</v>
      </c>
      <c r="C6332">
        <f t="shared" si="295"/>
        <v>12</v>
      </c>
      <c r="D6332">
        <f t="shared" si="296"/>
        <v>9</v>
      </c>
    </row>
    <row r="6333" spans="1:4" x14ac:dyDescent="0.25">
      <c r="A6333" s="7">
        <f t="shared" si="297"/>
        <v>44825.541666651327</v>
      </c>
      <c r="B6333" s="8">
        <v>4.4304024569827609</v>
      </c>
      <c r="C6333">
        <f t="shared" si="295"/>
        <v>13</v>
      </c>
      <c r="D6333">
        <f t="shared" si="296"/>
        <v>9</v>
      </c>
    </row>
    <row r="6334" spans="1:4" x14ac:dyDescent="0.25">
      <c r="A6334" s="7">
        <f t="shared" si="297"/>
        <v>44825.583333317991</v>
      </c>
      <c r="B6334" s="8">
        <v>6.33968809325631</v>
      </c>
      <c r="C6334">
        <f t="shared" si="295"/>
        <v>14</v>
      </c>
      <c r="D6334">
        <f t="shared" si="296"/>
        <v>9</v>
      </c>
    </row>
    <row r="6335" spans="1:4" x14ac:dyDescent="0.25">
      <c r="A6335" s="7">
        <f t="shared" si="297"/>
        <v>44825.624999984655</v>
      </c>
      <c r="B6335" s="8">
        <v>4.79679869999402</v>
      </c>
      <c r="C6335">
        <f t="shared" si="295"/>
        <v>15</v>
      </c>
      <c r="D6335">
        <f t="shared" si="296"/>
        <v>9</v>
      </c>
    </row>
    <row r="6336" spans="1:4" x14ac:dyDescent="0.25">
      <c r="A6336" s="7">
        <f t="shared" si="297"/>
        <v>44825.666666651319</v>
      </c>
      <c r="B6336" s="8">
        <v>4.605476235052282</v>
      </c>
      <c r="C6336">
        <f t="shared" si="295"/>
        <v>16</v>
      </c>
      <c r="D6336">
        <f t="shared" si="296"/>
        <v>9</v>
      </c>
    </row>
    <row r="6337" spans="1:4" x14ac:dyDescent="0.25">
      <c r="A6337" s="7">
        <f t="shared" si="297"/>
        <v>44825.708333317983</v>
      </c>
      <c r="B6337" s="8">
        <v>2.4706053154260581</v>
      </c>
      <c r="C6337">
        <f t="shared" si="295"/>
        <v>17</v>
      </c>
      <c r="D6337">
        <f t="shared" si="296"/>
        <v>9</v>
      </c>
    </row>
    <row r="6338" spans="1:4" x14ac:dyDescent="0.25">
      <c r="A6338" s="7">
        <f t="shared" si="297"/>
        <v>44825.749999984648</v>
      </c>
      <c r="B6338" s="8">
        <v>0.37661582813271643</v>
      </c>
      <c r="C6338">
        <f t="shared" si="295"/>
        <v>18</v>
      </c>
      <c r="D6338">
        <f t="shared" si="296"/>
        <v>9</v>
      </c>
    </row>
    <row r="6339" spans="1:4" x14ac:dyDescent="0.25">
      <c r="A6339" s="7">
        <f t="shared" si="297"/>
        <v>44825.791666651312</v>
      </c>
      <c r="B6339" s="8">
        <v>-4.9800999999999998E-2</v>
      </c>
      <c r="C6339">
        <f t="shared" si="295"/>
        <v>19</v>
      </c>
      <c r="D6339">
        <f t="shared" si="296"/>
        <v>9</v>
      </c>
    </row>
    <row r="6340" spans="1:4" x14ac:dyDescent="0.25">
      <c r="A6340" s="7">
        <f t="shared" si="297"/>
        <v>44825.833333317976</v>
      </c>
      <c r="B6340" s="8">
        <v>-4.9800999999999998E-2</v>
      </c>
      <c r="C6340">
        <f t="shared" si="295"/>
        <v>20</v>
      </c>
      <c r="D6340">
        <f t="shared" si="296"/>
        <v>9</v>
      </c>
    </row>
    <row r="6341" spans="1:4" x14ac:dyDescent="0.25">
      <c r="A6341" s="7">
        <f t="shared" si="297"/>
        <v>44825.87499998464</v>
      </c>
      <c r="B6341" s="8">
        <v>-4.9800999999999998E-2</v>
      </c>
      <c r="C6341">
        <f t="shared" si="295"/>
        <v>21</v>
      </c>
      <c r="D6341">
        <f t="shared" si="296"/>
        <v>9</v>
      </c>
    </row>
    <row r="6342" spans="1:4" x14ac:dyDescent="0.25">
      <c r="A6342" s="7">
        <f t="shared" si="297"/>
        <v>44825.916666651305</v>
      </c>
      <c r="B6342" s="8">
        <v>-4.9800999999999998E-2</v>
      </c>
      <c r="C6342">
        <f t="shared" si="295"/>
        <v>22</v>
      </c>
      <c r="D6342">
        <f t="shared" si="296"/>
        <v>9</v>
      </c>
    </row>
    <row r="6343" spans="1:4" x14ac:dyDescent="0.25">
      <c r="A6343" s="7">
        <f t="shared" si="297"/>
        <v>44825.958333317969</v>
      </c>
      <c r="B6343" s="8">
        <v>-4.9800999999999998E-2</v>
      </c>
      <c r="C6343">
        <f t="shared" si="295"/>
        <v>23</v>
      </c>
      <c r="D6343">
        <f t="shared" si="296"/>
        <v>9</v>
      </c>
    </row>
    <row r="6344" spans="1:4" x14ac:dyDescent="0.25">
      <c r="A6344" s="7">
        <f t="shared" si="297"/>
        <v>44825.999999984633</v>
      </c>
      <c r="B6344" s="8">
        <v>-4.9800999999999998E-2</v>
      </c>
      <c r="C6344">
        <f t="shared" si="295"/>
        <v>0</v>
      </c>
      <c r="D6344">
        <f t="shared" si="296"/>
        <v>9</v>
      </c>
    </row>
    <row r="6345" spans="1:4" x14ac:dyDescent="0.25">
      <c r="A6345" s="7">
        <f t="shared" si="297"/>
        <v>44826.041666651297</v>
      </c>
      <c r="B6345" s="8">
        <v>-4.9800999999999998E-2</v>
      </c>
      <c r="C6345">
        <f t="shared" si="295"/>
        <v>1</v>
      </c>
      <c r="D6345">
        <f t="shared" si="296"/>
        <v>9</v>
      </c>
    </row>
    <row r="6346" spans="1:4" x14ac:dyDescent="0.25">
      <c r="A6346" s="7">
        <f t="shared" si="297"/>
        <v>44826.083333317962</v>
      </c>
      <c r="B6346" s="8">
        <v>-4.9800999999999998E-2</v>
      </c>
      <c r="C6346">
        <f t="shared" ref="C6346:C6409" si="298">HOUR(A6346)</f>
        <v>2</v>
      </c>
      <c r="D6346">
        <f t="shared" ref="D6346:D6409" si="299">MONTH(A6346)</f>
        <v>9</v>
      </c>
    </row>
    <row r="6347" spans="1:4" x14ac:dyDescent="0.25">
      <c r="A6347" s="7">
        <f t="shared" ref="A6347:A6410" si="300">+A6346+1/24</f>
        <v>44826.124999984626</v>
      </c>
      <c r="B6347" s="8">
        <v>-4.9800999999999998E-2</v>
      </c>
      <c r="C6347">
        <f t="shared" si="298"/>
        <v>3</v>
      </c>
      <c r="D6347">
        <f t="shared" si="299"/>
        <v>9</v>
      </c>
    </row>
    <row r="6348" spans="1:4" x14ac:dyDescent="0.25">
      <c r="A6348" s="7">
        <f t="shared" si="300"/>
        <v>44826.16666665129</v>
      </c>
      <c r="B6348" s="8">
        <v>-4.9800999999999998E-2</v>
      </c>
      <c r="C6348">
        <f t="shared" si="298"/>
        <v>4</v>
      </c>
      <c r="D6348">
        <f t="shared" si="299"/>
        <v>9</v>
      </c>
    </row>
    <row r="6349" spans="1:4" x14ac:dyDescent="0.25">
      <c r="A6349" s="7">
        <f t="shared" si="300"/>
        <v>44826.208333317954</v>
      </c>
      <c r="B6349" s="8">
        <v>-4.9800999999999998E-2</v>
      </c>
      <c r="C6349">
        <f t="shared" si="298"/>
        <v>5</v>
      </c>
      <c r="D6349">
        <f t="shared" si="299"/>
        <v>9</v>
      </c>
    </row>
    <row r="6350" spans="1:4" x14ac:dyDescent="0.25">
      <c r="A6350" s="7">
        <f t="shared" si="300"/>
        <v>44826.249999984619</v>
      </c>
      <c r="B6350" s="8">
        <v>-4.9800999999999998E-2</v>
      </c>
      <c r="C6350">
        <f t="shared" si="298"/>
        <v>6</v>
      </c>
      <c r="D6350">
        <f t="shared" si="299"/>
        <v>9</v>
      </c>
    </row>
    <row r="6351" spans="1:4" x14ac:dyDescent="0.25">
      <c r="A6351" s="7">
        <f t="shared" si="300"/>
        <v>44826.291666651283</v>
      </c>
      <c r="B6351" s="8">
        <v>-4.9800999999999998E-2</v>
      </c>
      <c r="C6351">
        <f t="shared" si="298"/>
        <v>7</v>
      </c>
      <c r="D6351">
        <f t="shared" si="299"/>
        <v>9</v>
      </c>
    </row>
    <row r="6352" spans="1:4" x14ac:dyDescent="0.25">
      <c r="A6352" s="7">
        <f t="shared" si="300"/>
        <v>44826.333333317947</v>
      </c>
      <c r="B6352" s="8">
        <v>0.76262777945546212</v>
      </c>
      <c r="C6352">
        <f t="shared" si="298"/>
        <v>8</v>
      </c>
      <c r="D6352">
        <f t="shared" si="299"/>
        <v>9</v>
      </c>
    </row>
    <row r="6353" spans="1:4" x14ac:dyDescent="0.25">
      <c r="A6353" s="7">
        <f t="shared" si="300"/>
        <v>44826.374999984611</v>
      </c>
      <c r="B6353" s="8">
        <v>3.2346697731448639</v>
      </c>
      <c r="C6353">
        <f t="shared" si="298"/>
        <v>9</v>
      </c>
      <c r="D6353">
        <f t="shared" si="299"/>
        <v>9</v>
      </c>
    </row>
    <row r="6354" spans="1:4" x14ac:dyDescent="0.25">
      <c r="A6354" s="7">
        <f t="shared" si="300"/>
        <v>44826.416666651276</v>
      </c>
      <c r="B6354" s="8">
        <v>5.73029534552873</v>
      </c>
      <c r="C6354">
        <f t="shared" si="298"/>
        <v>10</v>
      </c>
      <c r="D6354">
        <f t="shared" si="299"/>
        <v>9</v>
      </c>
    </row>
    <row r="6355" spans="1:4" x14ac:dyDescent="0.25">
      <c r="A6355" s="7">
        <f t="shared" si="300"/>
        <v>44826.45833331794</v>
      </c>
      <c r="B6355" s="8">
        <v>8.1309136110931561</v>
      </c>
      <c r="C6355">
        <f t="shared" si="298"/>
        <v>11</v>
      </c>
      <c r="D6355">
        <f t="shared" si="299"/>
        <v>9</v>
      </c>
    </row>
    <row r="6356" spans="1:4" x14ac:dyDescent="0.25">
      <c r="A6356" s="7">
        <f t="shared" si="300"/>
        <v>44826.499999984604</v>
      </c>
      <c r="B6356" s="8">
        <v>6.0986755237314778</v>
      </c>
      <c r="C6356">
        <f t="shared" si="298"/>
        <v>12</v>
      </c>
      <c r="D6356">
        <f t="shared" si="299"/>
        <v>9</v>
      </c>
    </row>
    <row r="6357" spans="1:4" x14ac:dyDescent="0.25">
      <c r="A6357" s="7">
        <f t="shared" si="300"/>
        <v>44826.541666651268</v>
      </c>
      <c r="B6357" s="8">
        <v>3.2018992862441995</v>
      </c>
      <c r="C6357">
        <f t="shared" si="298"/>
        <v>13</v>
      </c>
      <c r="D6357">
        <f t="shared" si="299"/>
        <v>9</v>
      </c>
    </row>
    <row r="6358" spans="1:4" x14ac:dyDescent="0.25">
      <c r="A6358" s="7">
        <f t="shared" si="300"/>
        <v>44826.583333317933</v>
      </c>
      <c r="B6358" s="8">
        <v>2.6550298695955177</v>
      </c>
      <c r="C6358">
        <f t="shared" si="298"/>
        <v>14</v>
      </c>
      <c r="D6358">
        <f t="shared" si="299"/>
        <v>9</v>
      </c>
    </row>
    <row r="6359" spans="1:4" x14ac:dyDescent="0.25">
      <c r="A6359" s="7">
        <f t="shared" si="300"/>
        <v>44826.624999984597</v>
      </c>
      <c r="B6359" s="8">
        <v>2.2764084633419506</v>
      </c>
      <c r="C6359">
        <f t="shared" si="298"/>
        <v>15</v>
      </c>
      <c r="D6359">
        <f t="shared" si="299"/>
        <v>9</v>
      </c>
    </row>
    <row r="6360" spans="1:4" x14ac:dyDescent="0.25">
      <c r="A6360" s="7">
        <f t="shared" si="300"/>
        <v>44826.666666651261</v>
      </c>
      <c r="B6360" s="8">
        <v>1.9809113650725665</v>
      </c>
      <c r="C6360">
        <f t="shared" si="298"/>
        <v>16</v>
      </c>
      <c r="D6360">
        <f t="shared" si="299"/>
        <v>9</v>
      </c>
    </row>
    <row r="6361" spans="1:4" x14ac:dyDescent="0.25">
      <c r="A6361" s="7">
        <f t="shared" si="300"/>
        <v>44826.708333317925</v>
      </c>
      <c r="B6361" s="8">
        <v>3.039462917690543</v>
      </c>
      <c r="C6361">
        <f t="shared" si="298"/>
        <v>17</v>
      </c>
      <c r="D6361">
        <f t="shared" si="299"/>
        <v>9</v>
      </c>
    </row>
    <row r="6362" spans="1:4" x14ac:dyDescent="0.25">
      <c r="A6362" s="7">
        <f t="shared" si="300"/>
        <v>44826.74999998459</v>
      </c>
      <c r="B6362" s="8">
        <v>0.73154131858227478</v>
      </c>
      <c r="C6362">
        <f t="shared" si="298"/>
        <v>18</v>
      </c>
      <c r="D6362">
        <f t="shared" si="299"/>
        <v>9</v>
      </c>
    </row>
    <row r="6363" spans="1:4" x14ac:dyDescent="0.25">
      <c r="A6363" s="7">
        <f t="shared" si="300"/>
        <v>44826.791666651254</v>
      </c>
      <c r="B6363" s="8">
        <v>-4.9800999999999998E-2</v>
      </c>
      <c r="C6363">
        <f t="shared" si="298"/>
        <v>19</v>
      </c>
      <c r="D6363">
        <f t="shared" si="299"/>
        <v>9</v>
      </c>
    </row>
    <row r="6364" spans="1:4" x14ac:dyDescent="0.25">
      <c r="A6364" s="7">
        <f t="shared" si="300"/>
        <v>44826.833333317918</v>
      </c>
      <c r="B6364" s="8">
        <v>-4.9800999999999998E-2</v>
      </c>
      <c r="C6364">
        <f t="shared" si="298"/>
        <v>20</v>
      </c>
      <c r="D6364">
        <f t="shared" si="299"/>
        <v>9</v>
      </c>
    </row>
    <row r="6365" spans="1:4" x14ac:dyDescent="0.25">
      <c r="A6365" s="7">
        <f t="shared" si="300"/>
        <v>44826.874999984582</v>
      </c>
      <c r="B6365" s="8">
        <v>-4.9800999999999998E-2</v>
      </c>
      <c r="C6365">
        <f t="shared" si="298"/>
        <v>21</v>
      </c>
      <c r="D6365">
        <f t="shared" si="299"/>
        <v>9</v>
      </c>
    </row>
    <row r="6366" spans="1:4" x14ac:dyDescent="0.25">
      <c r="A6366" s="7">
        <f t="shared" si="300"/>
        <v>44826.916666651246</v>
      </c>
      <c r="B6366" s="8">
        <v>-4.9800999999999998E-2</v>
      </c>
      <c r="C6366">
        <f t="shared" si="298"/>
        <v>22</v>
      </c>
      <c r="D6366">
        <f t="shared" si="299"/>
        <v>9</v>
      </c>
    </row>
    <row r="6367" spans="1:4" x14ac:dyDescent="0.25">
      <c r="A6367" s="7">
        <f t="shared" si="300"/>
        <v>44826.958333317911</v>
      </c>
      <c r="B6367" s="8">
        <v>-4.9800999999999998E-2</v>
      </c>
      <c r="C6367">
        <f t="shared" si="298"/>
        <v>23</v>
      </c>
      <c r="D6367">
        <f t="shared" si="299"/>
        <v>9</v>
      </c>
    </row>
    <row r="6368" spans="1:4" x14ac:dyDescent="0.25">
      <c r="A6368" s="7">
        <f t="shared" si="300"/>
        <v>44826.999999984575</v>
      </c>
      <c r="B6368" s="8">
        <v>-4.9800999999999998E-2</v>
      </c>
      <c r="C6368">
        <f t="shared" si="298"/>
        <v>0</v>
      </c>
      <c r="D6368">
        <f t="shared" si="299"/>
        <v>9</v>
      </c>
    </row>
    <row r="6369" spans="1:4" x14ac:dyDescent="0.25">
      <c r="A6369" s="7">
        <f t="shared" si="300"/>
        <v>44827.041666651239</v>
      </c>
      <c r="B6369" s="8">
        <v>-4.9800999999999998E-2</v>
      </c>
      <c r="C6369">
        <f t="shared" si="298"/>
        <v>1</v>
      </c>
      <c r="D6369">
        <f t="shared" si="299"/>
        <v>9</v>
      </c>
    </row>
    <row r="6370" spans="1:4" x14ac:dyDescent="0.25">
      <c r="A6370" s="7">
        <f t="shared" si="300"/>
        <v>44827.083333317903</v>
      </c>
      <c r="B6370" s="8">
        <v>-4.9800999999999998E-2</v>
      </c>
      <c r="C6370">
        <f t="shared" si="298"/>
        <v>2</v>
      </c>
      <c r="D6370">
        <f t="shared" si="299"/>
        <v>9</v>
      </c>
    </row>
    <row r="6371" spans="1:4" x14ac:dyDescent="0.25">
      <c r="A6371" s="7">
        <f t="shared" si="300"/>
        <v>44827.124999984568</v>
      </c>
      <c r="B6371" s="8">
        <v>-4.9800999999999998E-2</v>
      </c>
      <c r="C6371">
        <f t="shared" si="298"/>
        <v>3</v>
      </c>
      <c r="D6371">
        <f t="shared" si="299"/>
        <v>9</v>
      </c>
    </row>
    <row r="6372" spans="1:4" x14ac:dyDescent="0.25">
      <c r="A6372" s="7">
        <f t="shared" si="300"/>
        <v>44827.166666651232</v>
      </c>
      <c r="B6372" s="8">
        <v>-4.9800999999999998E-2</v>
      </c>
      <c r="C6372">
        <f t="shared" si="298"/>
        <v>4</v>
      </c>
      <c r="D6372">
        <f t="shared" si="299"/>
        <v>9</v>
      </c>
    </row>
    <row r="6373" spans="1:4" x14ac:dyDescent="0.25">
      <c r="A6373" s="7">
        <f t="shared" si="300"/>
        <v>44827.208333317896</v>
      </c>
      <c r="B6373" s="8">
        <v>-4.9800999999999998E-2</v>
      </c>
      <c r="C6373">
        <f t="shared" si="298"/>
        <v>5</v>
      </c>
      <c r="D6373">
        <f t="shared" si="299"/>
        <v>9</v>
      </c>
    </row>
    <row r="6374" spans="1:4" x14ac:dyDescent="0.25">
      <c r="A6374" s="7">
        <f t="shared" si="300"/>
        <v>44827.24999998456</v>
      </c>
      <c r="B6374" s="8">
        <v>-4.9800999999999998E-2</v>
      </c>
      <c r="C6374">
        <f t="shared" si="298"/>
        <v>6</v>
      </c>
      <c r="D6374">
        <f t="shared" si="299"/>
        <v>9</v>
      </c>
    </row>
    <row r="6375" spans="1:4" x14ac:dyDescent="0.25">
      <c r="A6375" s="7">
        <f t="shared" si="300"/>
        <v>44827.291666651225</v>
      </c>
      <c r="B6375" s="8">
        <v>0.30974639071485294</v>
      </c>
      <c r="C6375">
        <f t="shared" si="298"/>
        <v>7</v>
      </c>
      <c r="D6375">
        <f t="shared" si="299"/>
        <v>9</v>
      </c>
    </row>
    <row r="6376" spans="1:4" x14ac:dyDescent="0.25">
      <c r="A6376" s="7">
        <f t="shared" si="300"/>
        <v>44827.333333317889</v>
      </c>
      <c r="B6376" s="8">
        <v>2.3484237648694788</v>
      </c>
      <c r="C6376">
        <f t="shared" si="298"/>
        <v>8</v>
      </c>
      <c r="D6376">
        <f t="shared" si="299"/>
        <v>9</v>
      </c>
    </row>
    <row r="6377" spans="1:4" x14ac:dyDescent="0.25">
      <c r="A6377" s="7">
        <f t="shared" si="300"/>
        <v>44827.374999984553</v>
      </c>
      <c r="B6377" s="8">
        <v>3.4040638281804645</v>
      </c>
      <c r="C6377">
        <f t="shared" si="298"/>
        <v>9</v>
      </c>
      <c r="D6377">
        <f t="shared" si="299"/>
        <v>9</v>
      </c>
    </row>
    <row r="6378" spans="1:4" x14ac:dyDescent="0.25">
      <c r="A6378" s="7">
        <f t="shared" si="300"/>
        <v>44827.416666651217</v>
      </c>
      <c r="B6378" s="8">
        <v>7.5155659659440586</v>
      </c>
      <c r="C6378">
        <f t="shared" si="298"/>
        <v>10</v>
      </c>
      <c r="D6378">
        <f t="shared" si="299"/>
        <v>9</v>
      </c>
    </row>
    <row r="6379" spans="1:4" x14ac:dyDescent="0.25">
      <c r="A6379" s="7">
        <f t="shared" si="300"/>
        <v>44827.458333317882</v>
      </c>
      <c r="B6379" s="8">
        <v>14.743282001993201</v>
      </c>
      <c r="C6379">
        <f t="shared" si="298"/>
        <v>11</v>
      </c>
      <c r="D6379">
        <f t="shared" si="299"/>
        <v>9</v>
      </c>
    </row>
    <row r="6380" spans="1:4" x14ac:dyDescent="0.25">
      <c r="A6380" s="7">
        <f t="shared" si="300"/>
        <v>44827.499999984546</v>
      </c>
      <c r="B6380" s="8">
        <v>20.451298528283271</v>
      </c>
      <c r="C6380">
        <f t="shared" si="298"/>
        <v>12</v>
      </c>
      <c r="D6380">
        <f t="shared" si="299"/>
        <v>9</v>
      </c>
    </row>
    <row r="6381" spans="1:4" x14ac:dyDescent="0.25">
      <c r="A6381" s="7">
        <f t="shared" si="300"/>
        <v>44827.54166665121</v>
      </c>
      <c r="B6381" s="8">
        <v>20.451308834440109</v>
      </c>
      <c r="C6381">
        <f t="shared" si="298"/>
        <v>13</v>
      </c>
      <c r="D6381">
        <f t="shared" si="299"/>
        <v>9</v>
      </c>
    </row>
    <row r="6382" spans="1:4" x14ac:dyDescent="0.25">
      <c r="A6382" s="7">
        <f t="shared" si="300"/>
        <v>44827.583333317874</v>
      </c>
      <c r="B6382" s="8">
        <v>20.451294405820537</v>
      </c>
      <c r="C6382">
        <f t="shared" si="298"/>
        <v>14</v>
      </c>
      <c r="D6382">
        <f t="shared" si="299"/>
        <v>9</v>
      </c>
    </row>
    <row r="6383" spans="1:4" x14ac:dyDescent="0.25">
      <c r="A6383" s="7">
        <f t="shared" si="300"/>
        <v>44827.624999984539</v>
      </c>
      <c r="B6383" s="8">
        <v>19.910815837027659</v>
      </c>
      <c r="C6383">
        <f t="shared" si="298"/>
        <v>15</v>
      </c>
      <c r="D6383">
        <f t="shared" si="299"/>
        <v>9</v>
      </c>
    </row>
    <row r="6384" spans="1:4" x14ac:dyDescent="0.25">
      <c r="A6384" s="7">
        <f t="shared" si="300"/>
        <v>44827.666666651203</v>
      </c>
      <c r="B6384" s="8">
        <v>15.035400742050792</v>
      </c>
      <c r="C6384">
        <f t="shared" si="298"/>
        <v>16</v>
      </c>
      <c r="D6384">
        <f t="shared" si="299"/>
        <v>9</v>
      </c>
    </row>
    <row r="6385" spans="1:4" x14ac:dyDescent="0.25">
      <c r="A6385" s="7">
        <f t="shared" si="300"/>
        <v>44827.708333317867</v>
      </c>
      <c r="B6385" s="8">
        <v>9.3561229341060059</v>
      </c>
      <c r="C6385">
        <f t="shared" si="298"/>
        <v>17</v>
      </c>
      <c r="D6385">
        <f t="shared" si="299"/>
        <v>9</v>
      </c>
    </row>
    <row r="6386" spans="1:4" x14ac:dyDescent="0.25">
      <c r="A6386" s="7">
        <f t="shared" si="300"/>
        <v>44827.749999984531</v>
      </c>
      <c r="B6386" s="8">
        <v>2.9183995851509845</v>
      </c>
      <c r="C6386">
        <f t="shared" si="298"/>
        <v>18</v>
      </c>
      <c r="D6386">
        <f t="shared" si="299"/>
        <v>9</v>
      </c>
    </row>
    <row r="6387" spans="1:4" x14ac:dyDescent="0.25">
      <c r="A6387" s="7">
        <f t="shared" si="300"/>
        <v>44827.791666651196</v>
      </c>
      <c r="B6387" s="8">
        <v>-4.9800999999999998E-2</v>
      </c>
      <c r="C6387">
        <f t="shared" si="298"/>
        <v>19</v>
      </c>
      <c r="D6387">
        <f t="shared" si="299"/>
        <v>9</v>
      </c>
    </row>
    <row r="6388" spans="1:4" x14ac:dyDescent="0.25">
      <c r="A6388" s="7">
        <f t="shared" si="300"/>
        <v>44827.83333331786</v>
      </c>
      <c r="B6388" s="8">
        <v>-4.9800999999999998E-2</v>
      </c>
      <c r="C6388">
        <f t="shared" si="298"/>
        <v>20</v>
      </c>
      <c r="D6388">
        <f t="shared" si="299"/>
        <v>9</v>
      </c>
    </row>
    <row r="6389" spans="1:4" x14ac:dyDescent="0.25">
      <c r="A6389" s="7">
        <f t="shared" si="300"/>
        <v>44827.874999984524</v>
      </c>
      <c r="B6389" s="8">
        <v>-4.9800999999999998E-2</v>
      </c>
      <c r="C6389">
        <f t="shared" si="298"/>
        <v>21</v>
      </c>
      <c r="D6389">
        <f t="shared" si="299"/>
        <v>9</v>
      </c>
    </row>
    <row r="6390" spans="1:4" x14ac:dyDescent="0.25">
      <c r="A6390" s="7">
        <f t="shared" si="300"/>
        <v>44827.916666651188</v>
      </c>
      <c r="B6390" s="8">
        <v>-4.9800999999999998E-2</v>
      </c>
      <c r="C6390">
        <f t="shared" si="298"/>
        <v>22</v>
      </c>
      <c r="D6390">
        <f t="shared" si="299"/>
        <v>9</v>
      </c>
    </row>
    <row r="6391" spans="1:4" x14ac:dyDescent="0.25">
      <c r="A6391" s="7">
        <f t="shared" si="300"/>
        <v>44827.958333317853</v>
      </c>
      <c r="B6391" s="8">
        <v>-4.9800999999999998E-2</v>
      </c>
      <c r="C6391">
        <f t="shared" si="298"/>
        <v>23</v>
      </c>
      <c r="D6391">
        <f t="shared" si="299"/>
        <v>9</v>
      </c>
    </row>
    <row r="6392" spans="1:4" x14ac:dyDescent="0.25">
      <c r="A6392" s="7">
        <f t="shared" si="300"/>
        <v>44827.999999984517</v>
      </c>
      <c r="B6392" s="8">
        <v>-4.9800999999999998E-2</v>
      </c>
      <c r="C6392">
        <f t="shared" si="298"/>
        <v>0</v>
      </c>
      <c r="D6392">
        <f t="shared" si="299"/>
        <v>9</v>
      </c>
    </row>
    <row r="6393" spans="1:4" x14ac:dyDescent="0.25">
      <c r="A6393" s="7">
        <f t="shared" si="300"/>
        <v>44828.041666651181</v>
      </c>
      <c r="B6393" s="8">
        <v>-4.9800999999999998E-2</v>
      </c>
      <c r="C6393">
        <f t="shared" si="298"/>
        <v>1</v>
      </c>
      <c r="D6393">
        <f t="shared" si="299"/>
        <v>9</v>
      </c>
    </row>
    <row r="6394" spans="1:4" x14ac:dyDescent="0.25">
      <c r="A6394" s="7">
        <f t="shared" si="300"/>
        <v>44828.083333317845</v>
      </c>
      <c r="B6394" s="8">
        <v>-4.9800999999999998E-2</v>
      </c>
      <c r="C6394">
        <f t="shared" si="298"/>
        <v>2</v>
      </c>
      <c r="D6394">
        <f t="shared" si="299"/>
        <v>9</v>
      </c>
    </row>
    <row r="6395" spans="1:4" x14ac:dyDescent="0.25">
      <c r="A6395" s="7">
        <f t="shared" si="300"/>
        <v>44828.124999984509</v>
      </c>
      <c r="B6395" s="8">
        <v>-4.9800999999999998E-2</v>
      </c>
      <c r="C6395">
        <f t="shared" si="298"/>
        <v>3</v>
      </c>
      <c r="D6395">
        <f t="shared" si="299"/>
        <v>9</v>
      </c>
    </row>
    <row r="6396" spans="1:4" x14ac:dyDescent="0.25">
      <c r="A6396" s="7">
        <f t="shared" si="300"/>
        <v>44828.166666651174</v>
      </c>
      <c r="B6396" s="8">
        <v>-4.9800999999999998E-2</v>
      </c>
      <c r="C6396">
        <f t="shared" si="298"/>
        <v>4</v>
      </c>
      <c r="D6396">
        <f t="shared" si="299"/>
        <v>9</v>
      </c>
    </row>
    <row r="6397" spans="1:4" x14ac:dyDescent="0.25">
      <c r="A6397" s="7">
        <f t="shared" si="300"/>
        <v>44828.208333317838</v>
      </c>
      <c r="B6397" s="8">
        <v>-4.9800999999999998E-2</v>
      </c>
      <c r="C6397">
        <f t="shared" si="298"/>
        <v>5</v>
      </c>
      <c r="D6397">
        <f t="shared" si="299"/>
        <v>9</v>
      </c>
    </row>
    <row r="6398" spans="1:4" x14ac:dyDescent="0.25">
      <c r="A6398" s="7">
        <f t="shared" si="300"/>
        <v>44828.249999984502</v>
      </c>
      <c r="B6398" s="8">
        <v>-4.9800999999999998E-2</v>
      </c>
      <c r="C6398">
        <f t="shared" si="298"/>
        <v>6</v>
      </c>
      <c r="D6398">
        <f t="shared" si="299"/>
        <v>9</v>
      </c>
    </row>
    <row r="6399" spans="1:4" x14ac:dyDescent="0.25">
      <c r="A6399" s="7">
        <f t="shared" si="300"/>
        <v>44828.291666651166</v>
      </c>
      <c r="B6399" s="8">
        <v>-4.9800999999999998E-2</v>
      </c>
      <c r="C6399">
        <f t="shared" si="298"/>
        <v>7</v>
      </c>
      <c r="D6399">
        <f t="shared" si="299"/>
        <v>9</v>
      </c>
    </row>
    <row r="6400" spans="1:4" x14ac:dyDescent="0.25">
      <c r="A6400" s="7">
        <f t="shared" si="300"/>
        <v>44828.333333317831</v>
      </c>
      <c r="B6400" s="8">
        <v>2.512894568783135</v>
      </c>
      <c r="C6400">
        <f t="shared" si="298"/>
        <v>8</v>
      </c>
      <c r="D6400">
        <f t="shared" si="299"/>
        <v>9</v>
      </c>
    </row>
    <row r="6401" spans="1:4" x14ac:dyDescent="0.25">
      <c r="A6401" s="7">
        <f t="shared" si="300"/>
        <v>44828.374999984495</v>
      </c>
      <c r="B6401" s="8">
        <v>9.7471972696680194</v>
      </c>
      <c r="C6401">
        <f t="shared" si="298"/>
        <v>9</v>
      </c>
      <c r="D6401">
        <f t="shared" si="299"/>
        <v>9</v>
      </c>
    </row>
    <row r="6402" spans="1:4" x14ac:dyDescent="0.25">
      <c r="A6402" s="7">
        <f t="shared" si="300"/>
        <v>44828.416666651159</v>
      </c>
      <c r="B6402" s="8">
        <v>16.26692567797452</v>
      </c>
      <c r="C6402">
        <f t="shared" si="298"/>
        <v>10</v>
      </c>
      <c r="D6402">
        <f t="shared" si="299"/>
        <v>9</v>
      </c>
    </row>
    <row r="6403" spans="1:4" x14ac:dyDescent="0.25">
      <c r="A6403" s="7">
        <f t="shared" si="300"/>
        <v>44828.458333317823</v>
      </c>
      <c r="B6403" s="8">
        <v>20.022358341879436</v>
      </c>
      <c r="C6403">
        <f t="shared" si="298"/>
        <v>11</v>
      </c>
      <c r="D6403">
        <f t="shared" si="299"/>
        <v>9</v>
      </c>
    </row>
    <row r="6404" spans="1:4" x14ac:dyDescent="0.25">
      <c r="A6404" s="7">
        <f t="shared" si="300"/>
        <v>44828.499999984488</v>
      </c>
      <c r="B6404" s="8">
        <v>20.451309865055794</v>
      </c>
      <c r="C6404">
        <f t="shared" si="298"/>
        <v>12</v>
      </c>
      <c r="D6404">
        <f t="shared" si="299"/>
        <v>9</v>
      </c>
    </row>
    <row r="6405" spans="1:4" x14ac:dyDescent="0.25">
      <c r="A6405" s="7">
        <f t="shared" si="300"/>
        <v>44828.541666651152</v>
      </c>
      <c r="B6405" s="8">
        <v>15.973802087625135</v>
      </c>
      <c r="C6405">
        <f t="shared" si="298"/>
        <v>13</v>
      </c>
      <c r="D6405">
        <f t="shared" si="299"/>
        <v>9</v>
      </c>
    </row>
    <row r="6406" spans="1:4" x14ac:dyDescent="0.25">
      <c r="A6406" s="7">
        <f t="shared" si="300"/>
        <v>44828.583333317816</v>
      </c>
      <c r="B6406" s="8">
        <v>20.257098584352111</v>
      </c>
      <c r="C6406">
        <f t="shared" si="298"/>
        <v>14</v>
      </c>
      <c r="D6406">
        <f t="shared" si="299"/>
        <v>9</v>
      </c>
    </row>
    <row r="6407" spans="1:4" x14ac:dyDescent="0.25">
      <c r="A6407" s="7">
        <f t="shared" si="300"/>
        <v>44828.62499998448</v>
      </c>
      <c r="B6407" s="8">
        <v>18.227304086776936</v>
      </c>
      <c r="C6407">
        <f t="shared" si="298"/>
        <v>15</v>
      </c>
      <c r="D6407">
        <f t="shared" si="299"/>
        <v>9</v>
      </c>
    </row>
    <row r="6408" spans="1:4" x14ac:dyDescent="0.25">
      <c r="A6408" s="7">
        <f t="shared" si="300"/>
        <v>44828.666666651145</v>
      </c>
      <c r="B6408" s="8">
        <v>7.6199353856359595</v>
      </c>
      <c r="C6408">
        <f t="shared" si="298"/>
        <v>16</v>
      </c>
      <c r="D6408">
        <f t="shared" si="299"/>
        <v>9</v>
      </c>
    </row>
    <row r="6409" spans="1:4" x14ac:dyDescent="0.25">
      <c r="A6409" s="7">
        <f t="shared" si="300"/>
        <v>44828.708333317809</v>
      </c>
      <c r="B6409" s="8">
        <v>4.4591648794887755</v>
      </c>
      <c r="C6409">
        <f t="shared" si="298"/>
        <v>17</v>
      </c>
      <c r="D6409">
        <f t="shared" si="299"/>
        <v>9</v>
      </c>
    </row>
    <row r="6410" spans="1:4" x14ac:dyDescent="0.25">
      <c r="A6410" s="7">
        <f t="shared" si="300"/>
        <v>44828.749999984473</v>
      </c>
      <c r="B6410" s="8">
        <v>1.4922985305714755</v>
      </c>
      <c r="C6410">
        <f t="shared" ref="C6410:C6473" si="301">HOUR(A6410)</f>
        <v>18</v>
      </c>
      <c r="D6410">
        <f t="shared" ref="D6410:D6473" si="302">MONTH(A6410)</f>
        <v>9</v>
      </c>
    </row>
    <row r="6411" spans="1:4" x14ac:dyDescent="0.25">
      <c r="A6411" s="7">
        <f t="shared" ref="A6411:A6474" si="303">+A6410+1/24</f>
        <v>44828.791666651137</v>
      </c>
      <c r="B6411" s="8">
        <v>-4.9800999999999998E-2</v>
      </c>
      <c r="C6411">
        <f t="shared" si="301"/>
        <v>19</v>
      </c>
      <c r="D6411">
        <f t="shared" si="302"/>
        <v>9</v>
      </c>
    </row>
    <row r="6412" spans="1:4" x14ac:dyDescent="0.25">
      <c r="A6412" s="7">
        <f t="shared" si="303"/>
        <v>44828.833333317802</v>
      </c>
      <c r="B6412" s="8">
        <v>-4.9800999999999998E-2</v>
      </c>
      <c r="C6412">
        <f t="shared" si="301"/>
        <v>20</v>
      </c>
      <c r="D6412">
        <f t="shared" si="302"/>
        <v>9</v>
      </c>
    </row>
    <row r="6413" spans="1:4" x14ac:dyDescent="0.25">
      <c r="A6413" s="7">
        <f t="shared" si="303"/>
        <v>44828.874999984466</v>
      </c>
      <c r="B6413" s="8">
        <v>-4.9800999999999998E-2</v>
      </c>
      <c r="C6413">
        <f t="shared" si="301"/>
        <v>21</v>
      </c>
      <c r="D6413">
        <f t="shared" si="302"/>
        <v>9</v>
      </c>
    </row>
    <row r="6414" spans="1:4" x14ac:dyDescent="0.25">
      <c r="A6414" s="7">
        <f t="shared" si="303"/>
        <v>44828.91666665113</v>
      </c>
      <c r="B6414" s="8">
        <v>-4.9800999999999998E-2</v>
      </c>
      <c r="C6414">
        <f t="shared" si="301"/>
        <v>22</v>
      </c>
      <c r="D6414">
        <f t="shared" si="302"/>
        <v>9</v>
      </c>
    </row>
    <row r="6415" spans="1:4" x14ac:dyDescent="0.25">
      <c r="A6415" s="7">
        <f t="shared" si="303"/>
        <v>44828.958333317794</v>
      </c>
      <c r="B6415" s="8">
        <v>-4.9800999999999998E-2</v>
      </c>
      <c r="C6415">
        <f t="shared" si="301"/>
        <v>23</v>
      </c>
      <c r="D6415">
        <f t="shared" si="302"/>
        <v>9</v>
      </c>
    </row>
    <row r="6416" spans="1:4" x14ac:dyDescent="0.25">
      <c r="A6416" s="7">
        <f t="shared" si="303"/>
        <v>44828.999999984459</v>
      </c>
      <c r="B6416" s="8">
        <v>-4.9800999999999998E-2</v>
      </c>
      <c r="C6416">
        <f t="shared" si="301"/>
        <v>0</v>
      </c>
      <c r="D6416">
        <f t="shared" si="302"/>
        <v>9</v>
      </c>
    </row>
    <row r="6417" spans="1:4" x14ac:dyDescent="0.25">
      <c r="A6417" s="7">
        <f t="shared" si="303"/>
        <v>44829.041666651123</v>
      </c>
      <c r="B6417" s="8">
        <v>-4.9800999999999998E-2</v>
      </c>
      <c r="C6417">
        <f t="shared" si="301"/>
        <v>1</v>
      </c>
      <c r="D6417">
        <f t="shared" si="302"/>
        <v>9</v>
      </c>
    </row>
    <row r="6418" spans="1:4" x14ac:dyDescent="0.25">
      <c r="A6418" s="7">
        <f t="shared" si="303"/>
        <v>44829.083333317787</v>
      </c>
      <c r="B6418" s="8">
        <v>-4.9800999999999998E-2</v>
      </c>
      <c r="C6418">
        <f t="shared" si="301"/>
        <v>2</v>
      </c>
      <c r="D6418">
        <f t="shared" si="302"/>
        <v>9</v>
      </c>
    </row>
    <row r="6419" spans="1:4" x14ac:dyDescent="0.25">
      <c r="A6419" s="7">
        <f t="shared" si="303"/>
        <v>44829.124999984451</v>
      </c>
      <c r="B6419" s="8">
        <v>-4.9800999999999998E-2</v>
      </c>
      <c r="C6419">
        <f t="shared" si="301"/>
        <v>3</v>
      </c>
      <c r="D6419">
        <f t="shared" si="302"/>
        <v>9</v>
      </c>
    </row>
    <row r="6420" spans="1:4" x14ac:dyDescent="0.25">
      <c r="A6420" s="7">
        <f t="shared" si="303"/>
        <v>44829.166666651116</v>
      </c>
      <c r="B6420" s="8">
        <v>-4.9800999999999998E-2</v>
      </c>
      <c r="C6420">
        <f t="shared" si="301"/>
        <v>4</v>
      </c>
      <c r="D6420">
        <f t="shared" si="302"/>
        <v>9</v>
      </c>
    </row>
    <row r="6421" spans="1:4" x14ac:dyDescent="0.25">
      <c r="A6421" s="7">
        <f t="shared" si="303"/>
        <v>44829.20833331778</v>
      </c>
      <c r="B6421" s="8">
        <v>-4.9800999999999998E-2</v>
      </c>
      <c r="C6421">
        <f t="shared" si="301"/>
        <v>5</v>
      </c>
      <c r="D6421">
        <f t="shared" si="302"/>
        <v>9</v>
      </c>
    </row>
    <row r="6422" spans="1:4" x14ac:dyDescent="0.25">
      <c r="A6422" s="7">
        <f t="shared" si="303"/>
        <v>44829.249999984444</v>
      </c>
      <c r="B6422" s="8">
        <v>-4.9800999999999998E-2</v>
      </c>
      <c r="C6422">
        <f t="shared" si="301"/>
        <v>6</v>
      </c>
      <c r="D6422">
        <f t="shared" si="302"/>
        <v>9</v>
      </c>
    </row>
    <row r="6423" spans="1:4" x14ac:dyDescent="0.25">
      <c r="A6423" s="7">
        <f t="shared" si="303"/>
        <v>44829.291666651108</v>
      </c>
      <c r="B6423" s="8">
        <v>-4.9800999999999998E-2</v>
      </c>
      <c r="C6423">
        <f t="shared" si="301"/>
        <v>7</v>
      </c>
      <c r="D6423">
        <f t="shared" si="302"/>
        <v>9</v>
      </c>
    </row>
    <row r="6424" spans="1:4" x14ac:dyDescent="0.25">
      <c r="A6424" s="7">
        <f t="shared" si="303"/>
        <v>44829.333333317772</v>
      </c>
      <c r="B6424" s="8">
        <v>1.5849106865415545</v>
      </c>
      <c r="C6424">
        <f t="shared" si="301"/>
        <v>8</v>
      </c>
      <c r="D6424">
        <f t="shared" si="302"/>
        <v>9</v>
      </c>
    </row>
    <row r="6425" spans="1:4" x14ac:dyDescent="0.25">
      <c r="A6425" s="7">
        <f t="shared" si="303"/>
        <v>44829.374999984437</v>
      </c>
      <c r="B6425" s="8">
        <v>3.134000263758129</v>
      </c>
      <c r="C6425">
        <f t="shared" si="301"/>
        <v>9</v>
      </c>
      <c r="D6425">
        <f t="shared" si="302"/>
        <v>9</v>
      </c>
    </row>
    <row r="6426" spans="1:4" x14ac:dyDescent="0.25">
      <c r="A6426" s="7">
        <f t="shared" si="303"/>
        <v>44829.416666651101</v>
      </c>
      <c r="B6426" s="8">
        <v>6.466654792433193</v>
      </c>
      <c r="C6426">
        <f t="shared" si="301"/>
        <v>10</v>
      </c>
      <c r="D6426">
        <f t="shared" si="302"/>
        <v>9</v>
      </c>
    </row>
    <row r="6427" spans="1:4" x14ac:dyDescent="0.25">
      <c r="A6427" s="7">
        <f t="shared" si="303"/>
        <v>44829.458333317765</v>
      </c>
      <c r="B6427" s="8">
        <v>5.3481234682441601</v>
      </c>
      <c r="C6427">
        <f t="shared" si="301"/>
        <v>11</v>
      </c>
      <c r="D6427">
        <f t="shared" si="302"/>
        <v>9</v>
      </c>
    </row>
    <row r="6428" spans="1:4" x14ac:dyDescent="0.25">
      <c r="A6428" s="7">
        <f t="shared" si="303"/>
        <v>44829.499999984429</v>
      </c>
      <c r="B6428" s="8">
        <v>5.1691848813600512</v>
      </c>
      <c r="C6428">
        <f t="shared" si="301"/>
        <v>12</v>
      </c>
      <c r="D6428">
        <f t="shared" si="302"/>
        <v>9</v>
      </c>
    </row>
    <row r="6429" spans="1:4" x14ac:dyDescent="0.25">
      <c r="A6429" s="7">
        <f t="shared" si="303"/>
        <v>44829.541666651094</v>
      </c>
      <c r="B6429" s="8">
        <v>5.0815042214373864</v>
      </c>
      <c r="C6429">
        <f t="shared" si="301"/>
        <v>13</v>
      </c>
      <c r="D6429">
        <f t="shared" si="302"/>
        <v>9</v>
      </c>
    </row>
    <row r="6430" spans="1:4" x14ac:dyDescent="0.25">
      <c r="A6430" s="7">
        <f t="shared" si="303"/>
        <v>44829.583333317758</v>
      </c>
      <c r="B6430" s="8">
        <v>6.5640665256431499</v>
      </c>
      <c r="C6430">
        <f t="shared" si="301"/>
        <v>14</v>
      </c>
      <c r="D6430">
        <f t="shared" si="302"/>
        <v>9</v>
      </c>
    </row>
    <row r="6431" spans="1:4" x14ac:dyDescent="0.25">
      <c r="A6431" s="7">
        <f t="shared" si="303"/>
        <v>44829.624999984422</v>
      </c>
      <c r="B6431" s="8">
        <v>4.3108263028750571</v>
      </c>
      <c r="C6431">
        <f t="shared" si="301"/>
        <v>15</v>
      </c>
      <c r="D6431">
        <f t="shared" si="302"/>
        <v>9</v>
      </c>
    </row>
    <row r="6432" spans="1:4" x14ac:dyDescent="0.25">
      <c r="A6432" s="7">
        <f t="shared" si="303"/>
        <v>44829.666666651086</v>
      </c>
      <c r="B6432" s="8">
        <v>3.1908634535011005</v>
      </c>
      <c r="C6432">
        <f t="shared" si="301"/>
        <v>16</v>
      </c>
      <c r="D6432">
        <f t="shared" si="302"/>
        <v>9</v>
      </c>
    </row>
    <row r="6433" spans="1:4" x14ac:dyDescent="0.25">
      <c r="A6433" s="7">
        <f t="shared" si="303"/>
        <v>44829.708333317751</v>
      </c>
      <c r="B6433" s="8">
        <v>1.5650919469403415</v>
      </c>
      <c r="C6433">
        <f t="shared" si="301"/>
        <v>17</v>
      </c>
      <c r="D6433">
        <f t="shared" si="302"/>
        <v>9</v>
      </c>
    </row>
    <row r="6434" spans="1:4" x14ac:dyDescent="0.25">
      <c r="A6434" s="7">
        <f t="shared" si="303"/>
        <v>44829.749999984415</v>
      </c>
      <c r="B6434" s="8">
        <v>0.44851673131933317</v>
      </c>
      <c r="C6434">
        <f t="shared" si="301"/>
        <v>18</v>
      </c>
      <c r="D6434">
        <f t="shared" si="302"/>
        <v>9</v>
      </c>
    </row>
    <row r="6435" spans="1:4" x14ac:dyDescent="0.25">
      <c r="A6435" s="7">
        <f t="shared" si="303"/>
        <v>44829.791666651079</v>
      </c>
      <c r="B6435" s="8">
        <v>-4.9800999999999998E-2</v>
      </c>
      <c r="C6435">
        <f t="shared" si="301"/>
        <v>19</v>
      </c>
      <c r="D6435">
        <f t="shared" si="302"/>
        <v>9</v>
      </c>
    </row>
    <row r="6436" spans="1:4" x14ac:dyDescent="0.25">
      <c r="A6436" s="7">
        <f t="shared" si="303"/>
        <v>44829.833333317743</v>
      </c>
      <c r="B6436" s="8">
        <v>-4.9800999999999998E-2</v>
      </c>
      <c r="C6436">
        <f t="shared" si="301"/>
        <v>20</v>
      </c>
      <c r="D6436">
        <f t="shared" si="302"/>
        <v>9</v>
      </c>
    </row>
    <row r="6437" spans="1:4" x14ac:dyDescent="0.25">
      <c r="A6437" s="7">
        <f t="shared" si="303"/>
        <v>44829.874999984408</v>
      </c>
      <c r="B6437" s="8">
        <v>-4.9800999999999998E-2</v>
      </c>
      <c r="C6437">
        <f t="shared" si="301"/>
        <v>21</v>
      </c>
      <c r="D6437">
        <f t="shared" si="302"/>
        <v>9</v>
      </c>
    </row>
    <row r="6438" spans="1:4" x14ac:dyDescent="0.25">
      <c r="A6438" s="7">
        <f t="shared" si="303"/>
        <v>44829.916666651072</v>
      </c>
      <c r="B6438" s="8">
        <v>-4.9800999999999998E-2</v>
      </c>
      <c r="C6438">
        <f t="shared" si="301"/>
        <v>22</v>
      </c>
      <c r="D6438">
        <f t="shared" si="302"/>
        <v>9</v>
      </c>
    </row>
    <row r="6439" spans="1:4" x14ac:dyDescent="0.25">
      <c r="A6439" s="7">
        <f t="shared" si="303"/>
        <v>44829.958333317736</v>
      </c>
      <c r="B6439" s="8">
        <v>-4.9800999999999998E-2</v>
      </c>
      <c r="C6439">
        <f t="shared" si="301"/>
        <v>23</v>
      </c>
      <c r="D6439">
        <f t="shared" si="302"/>
        <v>9</v>
      </c>
    </row>
    <row r="6440" spans="1:4" x14ac:dyDescent="0.25">
      <c r="A6440" s="7">
        <f t="shared" si="303"/>
        <v>44829.9999999844</v>
      </c>
      <c r="B6440" s="8">
        <v>-4.9800999999999998E-2</v>
      </c>
      <c r="C6440">
        <f t="shared" si="301"/>
        <v>0</v>
      </c>
      <c r="D6440">
        <f t="shared" si="302"/>
        <v>9</v>
      </c>
    </row>
    <row r="6441" spans="1:4" x14ac:dyDescent="0.25">
      <c r="A6441" s="7">
        <f t="shared" si="303"/>
        <v>44830.041666651065</v>
      </c>
      <c r="B6441" s="8">
        <v>-4.9800999999999998E-2</v>
      </c>
      <c r="C6441">
        <f t="shared" si="301"/>
        <v>1</v>
      </c>
      <c r="D6441">
        <f t="shared" si="302"/>
        <v>9</v>
      </c>
    </row>
    <row r="6442" spans="1:4" x14ac:dyDescent="0.25">
      <c r="A6442" s="7">
        <f t="shared" si="303"/>
        <v>44830.083333317729</v>
      </c>
      <c r="B6442" s="8">
        <v>-4.9800999999999998E-2</v>
      </c>
      <c r="C6442">
        <f t="shared" si="301"/>
        <v>2</v>
      </c>
      <c r="D6442">
        <f t="shared" si="302"/>
        <v>9</v>
      </c>
    </row>
    <row r="6443" spans="1:4" x14ac:dyDescent="0.25">
      <c r="A6443" s="7">
        <f t="shared" si="303"/>
        <v>44830.124999984393</v>
      </c>
      <c r="B6443" s="8">
        <v>-4.9800999999999998E-2</v>
      </c>
      <c r="C6443">
        <f t="shared" si="301"/>
        <v>3</v>
      </c>
      <c r="D6443">
        <f t="shared" si="302"/>
        <v>9</v>
      </c>
    </row>
    <row r="6444" spans="1:4" x14ac:dyDescent="0.25">
      <c r="A6444" s="7">
        <f t="shared" si="303"/>
        <v>44830.166666651057</v>
      </c>
      <c r="B6444" s="8">
        <v>-4.9800999999999998E-2</v>
      </c>
      <c r="C6444">
        <f t="shared" si="301"/>
        <v>4</v>
      </c>
      <c r="D6444">
        <f t="shared" si="302"/>
        <v>9</v>
      </c>
    </row>
    <row r="6445" spans="1:4" x14ac:dyDescent="0.25">
      <c r="A6445" s="7">
        <f t="shared" si="303"/>
        <v>44830.208333317722</v>
      </c>
      <c r="B6445" s="8">
        <v>-4.9800999999999998E-2</v>
      </c>
      <c r="C6445">
        <f t="shared" si="301"/>
        <v>5</v>
      </c>
      <c r="D6445">
        <f t="shared" si="302"/>
        <v>9</v>
      </c>
    </row>
    <row r="6446" spans="1:4" x14ac:dyDescent="0.25">
      <c r="A6446" s="7">
        <f t="shared" si="303"/>
        <v>44830.249999984386</v>
      </c>
      <c r="B6446" s="8">
        <v>-4.9800999999999998E-2</v>
      </c>
      <c r="C6446">
        <f t="shared" si="301"/>
        <v>6</v>
      </c>
      <c r="D6446">
        <f t="shared" si="302"/>
        <v>9</v>
      </c>
    </row>
    <row r="6447" spans="1:4" x14ac:dyDescent="0.25">
      <c r="A6447" s="7">
        <f t="shared" si="303"/>
        <v>44830.29166665105</v>
      </c>
      <c r="B6447" s="8">
        <v>-4.9800999999999998E-2</v>
      </c>
      <c r="C6447">
        <f t="shared" si="301"/>
        <v>7</v>
      </c>
      <c r="D6447">
        <f t="shared" si="302"/>
        <v>9</v>
      </c>
    </row>
    <row r="6448" spans="1:4" x14ac:dyDescent="0.25">
      <c r="A6448" s="7">
        <f t="shared" si="303"/>
        <v>44830.333333317714</v>
      </c>
      <c r="B6448" s="8">
        <v>0.48960531740467733</v>
      </c>
      <c r="C6448">
        <f t="shared" si="301"/>
        <v>8</v>
      </c>
      <c r="D6448">
        <f t="shared" si="302"/>
        <v>9</v>
      </c>
    </row>
    <row r="6449" spans="1:4" x14ac:dyDescent="0.25">
      <c r="A6449" s="7">
        <f t="shared" si="303"/>
        <v>44830.374999984379</v>
      </c>
      <c r="B6449" s="8">
        <v>1.2223699768037299</v>
      </c>
      <c r="C6449">
        <f t="shared" si="301"/>
        <v>9</v>
      </c>
      <c r="D6449">
        <f t="shared" si="302"/>
        <v>9</v>
      </c>
    </row>
    <row r="6450" spans="1:4" x14ac:dyDescent="0.25">
      <c r="A6450" s="7">
        <f t="shared" si="303"/>
        <v>44830.416666651043</v>
      </c>
      <c r="B6450" s="8">
        <v>1.8870470110465605</v>
      </c>
      <c r="C6450">
        <f t="shared" si="301"/>
        <v>10</v>
      </c>
      <c r="D6450">
        <f t="shared" si="302"/>
        <v>9</v>
      </c>
    </row>
    <row r="6451" spans="1:4" x14ac:dyDescent="0.25">
      <c r="A6451" s="7">
        <f t="shared" si="303"/>
        <v>44830.458333317707</v>
      </c>
      <c r="B6451" s="8">
        <v>2.3852723980312973</v>
      </c>
      <c r="C6451">
        <f t="shared" si="301"/>
        <v>11</v>
      </c>
      <c r="D6451">
        <f t="shared" si="302"/>
        <v>9</v>
      </c>
    </row>
    <row r="6452" spans="1:4" x14ac:dyDescent="0.25">
      <c r="A6452" s="7">
        <f t="shared" si="303"/>
        <v>44830.499999984371</v>
      </c>
      <c r="B6452" s="8">
        <v>2.794162986920727</v>
      </c>
      <c r="C6452">
        <f t="shared" si="301"/>
        <v>12</v>
      </c>
      <c r="D6452">
        <f t="shared" si="302"/>
        <v>9</v>
      </c>
    </row>
    <row r="6453" spans="1:4" x14ac:dyDescent="0.25">
      <c r="A6453" s="7">
        <f t="shared" si="303"/>
        <v>44830.541666651035</v>
      </c>
      <c r="B6453" s="8">
        <v>3.398918994686484</v>
      </c>
      <c r="C6453">
        <f t="shared" si="301"/>
        <v>13</v>
      </c>
      <c r="D6453">
        <f t="shared" si="302"/>
        <v>9</v>
      </c>
    </row>
    <row r="6454" spans="1:4" x14ac:dyDescent="0.25">
      <c r="A6454" s="7">
        <f t="shared" si="303"/>
        <v>44830.5833333177</v>
      </c>
      <c r="B6454" s="8">
        <v>2.6498438114741809</v>
      </c>
      <c r="C6454">
        <f t="shared" si="301"/>
        <v>14</v>
      </c>
      <c r="D6454">
        <f t="shared" si="302"/>
        <v>9</v>
      </c>
    </row>
    <row r="6455" spans="1:4" x14ac:dyDescent="0.25">
      <c r="A6455" s="7">
        <f t="shared" si="303"/>
        <v>44830.624999984364</v>
      </c>
      <c r="B6455" s="8">
        <v>2.8657866544883772</v>
      </c>
      <c r="C6455">
        <f t="shared" si="301"/>
        <v>15</v>
      </c>
      <c r="D6455">
        <f t="shared" si="302"/>
        <v>9</v>
      </c>
    </row>
    <row r="6456" spans="1:4" x14ac:dyDescent="0.25">
      <c r="A6456" s="7">
        <f t="shared" si="303"/>
        <v>44830.666666651028</v>
      </c>
      <c r="B6456" s="8">
        <v>1.8575105961619442</v>
      </c>
      <c r="C6456">
        <f t="shared" si="301"/>
        <v>16</v>
      </c>
      <c r="D6456">
        <f t="shared" si="302"/>
        <v>9</v>
      </c>
    </row>
    <row r="6457" spans="1:4" x14ac:dyDescent="0.25">
      <c r="A6457" s="7">
        <f t="shared" si="303"/>
        <v>44830.708333317692</v>
      </c>
      <c r="B6457" s="8">
        <v>1.174056774774314</v>
      </c>
      <c r="C6457">
        <f t="shared" si="301"/>
        <v>17</v>
      </c>
      <c r="D6457">
        <f t="shared" si="302"/>
        <v>9</v>
      </c>
    </row>
    <row r="6458" spans="1:4" x14ac:dyDescent="0.25">
      <c r="A6458" s="7">
        <f t="shared" si="303"/>
        <v>44830.749999984357</v>
      </c>
      <c r="B6458" s="8">
        <v>0.36178836028858469</v>
      </c>
      <c r="C6458">
        <f t="shared" si="301"/>
        <v>18</v>
      </c>
      <c r="D6458">
        <f t="shared" si="302"/>
        <v>9</v>
      </c>
    </row>
    <row r="6459" spans="1:4" x14ac:dyDescent="0.25">
      <c r="A6459" s="7">
        <f t="shared" si="303"/>
        <v>44830.791666651021</v>
      </c>
      <c r="B6459" s="8">
        <v>-4.9800999999999998E-2</v>
      </c>
      <c r="C6459">
        <f t="shared" si="301"/>
        <v>19</v>
      </c>
      <c r="D6459">
        <f t="shared" si="302"/>
        <v>9</v>
      </c>
    </row>
    <row r="6460" spans="1:4" x14ac:dyDescent="0.25">
      <c r="A6460" s="7">
        <f t="shared" si="303"/>
        <v>44830.833333317685</v>
      </c>
      <c r="B6460" s="8">
        <v>-4.9800999999999998E-2</v>
      </c>
      <c r="C6460">
        <f t="shared" si="301"/>
        <v>20</v>
      </c>
      <c r="D6460">
        <f t="shared" si="302"/>
        <v>9</v>
      </c>
    </row>
    <row r="6461" spans="1:4" x14ac:dyDescent="0.25">
      <c r="A6461" s="7">
        <f t="shared" si="303"/>
        <v>44830.874999984349</v>
      </c>
      <c r="B6461" s="8">
        <v>-4.9800999999999998E-2</v>
      </c>
      <c r="C6461">
        <f t="shared" si="301"/>
        <v>21</v>
      </c>
      <c r="D6461">
        <f t="shared" si="302"/>
        <v>9</v>
      </c>
    </row>
    <row r="6462" spans="1:4" x14ac:dyDescent="0.25">
      <c r="A6462" s="7">
        <f t="shared" si="303"/>
        <v>44830.916666651014</v>
      </c>
      <c r="B6462" s="8">
        <v>-4.9800999999999998E-2</v>
      </c>
      <c r="C6462">
        <f t="shared" si="301"/>
        <v>22</v>
      </c>
      <c r="D6462">
        <f t="shared" si="302"/>
        <v>9</v>
      </c>
    </row>
    <row r="6463" spans="1:4" x14ac:dyDescent="0.25">
      <c r="A6463" s="7">
        <f t="shared" si="303"/>
        <v>44830.958333317678</v>
      </c>
      <c r="B6463" s="8">
        <v>-4.9800999999999998E-2</v>
      </c>
      <c r="C6463">
        <f t="shared" si="301"/>
        <v>23</v>
      </c>
      <c r="D6463">
        <f t="shared" si="302"/>
        <v>9</v>
      </c>
    </row>
    <row r="6464" spans="1:4" x14ac:dyDescent="0.25">
      <c r="A6464" s="7">
        <f t="shared" si="303"/>
        <v>44830.999999984342</v>
      </c>
      <c r="B6464" s="8">
        <v>-4.9800999999999998E-2</v>
      </c>
      <c r="C6464">
        <f t="shared" si="301"/>
        <v>0</v>
      </c>
      <c r="D6464">
        <f t="shared" si="302"/>
        <v>9</v>
      </c>
    </row>
    <row r="6465" spans="1:4" x14ac:dyDescent="0.25">
      <c r="A6465" s="7">
        <f t="shared" si="303"/>
        <v>44831.041666651006</v>
      </c>
      <c r="B6465" s="8">
        <v>-4.9800999999999998E-2</v>
      </c>
      <c r="C6465">
        <f t="shared" si="301"/>
        <v>1</v>
      </c>
      <c r="D6465">
        <f t="shared" si="302"/>
        <v>9</v>
      </c>
    </row>
    <row r="6466" spans="1:4" x14ac:dyDescent="0.25">
      <c r="A6466" s="7">
        <f t="shared" si="303"/>
        <v>44831.083333317671</v>
      </c>
      <c r="B6466" s="8">
        <v>-4.9800999999999998E-2</v>
      </c>
      <c r="C6466">
        <f t="shared" si="301"/>
        <v>2</v>
      </c>
      <c r="D6466">
        <f t="shared" si="302"/>
        <v>9</v>
      </c>
    </row>
    <row r="6467" spans="1:4" x14ac:dyDescent="0.25">
      <c r="A6467" s="7">
        <f t="shared" si="303"/>
        <v>44831.124999984335</v>
      </c>
      <c r="B6467" s="8">
        <v>-4.9800999999999998E-2</v>
      </c>
      <c r="C6467">
        <f t="shared" si="301"/>
        <v>3</v>
      </c>
      <c r="D6467">
        <f t="shared" si="302"/>
        <v>9</v>
      </c>
    </row>
    <row r="6468" spans="1:4" x14ac:dyDescent="0.25">
      <c r="A6468" s="7">
        <f t="shared" si="303"/>
        <v>44831.166666650999</v>
      </c>
      <c r="B6468" s="8">
        <v>-4.9800999999999998E-2</v>
      </c>
      <c r="C6468">
        <f t="shared" si="301"/>
        <v>4</v>
      </c>
      <c r="D6468">
        <f t="shared" si="302"/>
        <v>9</v>
      </c>
    </row>
    <row r="6469" spans="1:4" x14ac:dyDescent="0.25">
      <c r="A6469" s="7">
        <f t="shared" si="303"/>
        <v>44831.208333317663</v>
      </c>
      <c r="B6469" s="8">
        <v>-4.9800999999999998E-2</v>
      </c>
      <c r="C6469">
        <f t="shared" si="301"/>
        <v>5</v>
      </c>
      <c r="D6469">
        <f t="shared" si="302"/>
        <v>9</v>
      </c>
    </row>
    <row r="6470" spans="1:4" x14ac:dyDescent="0.25">
      <c r="A6470" s="7">
        <f t="shared" si="303"/>
        <v>44831.249999984328</v>
      </c>
      <c r="B6470" s="8">
        <v>-4.9800999999999998E-2</v>
      </c>
      <c r="C6470">
        <f t="shared" si="301"/>
        <v>6</v>
      </c>
      <c r="D6470">
        <f t="shared" si="302"/>
        <v>9</v>
      </c>
    </row>
    <row r="6471" spans="1:4" x14ac:dyDescent="0.25">
      <c r="A6471" s="7">
        <f t="shared" si="303"/>
        <v>44831.291666650992</v>
      </c>
      <c r="B6471" s="8">
        <v>-4.9800999999999998E-2</v>
      </c>
      <c r="C6471">
        <f t="shared" si="301"/>
        <v>7</v>
      </c>
      <c r="D6471">
        <f t="shared" si="302"/>
        <v>9</v>
      </c>
    </row>
    <row r="6472" spans="1:4" x14ac:dyDescent="0.25">
      <c r="A6472" s="7">
        <f t="shared" si="303"/>
        <v>44831.333333317656</v>
      </c>
      <c r="B6472" s="8">
        <v>2.1727481072405657</v>
      </c>
      <c r="C6472">
        <f t="shared" si="301"/>
        <v>8</v>
      </c>
      <c r="D6472">
        <f t="shared" si="302"/>
        <v>9</v>
      </c>
    </row>
    <row r="6473" spans="1:4" x14ac:dyDescent="0.25">
      <c r="A6473" s="7">
        <f t="shared" si="303"/>
        <v>44831.37499998432</v>
      </c>
      <c r="B6473" s="8">
        <v>2.2034357198440877</v>
      </c>
      <c r="C6473">
        <f t="shared" si="301"/>
        <v>9</v>
      </c>
      <c r="D6473">
        <f t="shared" si="302"/>
        <v>9</v>
      </c>
    </row>
    <row r="6474" spans="1:4" x14ac:dyDescent="0.25">
      <c r="A6474" s="7">
        <f t="shared" si="303"/>
        <v>44831.416666650985</v>
      </c>
      <c r="B6474" s="8">
        <v>4.935681377708045</v>
      </c>
      <c r="C6474">
        <f t="shared" ref="C6474:C6537" si="304">HOUR(A6474)</f>
        <v>10</v>
      </c>
      <c r="D6474">
        <f t="shared" ref="D6474:D6537" si="305">MONTH(A6474)</f>
        <v>9</v>
      </c>
    </row>
    <row r="6475" spans="1:4" x14ac:dyDescent="0.25">
      <c r="A6475" s="7">
        <f t="shared" ref="A6475:A6538" si="306">+A6474+1/24</f>
        <v>44831.458333317649</v>
      </c>
      <c r="B6475" s="8">
        <v>2.421655192903998</v>
      </c>
      <c r="C6475">
        <f t="shared" si="304"/>
        <v>11</v>
      </c>
      <c r="D6475">
        <f t="shared" si="305"/>
        <v>9</v>
      </c>
    </row>
    <row r="6476" spans="1:4" x14ac:dyDescent="0.25">
      <c r="A6476" s="7">
        <f t="shared" si="306"/>
        <v>44831.499999984313</v>
      </c>
      <c r="B6476" s="8">
        <v>3.4999038724724887</v>
      </c>
      <c r="C6476">
        <f t="shared" si="304"/>
        <v>12</v>
      </c>
      <c r="D6476">
        <f t="shared" si="305"/>
        <v>9</v>
      </c>
    </row>
    <row r="6477" spans="1:4" x14ac:dyDescent="0.25">
      <c r="A6477" s="7">
        <f t="shared" si="306"/>
        <v>44831.541666650977</v>
      </c>
      <c r="B6477" s="8">
        <v>12.096997937091176</v>
      </c>
      <c r="C6477">
        <f t="shared" si="304"/>
        <v>13</v>
      </c>
      <c r="D6477">
        <f t="shared" si="305"/>
        <v>9</v>
      </c>
    </row>
    <row r="6478" spans="1:4" x14ac:dyDescent="0.25">
      <c r="A6478" s="7">
        <f t="shared" si="306"/>
        <v>44831.583333317642</v>
      </c>
      <c r="B6478" s="8">
        <v>3.0228514540975966</v>
      </c>
      <c r="C6478">
        <f t="shared" si="304"/>
        <v>14</v>
      </c>
      <c r="D6478">
        <f t="shared" si="305"/>
        <v>9</v>
      </c>
    </row>
    <row r="6479" spans="1:4" x14ac:dyDescent="0.25">
      <c r="A6479" s="7">
        <f t="shared" si="306"/>
        <v>44831.624999984306</v>
      </c>
      <c r="B6479" s="8">
        <v>3.4551040393094552</v>
      </c>
      <c r="C6479">
        <f t="shared" si="304"/>
        <v>15</v>
      </c>
      <c r="D6479">
        <f t="shared" si="305"/>
        <v>9</v>
      </c>
    </row>
    <row r="6480" spans="1:4" x14ac:dyDescent="0.25">
      <c r="A6480" s="7">
        <f t="shared" si="306"/>
        <v>44831.66666665097</v>
      </c>
      <c r="B6480" s="8">
        <v>3.0599824759568017</v>
      </c>
      <c r="C6480">
        <f t="shared" si="304"/>
        <v>16</v>
      </c>
      <c r="D6480">
        <f t="shared" si="305"/>
        <v>9</v>
      </c>
    </row>
    <row r="6481" spans="1:4" x14ac:dyDescent="0.25">
      <c r="A6481" s="7">
        <f t="shared" si="306"/>
        <v>44831.708333317634</v>
      </c>
      <c r="B6481" s="8">
        <v>1.5641891276012534</v>
      </c>
      <c r="C6481">
        <f t="shared" si="304"/>
        <v>17</v>
      </c>
      <c r="D6481">
        <f t="shared" si="305"/>
        <v>9</v>
      </c>
    </row>
    <row r="6482" spans="1:4" x14ac:dyDescent="0.25">
      <c r="A6482" s="7">
        <f t="shared" si="306"/>
        <v>44831.749999984298</v>
      </c>
      <c r="B6482" s="8">
        <v>0.59631732654606151</v>
      </c>
      <c r="C6482">
        <f t="shared" si="304"/>
        <v>18</v>
      </c>
      <c r="D6482">
        <f t="shared" si="305"/>
        <v>9</v>
      </c>
    </row>
    <row r="6483" spans="1:4" x14ac:dyDescent="0.25">
      <c r="A6483" s="7">
        <f t="shared" si="306"/>
        <v>44831.791666650963</v>
      </c>
      <c r="B6483" s="8">
        <v>-4.9800999999999998E-2</v>
      </c>
      <c r="C6483">
        <f t="shared" si="304"/>
        <v>19</v>
      </c>
      <c r="D6483">
        <f t="shared" si="305"/>
        <v>9</v>
      </c>
    </row>
    <row r="6484" spans="1:4" x14ac:dyDescent="0.25">
      <c r="A6484" s="7">
        <f t="shared" si="306"/>
        <v>44831.833333317627</v>
      </c>
      <c r="B6484" s="8">
        <v>-4.9800999999999998E-2</v>
      </c>
      <c r="C6484">
        <f t="shared" si="304"/>
        <v>20</v>
      </c>
      <c r="D6484">
        <f t="shared" si="305"/>
        <v>9</v>
      </c>
    </row>
    <row r="6485" spans="1:4" x14ac:dyDescent="0.25">
      <c r="A6485" s="7">
        <f t="shared" si="306"/>
        <v>44831.874999984291</v>
      </c>
      <c r="B6485" s="8">
        <v>-4.9800999999999998E-2</v>
      </c>
      <c r="C6485">
        <f t="shared" si="304"/>
        <v>21</v>
      </c>
      <c r="D6485">
        <f t="shared" si="305"/>
        <v>9</v>
      </c>
    </row>
    <row r="6486" spans="1:4" x14ac:dyDescent="0.25">
      <c r="A6486" s="7">
        <f t="shared" si="306"/>
        <v>44831.916666650955</v>
      </c>
      <c r="B6486" s="8">
        <v>-4.9800999999999998E-2</v>
      </c>
      <c r="C6486">
        <f t="shared" si="304"/>
        <v>22</v>
      </c>
      <c r="D6486">
        <f t="shared" si="305"/>
        <v>9</v>
      </c>
    </row>
    <row r="6487" spans="1:4" x14ac:dyDescent="0.25">
      <c r="A6487" s="7">
        <f t="shared" si="306"/>
        <v>44831.95833331762</v>
      </c>
      <c r="B6487" s="8">
        <v>-4.9800999999999998E-2</v>
      </c>
      <c r="C6487">
        <f t="shared" si="304"/>
        <v>23</v>
      </c>
      <c r="D6487">
        <f t="shared" si="305"/>
        <v>9</v>
      </c>
    </row>
    <row r="6488" spans="1:4" x14ac:dyDescent="0.25">
      <c r="A6488" s="7">
        <f t="shared" si="306"/>
        <v>44831.999999984284</v>
      </c>
      <c r="B6488" s="8">
        <v>-4.9800999999999998E-2</v>
      </c>
      <c r="C6488">
        <f t="shared" si="304"/>
        <v>0</v>
      </c>
      <c r="D6488">
        <f t="shared" si="305"/>
        <v>9</v>
      </c>
    </row>
    <row r="6489" spans="1:4" x14ac:dyDescent="0.25">
      <c r="A6489" s="7">
        <f t="shared" si="306"/>
        <v>44832.041666650948</v>
      </c>
      <c r="B6489" s="8">
        <v>-4.9800999999999998E-2</v>
      </c>
      <c r="C6489">
        <f t="shared" si="304"/>
        <v>1</v>
      </c>
      <c r="D6489">
        <f t="shared" si="305"/>
        <v>9</v>
      </c>
    </row>
    <row r="6490" spans="1:4" x14ac:dyDescent="0.25">
      <c r="A6490" s="7">
        <f t="shared" si="306"/>
        <v>44832.083333317612</v>
      </c>
      <c r="B6490" s="8">
        <v>-4.9800999999999998E-2</v>
      </c>
      <c r="C6490">
        <f t="shared" si="304"/>
        <v>2</v>
      </c>
      <c r="D6490">
        <f t="shared" si="305"/>
        <v>9</v>
      </c>
    </row>
    <row r="6491" spans="1:4" x14ac:dyDescent="0.25">
      <c r="A6491" s="7">
        <f t="shared" si="306"/>
        <v>44832.124999984277</v>
      </c>
      <c r="B6491" s="8">
        <v>-4.9800999999999998E-2</v>
      </c>
      <c r="C6491">
        <f t="shared" si="304"/>
        <v>3</v>
      </c>
      <c r="D6491">
        <f t="shared" si="305"/>
        <v>9</v>
      </c>
    </row>
    <row r="6492" spans="1:4" x14ac:dyDescent="0.25">
      <c r="A6492" s="7">
        <f t="shared" si="306"/>
        <v>44832.166666650941</v>
      </c>
      <c r="B6492" s="8">
        <v>-4.9800999999999998E-2</v>
      </c>
      <c r="C6492">
        <f t="shared" si="304"/>
        <v>4</v>
      </c>
      <c r="D6492">
        <f t="shared" si="305"/>
        <v>9</v>
      </c>
    </row>
    <row r="6493" spans="1:4" x14ac:dyDescent="0.25">
      <c r="A6493" s="7">
        <f t="shared" si="306"/>
        <v>44832.208333317605</v>
      </c>
      <c r="B6493" s="8">
        <v>-4.9800999999999998E-2</v>
      </c>
      <c r="C6493">
        <f t="shared" si="304"/>
        <v>5</v>
      </c>
      <c r="D6493">
        <f t="shared" si="305"/>
        <v>9</v>
      </c>
    </row>
    <row r="6494" spans="1:4" x14ac:dyDescent="0.25">
      <c r="A6494" s="7">
        <f t="shared" si="306"/>
        <v>44832.249999984269</v>
      </c>
      <c r="B6494" s="8">
        <v>-4.9800999999999998E-2</v>
      </c>
      <c r="C6494">
        <f t="shared" si="304"/>
        <v>6</v>
      </c>
      <c r="D6494">
        <f t="shared" si="305"/>
        <v>9</v>
      </c>
    </row>
    <row r="6495" spans="1:4" x14ac:dyDescent="0.25">
      <c r="A6495" s="7">
        <f t="shared" si="306"/>
        <v>44832.291666650934</v>
      </c>
      <c r="B6495" s="8">
        <v>-4.9800999999999998E-2</v>
      </c>
      <c r="C6495">
        <f t="shared" si="304"/>
        <v>7</v>
      </c>
      <c r="D6495">
        <f t="shared" si="305"/>
        <v>9</v>
      </c>
    </row>
    <row r="6496" spans="1:4" x14ac:dyDescent="0.25">
      <c r="A6496" s="7">
        <f t="shared" si="306"/>
        <v>44832.333333317598</v>
      </c>
      <c r="B6496" s="8">
        <v>1.6720142016812392</v>
      </c>
      <c r="C6496">
        <f t="shared" si="304"/>
        <v>8</v>
      </c>
      <c r="D6496">
        <f t="shared" si="305"/>
        <v>9</v>
      </c>
    </row>
    <row r="6497" spans="1:4" x14ac:dyDescent="0.25">
      <c r="A6497" s="7">
        <f t="shared" si="306"/>
        <v>44832.374999984262</v>
      </c>
      <c r="B6497" s="8">
        <v>4.0907455378900401</v>
      </c>
      <c r="C6497">
        <f t="shared" si="304"/>
        <v>9</v>
      </c>
      <c r="D6497">
        <f t="shared" si="305"/>
        <v>9</v>
      </c>
    </row>
    <row r="6498" spans="1:4" x14ac:dyDescent="0.25">
      <c r="A6498" s="7">
        <f t="shared" si="306"/>
        <v>44832.416666650926</v>
      </c>
      <c r="B6498" s="8">
        <v>4.6381642726982362</v>
      </c>
      <c r="C6498">
        <f t="shared" si="304"/>
        <v>10</v>
      </c>
      <c r="D6498">
        <f t="shared" si="305"/>
        <v>9</v>
      </c>
    </row>
    <row r="6499" spans="1:4" x14ac:dyDescent="0.25">
      <c r="A6499" s="7">
        <f t="shared" si="306"/>
        <v>44832.458333317591</v>
      </c>
      <c r="B6499" s="8">
        <v>12.647377630759189</v>
      </c>
      <c r="C6499">
        <f t="shared" si="304"/>
        <v>11</v>
      </c>
      <c r="D6499">
        <f t="shared" si="305"/>
        <v>9</v>
      </c>
    </row>
    <row r="6500" spans="1:4" x14ac:dyDescent="0.25">
      <c r="A6500" s="7">
        <f t="shared" si="306"/>
        <v>44832.499999984255</v>
      </c>
      <c r="B6500" s="8">
        <v>12.993079110837927</v>
      </c>
      <c r="C6500">
        <f t="shared" si="304"/>
        <v>12</v>
      </c>
      <c r="D6500">
        <f t="shared" si="305"/>
        <v>9</v>
      </c>
    </row>
    <row r="6501" spans="1:4" x14ac:dyDescent="0.25">
      <c r="A6501" s="7">
        <f t="shared" si="306"/>
        <v>44832.541666650919</v>
      </c>
      <c r="B6501" s="8">
        <v>7.4541010771725169</v>
      </c>
      <c r="C6501">
        <f t="shared" si="304"/>
        <v>13</v>
      </c>
      <c r="D6501">
        <f t="shared" si="305"/>
        <v>9</v>
      </c>
    </row>
    <row r="6502" spans="1:4" x14ac:dyDescent="0.25">
      <c r="A6502" s="7">
        <f t="shared" si="306"/>
        <v>44832.583333317583</v>
      </c>
      <c r="B6502" s="8">
        <v>6.152226314666426</v>
      </c>
      <c r="C6502">
        <f t="shared" si="304"/>
        <v>14</v>
      </c>
      <c r="D6502">
        <f t="shared" si="305"/>
        <v>9</v>
      </c>
    </row>
    <row r="6503" spans="1:4" x14ac:dyDescent="0.25">
      <c r="A6503" s="7">
        <f t="shared" si="306"/>
        <v>44832.624999984248</v>
      </c>
      <c r="B6503" s="8">
        <v>15.370755871278954</v>
      </c>
      <c r="C6503">
        <f t="shared" si="304"/>
        <v>15</v>
      </c>
      <c r="D6503">
        <f t="shared" si="305"/>
        <v>9</v>
      </c>
    </row>
    <row r="6504" spans="1:4" x14ac:dyDescent="0.25">
      <c r="A6504" s="7">
        <f t="shared" si="306"/>
        <v>44832.666666650912</v>
      </c>
      <c r="B6504" s="8">
        <v>12.922836468286691</v>
      </c>
      <c r="C6504">
        <f t="shared" si="304"/>
        <v>16</v>
      </c>
      <c r="D6504">
        <f t="shared" si="305"/>
        <v>9</v>
      </c>
    </row>
    <row r="6505" spans="1:4" x14ac:dyDescent="0.25">
      <c r="A6505" s="7">
        <f t="shared" si="306"/>
        <v>44832.708333317576</v>
      </c>
      <c r="B6505" s="8">
        <v>6.3700768273115038</v>
      </c>
      <c r="C6505">
        <f t="shared" si="304"/>
        <v>17</v>
      </c>
      <c r="D6505">
        <f t="shared" si="305"/>
        <v>9</v>
      </c>
    </row>
    <row r="6506" spans="1:4" x14ac:dyDescent="0.25">
      <c r="A6506" s="7">
        <f t="shared" si="306"/>
        <v>44832.74999998424</v>
      </c>
      <c r="B6506" s="8">
        <v>2.3544889381691743</v>
      </c>
      <c r="C6506">
        <f t="shared" si="304"/>
        <v>18</v>
      </c>
      <c r="D6506">
        <f t="shared" si="305"/>
        <v>9</v>
      </c>
    </row>
    <row r="6507" spans="1:4" x14ac:dyDescent="0.25">
      <c r="A6507" s="7">
        <f t="shared" si="306"/>
        <v>44832.791666650905</v>
      </c>
      <c r="B6507" s="8">
        <v>-4.9800999999999998E-2</v>
      </c>
      <c r="C6507">
        <f t="shared" si="304"/>
        <v>19</v>
      </c>
      <c r="D6507">
        <f t="shared" si="305"/>
        <v>9</v>
      </c>
    </row>
    <row r="6508" spans="1:4" x14ac:dyDescent="0.25">
      <c r="A6508" s="7">
        <f t="shared" si="306"/>
        <v>44832.833333317569</v>
      </c>
      <c r="B6508" s="8">
        <v>-4.9800999999999998E-2</v>
      </c>
      <c r="C6508">
        <f t="shared" si="304"/>
        <v>20</v>
      </c>
      <c r="D6508">
        <f t="shared" si="305"/>
        <v>9</v>
      </c>
    </row>
    <row r="6509" spans="1:4" x14ac:dyDescent="0.25">
      <c r="A6509" s="7">
        <f t="shared" si="306"/>
        <v>44832.874999984233</v>
      </c>
      <c r="B6509" s="8">
        <v>-4.9800999999999998E-2</v>
      </c>
      <c r="C6509">
        <f t="shared" si="304"/>
        <v>21</v>
      </c>
      <c r="D6509">
        <f t="shared" si="305"/>
        <v>9</v>
      </c>
    </row>
    <row r="6510" spans="1:4" x14ac:dyDescent="0.25">
      <c r="A6510" s="7">
        <f t="shared" si="306"/>
        <v>44832.916666650897</v>
      </c>
      <c r="B6510" s="8">
        <v>-4.9800999999999998E-2</v>
      </c>
      <c r="C6510">
        <f t="shared" si="304"/>
        <v>22</v>
      </c>
      <c r="D6510">
        <f t="shared" si="305"/>
        <v>9</v>
      </c>
    </row>
    <row r="6511" spans="1:4" x14ac:dyDescent="0.25">
      <c r="A6511" s="7">
        <f t="shared" si="306"/>
        <v>44832.958333317561</v>
      </c>
      <c r="B6511" s="8">
        <v>-4.9800999999999998E-2</v>
      </c>
      <c r="C6511">
        <f t="shared" si="304"/>
        <v>23</v>
      </c>
      <c r="D6511">
        <f t="shared" si="305"/>
        <v>9</v>
      </c>
    </row>
    <row r="6512" spans="1:4" x14ac:dyDescent="0.25">
      <c r="A6512" s="7">
        <f t="shared" si="306"/>
        <v>44832.999999984226</v>
      </c>
      <c r="B6512" s="8">
        <v>-4.9800999999999998E-2</v>
      </c>
      <c r="C6512">
        <f t="shared" si="304"/>
        <v>0</v>
      </c>
      <c r="D6512">
        <f t="shared" si="305"/>
        <v>9</v>
      </c>
    </row>
    <row r="6513" spans="1:4" x14ac:dyDescent="0.25">
      <c r="A6513" s="7">
        <f t="shared" si="306"/>
        <v>44833.04166665089</v>
      </c>
      <c r="B6513" s="8">
        <v>-4.9800999999999998E-2</v>
      </c>
      <c r="C6513">
        <f t="shared" si="304"/>
        <v>1</v>
      </c>
      <c r="D6513">
        <f t="shared" si="305"/>
        <v>9</v>
      </c>
    </row>
    <row r="6514" spans="1:4" x14ac:dyDescent="0.25">
      <c r="A6514" s="7">
        <f t="shared" si="306"/>
        <v>44833.083333317554</v>
      </c>
      <c r="B6514" s="8">
        <v>-4.9800999999999998E-2</v>
      </c>
      <c r="C6514">
        <f t="shared" si="304"/>
        <v>2</v>
      </c>
      <c r="D6514">
        <f t="shared" si="305"/>
        <v>9</v>
      </c>
    </row>
    <row r="6515" spans="1:4" x14ac:dyDescent="0.25">
      <c r="A6515" s="7">
        <f t="shared" si="306"/>
        <v>44833.124999984218</v>
      </c>
      <c r="B6515" s="8">
        <v>-4.9800999999999998E-2</v>
      </c>
      <c r="C6515">
        <f t="shared" si="304"/>
        <v>3</v>
      </c>
      <c r="D6515">
        <f t="shared" si="305"/>
        <v>9</v>
      </c>
    </row>
    <row r="6516" spans="1:4" x14ac:dyDescent="0.25">
      <c r="A6516" s="7">
        <f t="shared" si="306"/>
        <v>44833.166666650883</v>
      </c>
      <c r="B6516" s="8">
        <v>-4.9800999999999998E-2</v>
      </c>
      <c r="C6516">
        <f t="shared" si="304"/>
        <v>4</v>
      </c>
      <c r="D6516">
        <f t="shared" si="305"/>
        <v>9</v>
      </c>
    </row>
    <row r="6517" spans="1:4" x14ac:dyDescent="0.25">
      <c r="A6517" s="7">
        <f t="shared" si="306"/>
        <v>44833.208333317547</v>
      </c>
      <c r="B6517" s="8">
        <v>-4.9800999999999998E-2</v>
      </c>
      <c r="C6517">
        <f t="shared" si="304"/>
        <v>5</v>
      </c>
      <c r="D6517">
        <f t="shared" si="305"/>
        <v>9</v>
      </c>
    </row>
    <row r="6518" spans="1:4" x14ac:dyDescent="0.25">
      <c r="A6518" s="7">
        <f t="shared" si="306"/>
        <v>44833.249999984211</v>
      </c>
      <c r="B6518" s="8">
        <v>-4.9800999999999998E-2</v>
      </c>
      <c r="C6518">
        <f t="shared" si="304"/>
        <v>6</v>
      </c>
      <c r="D6518">
        <f t="shared" si="305"/>
        <v>9</v>
      </c>
    </row>
    <row r="6519" spans="1:4" x14ac:dyDescent="0.25">
      <c r="A6519" s="7">
        <f t="shared" si="306"/>
        <v>44833.291666650875</v>
      </c>
      <c r="B6519" s="8">
        <v>-4.9800999999999998E-2</v>
      </c>
      <c r="C6519">
        <f t="shared" si="304"/>
        <v>7</v>
      </c>
      <c r="D6519">
        <f t="shared" si="305"/>
        <v>9</v>
      </c>
    </row>
    <row r="6520" spans="1:4" x14ac:dyDescent="0.25">
      <c r="A6520" s="7">
        <f t="shared" si="306"/>
        <v>44833.33333331754</v>
      </c>
      <c r="B6520" s="8">
        <v>3.2838868251290521</v>
      </c>
      <c r="C6520">
        <f t="shared" si="304"/>
        <v>8</v>
      </c>
      <c r="D6520">
        <f t="shared" si="305"/>
        <v>9</v>
      </c>
    </row>
    <row r="6521" spans="1:4" x14ac:dyDescent="0.25">
      <c r="A6521" s="7">
        <f t="shared" si="306"/>
        <v>44833.374999984204</v>
      </c>
      <c r="B6521" s="8">
        <v>8.1964607685885884</v>
      </c>
      <c r="C6521">
        <f t="shared" si="304"/>
        <v>9</v>
      </c>
      <c r="D6521">
        <f t="shared" si="305"/>
        <v>9</v>
      </c>
    </row>
    <row r="6522" spans="1:4" x14ac:dyDescent="0.25">
      <c r="A6522" s="7">
        <f t="shared" si="306"/>
        <v>44833.416666650868</v>
      </c>
      <c r="B6522" s="8">
        <v>15.917296521524475</v>
      </c>
      <c r="C6522">
        <f t="shared" si="304"/>
        <v>10</v>
      </c>
      <c r="D6522">
        <f t="shared" si="305"/>
        <v>9</v>
      </c>
    </row>
    <row r="6523" spans="1:4" x14ac:dyDescent="0.25">
      <c r="A6523" s="7">
        <f t="shared" si="306"/>
        <v>44833.458333317532</v>
      </c>
      <c r="B6523" s="8">
        <v>19.829151911467548</v>
      </c>
      <c r="C6523">
        <f t="shared" si="304"/>
        <v>11</v>
      </c>
      <c r="D6523">
        <f t="shared" si="305"/>
        <v>9</v>
      </c>
    </row>
    <row r="6524" spans="1:4" x14ac:dyDescent="0.25">
      <c r="A6524" s="7">
        <f t="shared" si="306"/>
        <v>44833.499999984197</v>
      </c>
      <c r="B6524" s="8">
        <v>20.451311926287161</v>
      </c>
      <c r="C6524">
        <f t="shared" si="304"/>
        <v>12</v>
      </c>
      <c r="D6524">
        <f t="shared" si="305"/>
        <v>9</v>
      </c>
    </row>
    <row r="6525" spans="1:4" x14ac:dyDescent="0.25">
      <c r="A6525" s="7">
        <f t="shared" si="306"/>
        <v>44833.541666650861</v>
      </c>
      <c r="B6525" s="8">
        <v>20.451313987518528</v>
      </c>
      <c r="C6525">
        <f t="shared" si="304"/>
        <v>13</v>
      </c>
      <c r="D6525">
        <f t="shared" si="305"/>
        <v>9</v>
      </c>
    </row>
    <row r="6526" spans="1:4" x14ac:dyDescent="0.25">
      <c r="A6526" s="7">
        <f t="shared" si="306"/>
        <v>44833.583333317525</v>
      </c>
      <c r="B6526" s="8">
        <v>20.451304711977375</v>
      </c>
      <c r="C6526">
        <f t="shared" si="304"/>
        <v>14</v>
      </c>
      <c r="D6526">
        <f t="shared" si="305"/>
        <v>9</v>
      </c>
    </row>
    <row r="6527" spans="1:4" x14ac:dyDescent="0.25">
      <c r="A6527" s="7">
        <f t="shared" si="306"/>
        <v>44833.624999984189</v>
      </c>
      <c r="B6527" s="8">
        <v>16.736213437786979</v>
      </c>
      <c r="C6527">
        <f t="shared" si="304"/>
        <v>15</v>
      </c>
      <c r="D6527">
        <f t="shared" si="305"/>
        <v>9</v>
      </c>
    </row>
    <row r="6528" spans="1:4" x14ac:dyDescent="0.25">
      <c r="A6528" s="7">
        <f t="shared" si="306"/>
        <v>44833.666666650854</v>
      </c>
      <c r="B6528" s="8">
        <v>14.045391316105633</v>
      </c>
      <c r="C6528">
        <f t="shared" si="304"/>
        <v>16</v>
      </c>
      <c r="D6528">
        <f t="shared" si="305"/>
        <v>9</v>
      </c>
    </row>
    <row r="6529" spans="1:4" x14ac:dyDescent="0.25">
      <c r="A6529" s="7">
        <f t="shared" si="306"/>
        <v>44833.708333317518</v>
      </c>
      <c r="B6529" s="8">
        <v>8.0178251827155425</v>
      </c>
      <c r="C6529">
        <f t="shared" si="304"/>
        <v>17</v>
      </c>
      <c r="D6529">
        <f t="shared" si="305"/>
        <v>9</v>
      </c>
    </row>
    <row r="6530" spans="1:4" x14ac:dyDescent="0.25">
      <c r="A6530" s="7">
        <f t="shared" si="306"/>
        <v>44833.749999984182</v>
      </c>
      <c r="B6530" s="8">
        <v>2.1732922723216594</v>
      </c>
      <c r="C6530">
        <f t="shared" si="304"/>
        <v>18</v>
      </c>
      <c r="D6530">
        <f t="shared" si="305"/>
        <v>9</v>
      </c>
    </row>
    <row r="6531" spans="1:4" x14ac:dyDescent="0.25">
      <c r="A6531" s="7">
        <f t="shared" si="306"/>
        <v>44833.791666650846</v>
      </c>
      <c r="B6531" s="8">
        <v>-4.9800999999999998E-2</v>
      </c>
      <c r="C6531">
        <f t="shared" si="304"/>
        <v>19</v>
      </c>
      <c r="D6531">
        <f t="shared" si="305"/>
        <v>9</v>
      </c>
    </row>
    <row r="6532" spans="1:4" x14ac:dyDescent="0.25">
      <c r="A6532" s="7">
        <f t="shared" si="306"/>
        <v>44833.833333317511</v>
      </c>
      <c r="B6532" s="8">
        <v>-4.9800999999999998E-2</v>
      </c>
      <c r="C6532">
        <f t="shared" si="304"/>
        <v>20</v>
      </c>
      <c r="D6532">
        <f t="shared" si="305"/>
        <v>9</v>
      </c>
    </row>
    <row r="6533" spans="1:4" x14ac:dyDescent="0.25">
      <c r="A6533" s="7">
        <f t="shared" si="306"/>
        <v>44833.874999984175</v>
      </c>
      <c r="B6533" s="8">
        <v>-4.9800999999999998E-2</v>
      </c>
      <c r="C6533">
        <f t="shared" si="304"/>
        <v>21</v>
      </c>
      <c r="D6533">
        <f t="shared" si="305"/>
        <v>9</v>
      </c>
    </row>
    <row r="6534" spans="1:4" x14ac:dyDescent="0.25">
      <c r="A6534" s="7">
        <f t="shared" si="306"/>
        <v>44833.916666650839</v>
      </c>
      <c r="B6534" s="8">
        <v>-4.9800999999999998E-2</v>
      </c>
      <c r="C6534">
        <f t="shared" si="304"/>
        <v>22</v>
      </c>
      <c r="D6534">
        <f t="shared" si="305"/>
        <v>9</v>
      </c>
    </row>
    <row r="6535" spans="1:4" x14ac:dyDescent="0.25">
      <c r="A6535" s="7">
        <f t="shared" si="306"/>
        <v>44833.958333317503</v>
      </c>
      <c r="B6535" s="8">
        <v>-4.9800999999999998E-2</v>
      </c>
      <c r="C6535">
        <f t="shared" si="304"/>
        <v>23</v>
      </c>
      <c r="D6535">
        <f t="shared" si="305"/>
        <v>9</v>
      </c>
    </row>
    <row r="6536" spans="1:4" x14ac:dyDescent="0.25">
      <c r="A6536" s="7">
        <f t="shared" si="306"/>
        <v>44833.999999984168</v>
      </c>
      <c r="B6536" s="8">
        <v>-4.9800999999999998E-2</v>
      </c>
      <c r="C6536">
        <f t="shared" si="304"/>
        <v>0</v>
      </c>
      <c r="D6536">
        <f t="shared" si="305"/>
        <v>9</v>
      </c>
    </row>
    <row r="6537" spans="1:4" x14ac:dyDescent="0.25">
      <c r="A6537" s="7">
        <f t="shared" si="306"/>
        <v>44834.041666650832</v>
      </c>
      <c r="B6537" s="8">
        <v>-4.9800999999999998E-2</v>
      </c>
      <c r="C6537">
        <f t="shared" si="304"/>
        <v>1</v>
      </c>
      <c r="D6537">
        <f t="shared" si="305"/>
        <v>9</v>
      </c>
    </row>
    <row r="6538" spans="1:4" x14ac:dyDescent="0.25">
      <c r="A6538" s="7">
        <f t="shared" si="306"/>
        <v>44834.083333317496</v>
      </c>
      <c r="B6538" s="8">
        <v>-4.9800999999999998E-2</v>
      </c>
      <c r="C6538">
        <f t="shared" ref="C6538:C6601" si="307">HOUR(A6538)</f>
        <v>2</v>
      </c>
      <c r="D6538">
        <f t="shared" ref="D6538:D6601" si="308">MONTH(A6538)</f>
        <v>9</v>
      </c>
    </row>
    <row r="6539" spans="1:4" x14ac:dyDescent="0.25">
      <c r="A6539" s="7">
        <f t="shared" ref="A6539:A6602" si="309">+A6538+1/24</f>
        <v>44834.12499998416</v>
      </c>
      <c r="B6539" s="8">
        <v>-4.9800999999999998E-2</v>
      </c>
      <c r="C6539">
        <f t="shared" si="307"/>
        <v>3</v>
      </c>
      <c r="D6539">
        <f t="shared" si="308"/>
        <v>9</v>
      </c>
    </row>
    <row r="6540" spans="1:4" x14ac:dyDescent="0.25">
      <c r="A6540" s="7">
        <f t="shared" si="309"/>
        <v>44834.166666650824</v>
      </c>
      <c r="B6540" s="8">
        <v>-4.9800999999999998E-2</v>
      </c>
      <c r="C6540">
        <f t="shared" si="307"/>
        <v>4</v>
      </c>
      <c r="D6540">
        <f t="shared" si="308"/>
        <v>9</v>
      </c>
    </row>
    <row r="6541" spans="1:4" x14ac:dyDescent="0.25">
      <c r="A6541" s="7">
        <f t="shared" si="309"/>
        <v>44834.208333317489</v>
      </c>
      <c r="B6541" s="8">
        <v>-4.9800999999999998E-2</v>
      </c>
      <c r="C6541">
        <f t="shared" si="307"/>
        <v>5</v>
      </c>
      <c r="D6541">
        <f t="shared" si="308"/>
        <v>9</v>
      </c>
    </row>
    <row r="6542" spans="1:4" x14ac:dyDescent="0.25">
      <c r="A6542" s="7">
        <f t="shared" si="309"/>
        <v>44834.249999984153</v>
      </c>
      <c r="B6542" s="8">
        <v>-4.9800999999999998E-2</v>
      </c>
      <c r="C6542">
        <f t="shared" si="307"/>
        <v>6</v>
      </c>
      <c r="D6542">
        <f t="shared" si="308"/>
        <v>9</v>
      </c>
    </row>
    <row r="6543" spans="1:4" x14ac:dyDescent="0.25">
      <c r="A6543" s="7">
        <f t="shared" si="309"/>
        <v>44834.291666650817</v>
      </c>
      <c r="B6543" s="8">
        <v>-4.9800999999999998E-2</v>
      </c>
      <c r="C6543">
        <f t="shared" si="307"/>
        <v>7</v>
      </c>
      <c r="D6543">
        <f t="shared" si="308"/>
        <v>9</v>
      </c>
    </row>
    <row r="6544" spans="1:4" x14ac:dyDescent="0.25">
      <c r="A6544" s="7">
        <f t="shared" si="309"/>
        <v>44834.333333317481</v>
      </c>
      <c r="B6544" s="8">
        <v>3.8912884233553551</v>
      </c>
      <c r="C6544">
        <f t="shared" si="307"/>
        <v>8</v>
      </c>
      <c r="D6544">
        <f t="shared" si="308"/>
        <v>9</v>
      </c>
    </row>
    <row r="6545" spans="1:4" x14ac:dyDescent="0.25">
      <c r="A6545" s="7">
        <f t="shared" si="309"/>
        <v>44834.374999984146</v>
      </c>
      <c r="B6545" s="8">
        <v>10.583723285505478</v>
      </c>
      <c r="C6545">
        <f t="shared" si="307"/>
        <v>9</v>
      </c>
      <c r="D6545">
        <f t="shared" si="308"/>
        <v>9</v>
      </c>
    </row>
    <row r="6546" spans="1:4" x14ac:dyDescent="0.25">
      <c r="A6546" s="7">
        <f t="shared" si="309"/>
        <v>44834.41666665081</v>
      </c>
      <c r="B6546" s="8">
        <v>15.896646075066361</v>
      </c>
      <c r="C6546">
        <f t="shared" si="307"/>
        <v>10</v>
      </c>
      <c r="D6546">
        <f t="shared" si="308"/>
        <v>9</v>
      </c>
    </row>
    <row r="6547" spans="1:4" x14ac:dyDescent="0.25">
      <c r="A6547" s="7">
        <f t="shared" si="309"/>
        <v>44834.458333317474</v>
      </c>
      <c r="B6547" s="8">
        <v>19.215039974523435</v>
      </c>
      <c r="C6547">
        <f t="shared" si="307"/>
        <v>11</v>
      </c>
      <c r="D6547">
        <f t="shared" si="308"/>
        <v>9</v>
      </c>
    </row>
    <row r="6548" spans="1:4" x14ac:dyDescent="0.25">
      <c r="A6548" s="7">
        <f t="shared" si="309"/>
        <v>44834.499999984138</v>
      </c>
      <c r="B6548" s="8">
        <v>20.451312956902846</v>
      </c>
      <c r="C6548">
        <f t="shared" si="307"/>
        <v>12</v>
      </c>
      <c r="D6548">
        <f t="shared" si="308"/>
        <v>9</v>
      </c>
    </row>
    <row r="6549" spans="1:4" x14ac:dyDescent="0.25">
      <c r="A6549" s="7">
        <f t="shared" si="309"/>
        <v>44834.541666650803</v>
      </c>
      <c r="B6549" s="8">
        <v>20.451311926287161</v>
      </c>
      <c r="C6549">
        <f t="shared" si="307"/>
        <v>13</v>
      </c>
      <c r="D6549">
        <f t="shared" si="308"/>
        <v>9</v>
      </c>
    </row>
    <row r="6550" spans="1:4" x14ac:dyDescent="0.25">
      <c r="A6550" s="7">
        <f t="shared" si="309"/>
        <v>44834.583333317467</v>
      </c>
      <c r="B6550" s="8">
        <v>20.459357942931295</v>
      </c>
      <c r="C6550">
        <f t="shared" si="307"/>
        <v>14</v>
      </c>
      <c r="D6550">
        <f t="shared" si="308"/>
        <v>9</v>
      </c>
    </row>
    <row r="6551" spans="1:4" x14ac:dyDescent="0.25">
      <c r="A6551" s="7">
        <f t="shared" si="309"/>
        <v>44834.624999984131</v>
      </c>
      <c r="B6551" s="8">
        <v>18.54798840174492</v>
      </c>
      <c r="C6551">
        <f t="shared" si="307"/>
        <v>15</v>
      </c>
      <c r="D6551">
        <f t="shared" si="308"/>
        <v>9</v>
      </c>
    </row>
    <row r="6552" spans="1:4" x14ac:dyDescent="0.25">
      <c r="A6552" s="7">
        <f t="shared" si="309"/>
        <v>44834.666666650795</v>
      </c>
      <c r="B6552" s="8">
        <v>14.280531437463656</v>
      </c>
      <c r="C6552">
        <f t="shared" si="307"/>
        <v>16</v>
      </c>
      <c r="D6552">
        <f t="shared" si="308"/>
        <v>9</v>
      </c>
    </row>
    <row r="6553" spans="1:4" x14ac:dyDescent="0.25">
      <c r="A6553" s="7">
        <f t="shared" si="309"/>
        <v>44834.70833331746</v>
      </c>
      <c r="B6553" s="8">
        <v>8.3905586815670432</v>
      </c>
      <c r="C6553">
        <f t="shared" si="307"/>
        <v>17</v>
      </c>
      <c r="D6553">
        <f t="shared" si="308"/>
        <v>9</v>
      </c>
    </row>
    <row r="6554" spans="1:4" x14ac:dyDescent="0.25">
      <c r="A6554" s="7">
        <f t="shared" si="309"/>
        <v>44834.749999984124</v>
      </c>
      <c r="B6554" s="8">
        <v>1.9841217329278853</v>
      </c>
      <c r="C6554">
        <f t="shared" si="307"/>
        <v>18</v>
      </c>
      <c r="D6554">
        <f t="shared" si="308"/>
        <v>9</v>
      </c>
    </row>
    <row r="6555" spans="1:4" x14ac:dyDescent="0.25">
      <c r="A6555" s="7">
        <f t="shared" si="309"/>
        <v>44834.791666650788</v>
      </c>
      <c r="B6555" s="8">
        <v>-4.9800999999999998E-2</v>
      </c>
      <c r="C6555">
        <f t="shared" si="307"/>
        <v>19</v>
      </c>
      <c r="D6555">
        <f t="shared" si="308"/>
        <v>9</v>
      </c>
    </row>
    <row r="6556" spans="1:4" x14ac:dyDescent="0.25">
      <c r="A6556" s="7">
        <f t="shared" si="309"/>
        <v>44834.833333317452</v>
      </c>
      <c r="B6556" s="8">
        <v>-4.9800999999999998E-2</v>
      </c>
      <c r="C6556">
        <f t="shared" si="307"/>
        <v>20</v>
      </c>
      <c r="D6556">
        <f t="shared" si="308"/>
        <v>9</v>
      </c>
    </row>
    <row r="6557" spans="1:4" x14ac:dyDescent="0.25">
      <c r="A6557" s="7">
        <f t="shared" si="309"/>
        <v>44834.874999984117</v>
      </c>
      <c r="B6557" s="8">
        <v>-4.9800999999999998E-2</v>
      </c>
      <c r="C6557">
        <f t="shared" si="307"/>
        <v>21</v>
      </c>
      <c r="D6557">
        <f t="shared" si="308"/>
        <v>9</v>
      </c>
    </row>
    <row r="6558" spans="1:4" x14ac:dyDescent="0.25">
      <c r="A6558" s="7">
        <f t="shared" si="309"/>
        <v>44834.916666650781</v>
      </c>
      <c r="B6558" s="8">
        <v>-4.9800999999999998E-2</v>
      </c>
      <c r="C6558">
        <f t="shared" si="307"/>
        <v>22</v>
      </c>
      <c r="D6558">
        <f t="shared" si="308"/>
        <v>9</v>
      </c>
    </row>
    <row r="6559" spans="1:4" x14ac:dyDescent="0.25">
      <c r="A6559" s="7">
        <f t="shared" si="309"/>
        <v>44834.958333317445</v>
      </c>
      <c r="B6559" s="8">
        <v>-4.9800999999999998E-2</v>
      </c>
      <c r="C6559">
        <f t="shared" si="307"/>
        <v>23</v>
      </c>
      <c r="D6559">
        <f t="shared" si="308"/>
        <v>9</v>
      </c>
    </row>
    <row r="6560" spans="1:4" x14ac:dyDescent="0.25">
      <c r="A6560" s="7">
        <f t="shared" si="309"/>
        <v>44834.999999984109</v>
      </c>
      <c r="B6560" s="8">
        <v>-4.9800999999999998E-2</v>
      </c>
      <c r="C6560">
        <f t="shared" si="307"/>
        <v>0</v>
      </c>
      <c r="D6560">
        <f t="shared" si="308"/>
        <v>10</v>
      </c>
    </row>
    <row r="6561" spans="1:4" x14ac:dyDescent="0.25">
      <c r="A6561" s="7">
        <f t="shared" si="309"/>
        <v>44835.041666650774</v>
      </c>
      <c r="B6561" s="8">
        <v>-4.9800999999999998E-2</v>
      </c>
      <c r="C6561">
        <f t="shared" si="307"/>
        <v>1</v>
      </c>
      <c r="D6561">
        <f t="shared" si="308"/>
        <v>10</v>
      </c>
    </row>
    <row r="6562" spans="1:4" x14ac:dyDescent="0.25">
      <c r="A6562" s="7">
        <f t="shared" si="309"/>
        <v>44835.083333317438</v>
      </c>
      <c r="B6562" s="8">
        <v>-4.9800999999999998E-2</v>
      </c>
      <c r="C6562">
        <f t="shared" si="307"/>
        <v>2</v>
      </c>
      <c r="D6562">
        <f t="shared" si="308"/>
        <v>10</v>
      </c>
    </row>
    <row r="6563" spans="1:4" x14ac:dyDescent="0.25">
      <c r="A6563" s="7">
        <f t="shared" si="309"/>
        <v>44835.124999984102</v>
      </c>
      <c r="B6563" s="8">
        <v>-4.9800999999999998E-2</v>
      </c>
      <c r="C6563">
        <f t="shared" si="307"/>
        <v>3</v>
      </c>
      <c r="D6563">
        <f t="shared" si="308"/>
        <v>10</v>
      </c>
    </row>
    <row r="6564" spans="1:4" x14ac:dyDescent="0.25">
      <c r="A6564" s="7">
        <f t="shared" si="309"/>
        <v>44835.166666650766</v>
      </c>
      <c r="B6564" s="8">
        <v>-4.9800999999999998E-2</v>
      </c>
      <c r="C6564">
        <f t="shared" si="307"/>
        <v>4</v>
      </c>
      <c r="D6564">
        <f t="shared" si="308"/>
        <v>10</v>
      </c>
    </row>
    <row r="6565" spans="1:4" x14ac:dyDescent="0.25">
      <c r="A6565" s="7">
        <f t="shared" si="309"/>
        <v>44835.208333317431</v>
      </c>
      <c r="B6565" s="8">
        <v>-4.9800999999999998E-2</v>
      </c>
      <c r="C6565">
        <f t="shared" si="307"/>
        <v>5</v>
      </c>
      <c r="D6565">
        <f t="shared" si="308"/>
        <v>10</v>
      </c>
    </row>
    <row r="6566" spans="1:4" x14ac:dyDescent="0.25">
      <c r="A6566" s="7">
        <f t="shared" si="309"/>
        <v>44835.249999984095</v>
      </c>
      <c r="B6566" s="8">
        <v>-4.9800999999999998E-2</v>
      </c>
      <c r="C6566">
        <f t="shared" si="307"/>
        <v>6</v>
      </c>
      <c r="D6566">
        <f t="shared" si="308"/>
        <v>10</v>
      </c>
    </row>
    <row r="6567" spans="1:4" x14ac:dyDescent="0.25">
      <c r="A6567" s="7">
        <f t="shared" si="309"/>
        <v>44835.291666650759</v>
      </c>
      <c r="B6567" s="8">
        <v>-4.9800999999999998E-2</v>
      </c>
      <c r="C6567">
        <f t="shared" si="307"/>
        <v>7</v>
      </c>
      <c r="D6567">
        <f t="shared" si="308"/>
        <v>10</v>
      </c>
    </row>
    <row r="6568" spans="1:4" x14ac:dyDescent="0.25">
      <c r="A6568" s="7">
        <f t="shared" si="309"/>
        <v>44835.333333317423</v>
      </c>
      <c r="B6568" s="8">
        <v>3.31148465191227</v>
      </c>
      <c r="C6568">
        <f t="shared" si="307"/>
        <v>8</v>
      </c>
      <c r="D6568">
        <f t="shared" si="308"/>
        <v>10</v>
      </c>
    </row>
    <row r="6569" spans="1:4" x14ac:dyDescent="0.25">
      <c r="A6569" s="7">
        <f t="shared" si="309"/>
        <v>44835.374999984087</v>
      </c>
      <c r="B6569" s="8">
        <v>1.8137733277690018</v>
      </c>
      <c r="C6569">
        <f t="shared" si="307"/>
        <v>9</v>
      </c>
      <c r="D6569">
        <f t="shared" si="308"/>
        <v>10</v>
      </c>
    </row>
    <row r="6570" spans="1:4" x14ac:dyDescent="0.25">
      <c r="A6570" s="7">
        <f t="shared" si="309"/>
        <v>44835.416666650752</v>
      </c>
      <c r="B6570" s="8">
        <v>1.8878993302171381</v>
      </c>
      <c r="C6570">
        <f t="shared" si="307"/>
        <v>10</v>
      </c>
      <c r="D6570">
        <f t="shared" si="308"/>
        <v>10</v>
      </c>
    </row>
    <row r="6571" spans="1:4" x14ac:dyDescent="0.25">
      <c r="A6571" s="7">
        <f t="shared" si="309"/>
        <v>44835.458333317416</v>
      </c>
      <c r="B6571" s="8">
        <v>2.4417985764456365</v>
      </c>
      <c r="C6571">
        <f t="shared" si="307"/>
        <v>11</v>
      </c>
      <c r="D6571">
        <f t="shared" si="308"/>
        <v>10</v>
      </c>
    </row>
    <row r="6572" spans="1:4" x14ac:dyDescent="0.25">
      <c r="A6572" s="7">
        <f t="shared" si="309"/>
        <v>44835.49999998408</v>
      </c>
      <c r="B6572" s="8">
        <v>6.885349628323473</v>
      </c>
      <c r="C6572">
        <f t="shared" si="307"/>
        <v>12</v>
      </c>
      <c r="D6572">
        <f t="shared" si="308"/>
        <v>10</v>
      </c>
    </row>
    <row r="6573" spans="1:4" x14ac:dyDescent="0.25">
      <c r="A6573" s="7">
        <f t="shared" si="309"/>
        <v>44835.541666650744</v>
      </c>
      <c r="B6573" s="8">
        <v>16.146210693536116</v>
      </c>
      <c r="C6573">
        <f t="shared" si="307"/>
        <v>13</v>
      </c>
      <c r="D6573">
        <f t="shared" si="308"/>
        <v>10</v>
      </c>
    </row>
    <row r="6574" spans="1:4" x14ac:dyDescent="0.25">
      <c r="A6574" s="7">
        <f t="shared" si="309"/>
        <v>44835.583333317409</v>
      </c>
      <c r="B6574" s="8">
        <v>20.45130368136169</v>
      </c>
      <c r="C6574">
        <f t="shared" si="307"/>
        <v>14</v>
      </c>
      <c r="D6574">
        <f t="shared" si="308"/>
        <v>10</v>
      </c>
    </row>
    <row r="6575" spans="1:4" x14ac:dyDescent="0.25">
      <c r="A6575" s="7">
        <f t="shared" si="309"/>
        <v>44835.624999984073</v>
      </c>
      <c r="B6575" s="8">
        <v>19.888295853718969</v>
      </c>
      <c r="C6575">
        <f t="shared" si="307"/>
        <v>15</v>
      </c>
      <c r="D6575">
        <f t="shared" si="308"/>
        <v>10</v>
      </c>
    </row>
    <row r="6576" spans="1:4" x14ac:dyDescent="0.25">
      <c r="A6576" s="7">
        <f t="shared" si="309"/>
        <v>44835.666666650737</v>
      </c>
      <c r="B6576" s="8">
        <v>15.247329336976234</v>
      </c>
      <c r="C6576">
        <f t="shared" si="307"/>
        <v>16</v>
      </c>
      <c r="D6576">
        <f t="shared" si="308"/>
        <v>10</v>
      </c>
    </row>
    <row r="6577" spans="1:4" x14ac:dyDescent="0.25">
      <c r="A6577" s="7">
        <f t="shared" si="309"/>
        <v>44835.708333317401</v>
      </c>
      <c r="B6577" s="8">
        <v>8.8757921272406577</v>
      </c>
      <c r="C6577">
        <f t="shared" si="307"/>
        <v>17</v>
      </c>
      <c r="D6577">
        <f t="shared" si="308"/>
        <v>10</v>
      </c>
    </row>
    <row r="6578" spans="1:4" x14ac:dyDescent="0.25">
      <c r="A6578" s="7">
        <f t="shared" si="309"/>
        <v>44835.749999984066</v>
      </c>
      <c r="B6578" s="8">
        <v>2.3013091688804272</v>
      </c>
      <c r="C6578">
        <f t="shared" si="307"/>
        <v>18</v>
      </c>
      <c r="D6578">
        <f t="shared" si="308"/>
        <v>10</v>
      </c>
    </row>
    <row r="6579" spans="1:4" x14ac:dyDescent="0.25">
      <c r="A6579" s="7">
        <f t="shared" si="309"/>
        <v>44835.79166665073</v>
      </c>
      <c r="B6579" s="8">
        <v>-4.9800999999999998E-2</v>
      </c>
      <c r="C6579">
        <f t="shared" si="307"/>
        <v>19</v>
      </c>
      <c r="D6579">
        <f t="shared" si="308"/>
        <v>10</v>
      </c>
    </row>
    <row r="6580" spans="1:4" x14ac:dyDescent="0.25">
      <c r="A6580" s="7">
        <f t="shared" si="309"/>
        <v>44835.833333317394</v>
      </c>
      <c r="B6580" s="8">
        <v>-4.9800999999999998E-2</v>
      </c>
      <c r="C6580">
        <f t="shared" si="307"/>
        <v>20</v>
      </c>
      <c r="D6580">
        <f t="shared" si="308"/>
        <v>10</v>
      </c>
    </row>
    <row r="6581" spans="1:4" x14ac:dyDescent="0.25">
      <c r="A6581" s="7">
        <f t="shared" si="309"/>
        <v>44835.874999984058</v>
      </c>
      <c r="B6581" s="8">
        <v>-4.9800999999999998E-2</v>
      </c>
      <c r="C6581">
        <f t="shared" si="307"/>
        <v>21</v>
      </c>
      <c r="D6581">
        <f t="shared" si="308"/>
        <v>10</v>
      </c>
    </row>
    <row r="6582" spans="1:4" x14ac:dyDescent="0.25">
      <c r="A6582" s="7">
        <f t="shared" si="309"/>
        <v>44835.916666650723</v>
      </c>
      <c r="B6582" s="8">
        <v>-4.9800999999999998E-2</v>
      </c>
      <c r="C6582">
        <f t="shared" si="307"/>
        <v>22</v>
      </c>
      <c r="D6582">
        <f t="shared" si="308"/>
        <v>10</v>
      </c>
    </row>
    <row r="6583" spans="1:4" x14ac:dyDescent="0.25">
      <c r="A6583" s="7">
        <f t="shared" si="309"/>
        <v>44835.958333317387</v>
      </c>
      <c r="B6583" s="8">
        <v>-4.9800999999999998E-2</v>
      </c>
      <c r="C6583">
        <f t="shared" si="307"/>
        <v>23</v>
      </c>
      <c r="D6583">
        <f t="shared" si="308"/>
        <v>10</v>
      </c>
    </row>
    <row r="6584" spans="1:4" x14ac:dyDescent="0.25">
      <c r="A6584" s="7">
        <f t="shared" si="309"/>
        <v>44835.999999984051</v>
      </c>
      <c r="B6584" s="8">
        <v>-4.9800999999999998E-2</v>
      </c>
      <c r="C6584">
        <f t="shared" si="307"/>
        <v>0</v>
      </c>
      <c r="D6584">
        <f t="shared" si="308"/>
        <v>10</v>
      </c>
    </row>
    <row r="6585" spans="1:4" x14ac:dyDescent="0.25">
      <c r="A6585" s="7">
        <f t="shared" si="309"/>
        <v>44836.041666650715</v>
      </c>
      <c r="B6585" s="8">
        <v>-4.9800999999999998E-2</v>
      </c>
      <c r="C6585">
        <f t="shared" si="307"/>
        <v>1</v>
      </c>
      <c r="D6585">
        <f t="shared" si="308"/>
        <v>10</v>
      </c>
    </row>
    <row r="6586" spans="1:4" x14ac:dyDescent="0.25">
      <c r="A6586" s="7">
        <f t="shared" si="309"/>
        <v>44836.08333331738</v>
      </c>
      <c r="B6586" s="8">
        <v>-4.9800999999999998E-2</v>
      </c>
      <c r="C6586">
        <f t="shared" si="307"/>
        <v>2</v>
      </c>
      <c r="D6586">
        <f t="shared" si="308"/>
        <v>10</v>
      </c>
    </row>
    <row r="6587" spans="1:4" x14ac:dyDescent="0.25">
      <c r="A6587" s="7">
        <f t="shared" si="309"/>
        <v>44836.124999984044</v>
      </c>
      <c r="B6587" s="8">
        <v>-4.9800999999999998E-2</v>
      </c>
      <c r="C6587">
        <f t="shared" si="307"/>
        <v>3</v>
      </c>
      <c r="D6587">
        <f t="shared" si="308"/>
        <v>10</v>
      </c>
    </row>
    <row r="6588" spans="1:4" x14ac:dyDescent="0.25">
      <c r="A6588" s="7">
        <f t="shared" si="309"/>
        <v>44836.166666650708</v>
      </c>
      <c r="B6588" s="8">
        <v>-4.9800999999999998E-2</v>
      </c>
      <c r="C6588">
        <f t="shared" si="307"/>
        <v>4</v>
      </c>
      <c r="D6588">
        <f t="shared" si="308"/>
        <v>10</v>
      </c>
    </row>
    <row r="6589" spans="1:4" x14ac:dyDescent="0.25">
      <c r="A6589" s="7">
        <f t="shared" si="309"/>
        <v>44836.208333317372</v>
      </c>
      <c r="B6589" s="8">
        <v>-4.9800999999999998E-2</v>
      </c>
      <c r="C6589">
        <f t="shared" si="307"/>
        <v>5</v>
      </c>
      <c r="D6589">
        <f t="shared" si="308"/>
        <v>10</v>
      </c>
    </row>
    <row r="6590" spans="1:4" x14ac:dyDescent="0.25">
      <c r="A6590" s="7">
        <f t="shared" si="309"/>
        <v>44836.249999984037</v>
      </c>
      <c r="B6590" s="8">
        <v>-4.9800999999999998E-2</v>
      </c>
      <c r="C6590">
        <f t="shared" si="307"/>
        <v>6</v>
      </c>
      <c r="D6590">
        <f t="shared" si="308"/>
        <v>10</v>
      </c>
    </row>
    <row r="6591" spans="1:4" x14ac:dyDescent="0.25">
      <c r="A6591" s="7">
        <f t="shared" si="309"/>
        <v>44836.291666650701</v>
      </c>
      <c r="B6591" s="8">
        <v>-4.9800999999999998E-2</v>
      </c>
      <c r="C6591">
        <f t="shared" si="307"/>
        <v>7</v>
      </c>
      <c r="D6591">
        <f t="shared" si="308"/>
        <v>10</v>
      </c>
    </row>
    <row r="6592" spans="1:4" x14ac:dyDescent="0.25">
      <c r="A6592" s="7">
        <f t="shared" si="309"/>
        <v>44836.333333317365</v>
      </c>
      <c r="B6592" s="8">
        <v>4.3170553440684909</v>
      </c>
      <c r="C6592">
        <f t="shared" si="307"/>
        <v>8</v>
      </c>
      <c r="D6592">
        <f t="shared" si="308"/>
        <v>10</v>
      </c>
    </row>
    <row r="6593" spans="1:4" x14ac:dyDescent="0.25">
      <c r="A6593" s="7">
        <f t="shared" si="309"/>
        <v>44836.374999984029</v>
      </c>
      <c r="B6593" s="8">
        <v>11.726334945148611</v>
      </c>
      <c r="C6593">
        <f t="shared" si="307"/>
        <v>9</v>
      </c>
      <c r="D6593">
        <f t="shared" si="308"/>
        <v>10</v>
      </c>
    </row>
    <row r="6594" spans="1:4" x14ac:dyDescent="0.25">
      <c r="A6594" s="7">
        <f t="shared" si="309"/>
        <v>44836.416666650694</v>
      </c>
      <c r="B6594" s="8">
        <v>17.514300452500798</v>
      </c>
      <c r="C6594">
        <f t="shared" si="307"/>
        <v>10</v>
      </c>
      <c r="D6594">
        <f t="shared" si="308"/>
        <v>10</v>
      </c>
    </row>
    <row r="6595" spans="1:4" x14ac:dyDescent="0.25">
      <c r="A6595" s="7">
        <f t="shared" si="309"/>
        <v>44836.458333317358</v>
      </c>
      <c r="B6595" s="8">
        <v>20.45129234458917</v>
      </c>
      <c r="C6595">
        <f t="shared" si="307"/>
        <v>11</v>
      </c>
      <c r="D6595">
        <f t="shared" si="308"/>
        <v>10</v>
      </c>
    </row>
    <row r="6596" spans="1:4" x14ac:dyDescent="0.25">
      <c r="A6596" s="7">
        <f t="shared" si="309"/>
        <v>44836.499999984022</v>
      </c>
      <c r="B6596" s="8">
        <v>20.451321201828314</v>
      </c>
      <c r="C6596">
        <f t="shared" si="307"/>
        <v>12</v>
      </c>
      <c r="D6596">
        <f t="shared" si="308"/>
        <v>10</v>
      </c>
    </row>
    <row r="6597" spans="1:4" x14ac:dyDescent="0.25">
      <c r="A6597" s="7">
        <f t="shared" si="309"/>
        <v>44836.541666650686</v>
      </c>
      <c r="B6597" s="8">
        <v>20.451333569216523</v>
      </c>
      <c r="C6597">
        <f t="shared" si="307"/>
        <v>13</v>
      </c>
      <c r="D6597">
        <f t="shared" si="308"/>
        <v>10</v>
      </c>
    </row>
    <row r="6598" spans="1:4" x14ac:dyDescent="0.25">
      <c r="A6598" s="7">
        <f t="shared" si="309"/>
        <v>44836.58333331735</v>
      </c>
      <c r="B6598" s="8">
        <v>20.451299558898956</v>
      </c>
      <c r="C6598">
        <f t="shared" si="307"/>
        <v>14</v>
      </c>
      <c r="D6598">
        <f t="shared" si="308"/>
        <v>10</v>
      </c>
    </row>
    <row r="6599" spans="1:4" x14ac:dyDescent="0.25">
      <c r="A6599" s="7">
        <f t="shared" si="309"/>
        <v>44836.624999984015</v>
      </c>
      <c r="B6599" s="8">
        <v>19.534410254494453</v>
      </c>
      <c r="C6599">
        <f t="shared" si="307"/>
        <v>15</v>
      </c>
      <c r="D6599">
        <f t="shared" si="308"/>
        <v>10</v>
      </c>
    </row>
    <row r="6600" spans="1:4" x14ac:dyDescent="0.25">
      <c r="A6600" s="7">
        <f t="shared" si="309"/>
        <v>44836.666666650679</v>
      </c>
      <c r="B6600" s="8">
        <v>14.41132378205914</v>
      </c>
      <c r="C6600">
        <f t="shared" si="307"/>
        <v>16</v>
      </c>
      <c r="D6600">
        <f t="shared" si="308"/>
        <v>10</v>
      </c>
    </row>
    <row r="6601" spans="1:4" x14ac:dyDescent="0.25">
      <c r="A6601" s="7">
        <f t="shared" si="309"/>
        <v>44836.708333317343</v>
      </c>
      <c r="B6601" s="8">
        <v>8.4836748086065459</v>
      </c>
      <c r="C6601">
        <f t="shared" si="307"/>
        <v>17</v>
      </c>
      <c r="D6601">
        <f t="shared" si="308"/>
        <v>10</v>
      </c>
    </row>
    <row r="6602" spans="1:4" x14ac:dyDescent="0.25">
      <c r="A6602" s="7">
        <f t="shared" si="309"/>
        <v>44836.749999984007</v>
      </c>
      <c r="B6602" s="8">
        <v>0.61545792102727481</v>
      </c>
      <c r="C6602">
        <f t="shared" ref="C6602:C6665" si="310">HOUR(A6602)</f>
        <v>18</v>
      </c>
      <c r="D6602">
        <f t="shared" ref="D6602:D6665" si="311">MONTH(A6602)</f>
        <v>10</v>
      </c>
    </row>
    <row r="6603" spans="1:4" x14ac:dyDescent="0.25">
      <c r="A6603" s="7">
        <f t="shared" ref="A6603:A6666" si="312">+A6602+1/24</f>
        <v>44836.791666650672</v>
      </c>
      <c r="B6603" s="8">
        <v>-4.9800999999999998E-2</v>
      </c>
      <c r="C6603">
        <f t="shared" si="310"/>
        <v>19</v>
      </c>
      <c r="D6603">
        <f t="shared" si="311"/>
        <v>10</v>
      </c>
    </row>
    <row r="6604" spans="1:4" x14ac:dyDescent="0.25">
      <c r="A6604" s="7">
        <f t="shared" si="312"/>
        <v>44836.833333317336</v>
      </c>
      <c r="B6604" s="8">
        <v>-4.9800999999999998E-2</v>
      </c>
      <c r="C6604">
        <f t="shared" si="310"/>
        <v>20</v>
      </c>
      <c r="D6604">
        <f t="shared" si="311"/>
        <v>10</v>
      </c>
    </row>
    <row r="6605" spans="1:4" x14ac:dyDescent="0.25">
      <c r="A6605" s="7">
        <f t="shared" si="312"/>
        <v>44836.874999984</v>
      </c>
      <c r="B6605" s="8">
        <v>-4.9800999999999998E-2</v>
      </c>
      <c r="C6605">
        <f t="shared" si="310"/>
        <v>21</v>
      </c>
      <c r="D6605">
        <f t="shared" si="311"/>
        <v>10</v>
      </c>
    </row>
    <row r="6606" spans="1:4" x14ac:dyDescent="0.25">
      <c r="A6606" s="7">
        <f t="shared" si="312"/>
        <v>44836.916666650664</v>
      </c>
      <c r="B6606" s="8">
        <v>-4.9800999999999998E-2</v>
      </c>
      <c r="C6606">
        <f t="shared" si="310"/>
        <v>22</v>
      </c>
      <c r="D6606">
        <f t="shared" si="311"/>
        <v>10</v>
      </c>
    </row>
    <row r="6607" spans="1:4" x14ac:dyDescent="0.25">
      <c r="A6607" s="7">
        <f t="shared" si="312"/>
        <v>44836.958333317329</v>
      </c>
      <c r="B6607" s="8">
        <v>-4.9800999999999998E-2</v>
      </c>
      <c r="C6607">
        <f t="shared" si="310"/>
        <v>23</v>
      </c>
      <c r="D6607">
        <f t="shared" si="311"/>
        <v>10</v>
      </c>
    </row>
    <row r="6608" spans="1:4" x14ac:dyDescent="0.25">
      <c r="A6608" s="7">
        <f t="shared" si="312"/>
        <v>44836.999999983993</v>
      </c>
      <c r="B6608" s="8">
        <v>-4.9800999999999998E-2</v>
      </c>
      <c r="C6608">
        <f t="shared" si="310"/>
        <v>0</v>
      </c>
      <c r="D6608">
        <f t="shared" si="311"/>
        <v>10</v>
      </c>
    </row>
    <row r="6609" spans="1:4" x14ac:dyDescent="0.25">
      <c r="A6609" s="7">
        <f t="shared" si="312"/>
        <v>44837.041666650657</v>
      </c>
      <c r="B6609" s="8">
        <v>-4.9800999999999998E-2</v>
      </c>
      <c r="C6609">
        <f t="shared" si="310"/>
        <v>1</v>
      </c>
      <c r="D6609">
        <f t="shared" si="311"/>
        <v>10</v>
      </c>
    </row>
    <row r="6610" spans="1:4" x14ac:dyDescent="0.25">
      <c r="A6610" s="7">
        <f t="shared" si="312"/>
        <v>44837.083333317321</v>
      </c>
      <c r="B6610" s="8">
        <v>-4.9800999999999998E-2</v>
      </c>
      <c r="C6610">
        <f t="shared" si="310"/>
        <v>2</v>
      </c>
      <c r="D6610">
        <f t="shared" si="311"/>
        <v>10</v>
      </c>
    </row>
    <row r="6611" spans="1:4" x14ac:dyDescent="0.25">
      <c r="A6611" s="7">
        <f t="shared" si="312"/>
        <v>44837.124999983986</v>
      </c>
      <c r="B6611" s="8">
        <v>-4.9800999999999998E-2</v>
      </c>
      <c r="C6611">
        <f t="shared" si="310"/>
        <v>3</v>
      </c>
      <c r="D6611">
        <f t="shared" si="311"/>
        <v>10</v>
      </c>
    </row>
    <row r="6612" spans="1:4" x14ac:dyDescent="0.25">
      <c r="A6612" s="7">
        <f t="shared" si="312"/>
        <v>44837.16666665065</v>
      </c>
      <c r="B6612" s="8">
        <v>-4.9800999999999998E-2</v>
      </c>
      <c r="C6612">
        <f t="shared" si="310"/>
        <v>4</v>
      </c>
      <c r="D6612">
        <f t="shared" si="311"/>
        <v>10</v>
      </c>
    </row>
    <row r="6613" spans="1:4" x14ac:dyDescent="0.25">
      <c r="A6613" s="7">
        <f t="shared" si="312"/>
        <v>44837.208333317314</v>
      </c>
      <c r="B6613" s="8">
        <v>-4.9800999999999998E-2</v>
      </c>
      <c r="C6613">
        <f t="shared" si="310"/>
        <v>5</v>
      </c>
      <c r="D6613">
        <f t="shared" si="311"/>
        <v>10</v>
      </c>
    </row>
    <row r="6614" spans="1:4" x14ac:dyDescent="0.25">
      <c r="A6614" s="7">
        <f t="shared" si="312"/>
        <v>44837.249999983978</v>
      </c>
      <c r="B6614" s="8">
        <v>-4.9800999999999998E-2</v>
      </c>
      <c r="C6614">
        <f t="shared" si="310"/>
        <v>6</v>
      </c>
      <c r="D6614">
        <f t="shared" si="311"/>
        <v>10</v>
      </c>
    </row>
    <row r="6615" spans="1:4" x14ac:dyDescent="0.25">
      <c r="A6615" s="7">
        <f t="shared" si="312"/>
        <v>44837.291666650643</v>
      </c>
      <c r="B6615" s="8">
        <v>-4.9800999999999998E-2</v>
      </c>
      <c r="C6615">
        <f t="shared" si="310"/>
        <v>7</v>
      </c>
      <c r="D6615">
        <f t="shared" si="311"/>
        <v>10</v>
      </c>
    </row>
    <row r="6616" spans="1:4" x14ac:dyDescent="0.25">
      <c r="A6616" s="7">
        <f t="shared" si="312"/>
        <v>44837.333333317307</v>
      </c>
      <c r="B6616" s="8">
        <v>0.67040313498252591</v>
      </c>
      <c r="C6616">
        <f t="shared" si="310"/>
        <v>8</v>
      </c>
      <c r="D6616">
        <f t="shared" si="311"/>
        <v>10</v>
      </c>
    </row>
    <row r="6617" spans="1:4" x14ac:dyDescent="0.25">
      <c r="A6617" s="7">
        <f t="shared" si="312"/>
        <v>44837.374999983971</v>
      </c>
      <c r="B6617" s="8">
        <v>3.7608361819355545</v>
      </c>
      <c r="C6617">
        <f t="shared" si="310"/>
        <v>9</v>
      </c>
      <c r="D6617">
        <f t="shared" si="311"/>
        <v>10</v>
      </c>
    </row>
    <row r="6618" spans="1:4" x14ac:dyDescent="0.25">
      <c r="A6618" s="7">
        <f t="shared" si="312"/>
        <v>44837.416666650635</v>
      </c>
      <c r="B6618" s="8">
        <v>2.6460047680516889</v>
      </c>
      <c r="C6618">
        <f t="shared" si="310"/>
        <v>10</v>
      </c>
      <c r="D6618">
        <f t="shared" si="311"/>
        <v>10</v>
      </c>
    </row>
    <row r="6619" spans="1:4" x14ac:dyDescent="0.25">
      <c r="A6619" s="7">
        <f t="shared" si="312"/>
        <v>44837.4583333173</v>
      </c>
      <c r="B6619" s="8">
        <v>2.495697715481739</v>
      </c>
      <c r="C6619">
        <f t="shared" si="310"/>
        <v>11</v>
      </c>
      <c r="D6619">
        <f t="shared" si="311"/>
        <v>10</v>
      </c>
    </row>
    <row r="6620" spans="1:4" x14ac:dyDescent="0.25">
      <c r="A6620" s="7">
        <f t="shared" si="312"/>
        <v>44837.499999983964</v>
      </c>
      <c r="B6620" s="8">
        <v>2.9767190348552925</v>
      </c>
      <c r="C6620">
        <f t="shared" si="310"/>
        <v>12</v>
      </c>
      <c r="D6620">
        <f t="shared" si="311"/>
        <v>10</v>
      </c>
    </row>
    <row r="6621" spans="1:4" x14ac:dyDescent="0.25">
      <c r="A6621" s="7">
        <f t="shared" si="312"/>
        <v>44837.541666650628</v>
      </c>
      <c r="B6621" s="8">
        <v>3.4965894124330967</v>
      </c>
      <c r="C6621">
        <f t="shared" si="310"/>
        <v>13</v>
      </c>
      <c r="D6621">
        <f t="shared" si="311"/>
        <v>10</v>
      </c>
    </row>
    <row r="6622" spans="1:4" x14ac:dyDescent="0.25">
      <c r="A6622" s="7">
        <f t="shared" si="312"/>
        <v>44837.583333317292</v>
      </c>
      <c r="B6622" s="8">
        <v>3.3492433187229644</v>
      </c>
      <c r="C6622">
        <f t="shared" si="310"/>
        <v>14</v>
      </c>
      <c r="D6622">
        <f t="shared" si="311"/>
        <v>10</v>
      </c>
    </row>
    <row r="6623" spans="1:4" x14ac:dyDescent="0.25">
      <c r="A6623" s="7">
        <f t="shared" si="312"/>
        <v>44837.624999983957</v>
      </c>
      <c r="B6623" s="8">
        <v>2.8242703628942185</v>
      </c>
      <c r="C6623">
        <f t="shared" si="310"/>
        <v>15</v>
      </c>
      <c r="D6623">
        <f t="shared" si="311"/>
        <v>10</v>
      </c>
    </row>
    <row r="6624" spans="1:4" x14ac:dyDescent="0.25">
      <c r="A6624" s="7">
        <f t="shared" si="312"/>
        <v>44837.666666650621</v>
      </c>
      <c r="B6624" s="8">
        <v>2.717948957097029</v>
      </c>
      <c r="C6624">
        <f t="shared" si="310"/>
        <v>16</v>
      </c>
      <c r="D6624">
        <f t="shared" si="311"/>
        <v>10</v>
      </c>
    </row>
    <row r="6625" spans="1:4" x14ac:dyDescent="0.25">
      <c r="A6625" s="7">
        <f t="shared" si="312"/>
        <v>44837.708333317285</v>
      </c>
      <c r="B6625" s="8">
        <v>0.97988671869798682</v>
      </c>
      <c r="C6625">
        <f t="shared" si="310"/>
        <v>17</v>
      </c>
      <c r="D6625">
        <f t="shared" si="311"/>
        <v>10</v>
      </c>
    </row>
    <row r="6626" spans="1:4" x14ac:dyDescent="0.25">
      <c r="A6626" s="7">
        <f t="shared" si="312"/>
        <v>44837.749999983949</v>
      </c>
      <c r="B6626" s="8">
        <v>0.44252679296456193</v>
      </c>
      <c r="C6626">
        <f t="shared" si="310"/>
        <v>18</v>
      </c>
      <c r="D6626">
        <f t="shared" si="311"/>
        <v>10</v>
      </c>
    </row>
    <row r="6627" spans="1:4" x14ac:dyDescent="0.25">
      <c r="A6627" s="7">
        <f t="shared" si="312"/>
        <v>44837.791666650613</v>
      </c>
      <c r="B6627" s="8">
        <v>-4.9800999999999998E-2</v>
      </c>
      <c r="C6627">
        <f t="shared" si="310"/>
        <v>19</v>
      </c>
      <c r="D6627">
        <f t="shared" si="311"/>
        <v>10</v>
      </c>
    </row>
    <row r="6628" spans="1:4" x14ac:dyDescent="0.25">
      <c r="A6628" s="7">
        <f t="shared" si="312"/>
        <v>44837.833333317278</v>
      </c>
      <c r="B6628" s="8">
        <v>-4.9800999999999998E-2</v>
      </c>
      <c r="C6628">
        <f t="shared" si="310"/>
        <v>20</v>
      </c>
      <c r="D6628">
        <f t="shared" si="311"/>
        <v>10</v>
      </c>
    </row>
    <row r="6629" spans="1:4" x14ac:dyDescent="0.25">
      <c r="A6629" s="7">
        <f t="shared" si="312"/>
        <v>44837.874999983942</v>
      </c>
      <c r="B6629" s="8">
        <v>-4.9800999999999998E-2</v>
      </c>
      <c r="C6629">
        <f t="shared" si="310"/>
        <v>21</v>
      </c>
      <c r="D6629">
        <f t="shared" si="311"/>
        <v>10</v>
      </c>
    </row>
    <row r="6630" spans="1:4" x14ac:dyDescent="0.25">
      <c r="A6630" s="7">
        <f t="shared" si="312"/>
        <v>44837.916666650606</v>
      </c>
      <c r="B6630" s="8">
        <v>-4.9800999999999998E-2</v>
      </c>
      <c r="C6630">
        <f t="shared" si="310"/>
        <v>22</v>
      </c>
      <c r="D6630">
        <f t="shared" si="311"/>
        <v>10</v>
      </c>
    </row>
    <row r="6631" spans="1:4" x14ac:dyDescent="0.25">
      <c r="A6631" s="7">
        <f t="shared" si="312"/>
        <v>44837.95833331727</v>
      </c>
      <c r="B6631" s="8">
        <v>-4.9800999999999998E-2</v>
      </c>
      <c r="C6631">
        <f t="shared" si="310"/>
        <v>23</v>
      </c>
      <c r="D6631">
        <f t="shared" si="311"/>
        <v>10</v>
      </c>
    </row>
    <row r="6632" spans="1:4" x14ac:dyDescent="0.25">
      <c r="A6632" s="7">
        <f t="shared" si="312"/>
        <v>44837.999999983935</v>
      </c>
      <c r="B6632" s="8">
        <v>-4.9800999999999998E-2</v>
      </c>
      <c r="C6632">
        <f t="shared" si="310"/>
        <v>0</v>
      </c>
      <c r="D6632">
        <f t="shared" si="311"/>
        <v>10</v>
      </c>
    </row>
    <row r="6633" spans="1:4" x14ac:dyDescent="0.25">
      <c r="A6633" s="7">
        <f t="shared" si="312"/>
        <v>44838.041666650599</v>
      </c>
      <c r="B6633" s="8">
        <v>-4.9800999999999998E-2</v>
      </c>
      <c r="C6633">
        <f t="shared" si="310"/>
        <v>1</v>
      </c>
      <c r="D6633">
        <f t="shared" si="311"/>
        <v>10</v>
      </c>
    </row>
    <row r="6634" spans="1:4" x14ac:dyDescent="0.25">
      <c r="A6634" s="7">
        <f t="shared" si="312"/>
        <v>44838.083333317263</v>
      </c>
      <c r="B6634" s="8">
        <v>-4.9800999999999998E-2</v>
      </c>
      <c r="C6634">
        <f t="shared" si="310"/>
        <v>2</v>
      </c>
      <c r="D6634">
        <f t="shared" si="311"/>
        <v>10</v>
      </c>
    </row>
    <row r="6635" spans="1:4" x14ac:dyDescent="0.25">
      <c r="A6635" s="7">
        <f t="shared" si="312"/>
        <v>44838.124999983927</v>
      </c>
      <c r="B6635" s="8">
        <v>-4.9800999999999998E-2</v>
      </c>
      <c r="C6635">
        <f t="shared" si="310"/>
        <v>3</v>
      </c>
      <c r="D6635">
        <f t="shared" si="311"/>
        <v>10</v>
      </c>
    </row>
    <row r="6636" spans="1:4" x14ac:dyDescent="0.25">
      <c r="A6636" s="7">
        <f t="shared" si="312"/>
        <v>44838.166666650592</v>
      </c>
      <c r="B6636" s="8">
        <v>-4.9800999999999998E-2</v>
      </c>
      <c r="C6636">
        <f t="shared" si="310"/>
        <v>4</v>
      </c>
      <c r="D6636">
        <f t="shared" si="311"/>
        <v>10</v>
      </c>
    </row>
    <row r="6637" spans="1:4" x14ac:dyDescent="0.25">
      <c r="A6637" s="7">
        <f t="shared" si="312"/>
        <v>44838.208333317256</v>
      </c>
      <c r="B6637" s="8">
        <v>-4.9800999999999998E-2</v>
      </c>
      <c r="C6637">
        <f t="shared" si="310"/>
        <v>5</v>
      </c>
      <c r="D6637">
        <f t="shared" si="311"/>
        <v>10</v>
      </c>
    </row>
    <row r="6638" spans="1:4" x14ac:dyDescent="0.25">
      <c r="A6638" s="7">
        <f t="shared" si="312"/>
        <v>44838.24999998392</v>
      </c>
      <c r="B6638" s="8">
        <v>-4.9800999999999998E-2</v>
      </c>
      <c r="C6638">
        <f t="shared" si="310"/>
        <v>6</v>
      </c>
      <c r="D6638">
        <f t="shared" si="311"/>
        <v>10</v>
      </c>
    </row>
    <row r="6639" spans="1:4" x14ac:dyDescent="0.25">
      <c r="A6639" s="7">
        <f t="shared" si="312"/>
        <v>44838.291666650584</v>
      </c>
      <c r="B6639" s="8">
        <v>-4.9800999999999998E-2</v>
      </c>
      <c r="C6639">
        <f t="shared" si="310"/>
        <v>7</v>
      </c>
      <c r="D6639">
        <f t="shared" si="311"/>
        <v>10</v>
      </c>
    </row>
    <row r="6640" spans="1:4" x14ac:dyDescent="0.25">
      <c r="A6640" s="7">
        <f t="shared" si="312"/>
        <v>44838.333333317249</v>
      </c>
      <c r="B6640" s="8">
        <v>1.0279937975906248</v>
      </c>
      <c r="C6640">
        <f t="shared" si="310"/>
        <v>8</v>
      </c>
      <c r="D6640">
        <f t="shared" si="311"/>
        <v>10</v>
      </c>
    </row>
    <row r="6641" spans="1:4" x14ac:dyDescent="0.25">
      <c r="A6641" s="7">
        <f t="shared" si="312"/>
        <v>44838.374999983913</v>
      </c>
      <c r="B6641" s="8">
        <v>5.2311650779735377</v>
      </c>
      <c r="C6641">
        <f t="shared" si="310"/>
        <v>9</v>
      </c>
      <c r="D6641">
        <f t="shared" si="311"/>
        <v>10</v>
      </c>
    </row>
    <row r="6642" spans="1:4" x14ac:dyDescent="0.25">
      <c r="A6642" s="7">
        <f t="shared" si="312"/>
        <v>44838.416666650577</v>
      </c>
      <c r="B6642" s="8">
        <v>13.463559292996651</v>
      </c>
      <c r="C6642">
        <f t="shared" si="310"/>
        <v>10</v>
      </c>
      <c r="D6642">
        <f t="shared" si="311"/>
        <v>10</v>
      </c>
    </row>
    <row r="6643" spans="1:4" x14ac:dyDescent="0.25">
      <c r="A6643" s="7">
        <f t="shared" si="312"/>
        <v>44838.458333317241</v>
      </c>
      <c r="B6643" s="8">
        <v>17.207577888202479</v>
      </c>
      <c r="C6643">
        <f t="shared" si="310"/>
        <v>11</v>
      </c>
      <c r="D6643">
        <f t="shared" si="311"/>
        <v>10</v>
      </c>
    </row>
    <row r="6644" spans="1:4" x14ac:dyDescent="0.25">
      <c r="A6644" s="7">
        <f t="shared" si="312"/>
        <v>44838.499999983906</v>
      </c>
      <c r="B6644" s="8">
        <v>10.148434506488881</v>
      </c>
      <c r="C6644">
        <f t="shared" si="310"/>
        <v>12</v>
      </c>
      <c r="D6644">
        <f t="shared" si="311"/>
        <v>10</v>
      </c>
    </row>
    <row r="6645" spans="1:4" x14ac:dyDescent="0.25">
      <c r="A6645" s="7">
        <f t="shared" si="312"/>
        <v>44838.54166665057</v>
      </c>
      <c r="B6645" s="8">
        <v>15.427931337574144</v>
      </c>
      <c r="C6645">
        <f t="shared" si="310"/>
        <v>13</v>
      </c>
      <c r="D6645">
        <f t="shared" si="311"/>
        <v>10</v>
      </c>
    </row>
    <row r="6646" spans="1:4" x14ac:dyDescent="0.25">
      <c r="A6646" s="7">
        <f t="shared" si="312"/>
        <v>44838.583333317234</v>
      </c>
      <c r="B6646" s="8">
        <v>13.907577386855802</v>
      </c>
      <c r="C6646">
        <f t="shared" si="310"/>
        <v>14</v>
      </c>
      <c r="D6646">
        <f t="shared" si="311"/>
        <v>10</v>
      </c>
    </row>
    <row r="6647" spans="1:4" x14ac:dyDescent="0.25">
      <c r="A6647" s="7">
        <f t="shared" si="312"/>
        <v>44838.624999983898</v>
      </c>
      <c r="B6647" s="8">
        <v>14.517097930928184</v>
      </c>
      <c r="C6647">
        <f t="shared" si="310"/>
        <v>15</v>
      </c>
      <c r="D6647">
        <f t="shared" si="311"/>
        <v>10</v>
      </c>
    </row>
    <row r="6648" spans="1:4" x14ac:dyDescent="0.25">
      <c r="A6648" s="7">
        <f t="shared" si="312"/>
        <v>44838.666666650563</v>
      </c>
      <c r="B6648" s="8">
        <v>5.1035872236961071</v>
      </c>
      <c r="C6648">
        <f t="shared" si="310"/>
        <v>16</v>
      </c>
      <c r="D6648">
        <f t="shared" si="311"/>
        <v>10</v>
      </c>
    </row>
    <row r="6649" spans="1:4" x14ac:dyDescent="0.25">
      <c r="A6649" s="7">
        <f t="shared" si="312"/>
        <v>44838.708333317227</v>
      </c>
      <c r="B6649" s="8">
        <v>4.506451588297038</v>
      </c>
      <c r="C6649">
        <f t="shared" si="310"/>
        <v>17</v>
      </c>
      <c r="D6649">
        <f t="shared" si="311"/>
        <v>10</v>
      </c>
    </row>
    <row r="6650" spans="1:4" x14ac:dyDescent="0.25">
      <c r="A6650" s="7">
        <f t="shared" si="312"/>
        <v>44838.749999983891</v>
      </c>
      <c r="B6650" s="8">
        <v>1.5164695602057583</v>
      </c>
      <c r="C6650">
        <f t="shared" si="310"/>
        <v>18</v>
      </c>
      <c r="D6650">
        <f t="shared" si="311"/>
        <v>10</v>
      </c>
    </row>
    <row r="6651" spans="1:4" x14ac:dyDescent="0.25">
      <c r="A6651" s="7">
        <f t="shared" si="312"/>
        <v>44838.791666650555</v>
      </c>
      <c r="B6651" s="8">
        <v>-4.9800999999999998E-2</v>
      </c>
      <c r="C6651">
        <f t="shared" si="310"/>
        <v>19</v>
      </c>
      <c r="D6651">
        <f t="shared" si="311"/>
        <v>10</v>
      </c>
    </row>
    <row r="6652" spans="1:4" x14ac:dyDescent="0.25">
      <c r="A6652" s="7">
        <f t="shared" si="312"/>
        <v>44838.83333331722</v>
      </c>
      <c r="B6652" s="8">
        <v>-4.9800999999999998E-2</v>
      </c>
      <c r="C6652">
        <f t="shared" si="310"/>
        <v>20</v>
      </c>
      <c r="D6652">
        <f t="shared" si="311"/>
        <v>10</v>
      </c>
    </row>
    <row r="6653" spans="1:4" x14ac:dyDescent="0.25">
      <c r="A6653" s="7">
        <f t="shared" si="312"/>
        <v>44838.874999983884</v>
      </c>
      <c r="B6653" s="8">
        <v>-4.9800999999999998E-2</v>
      </c>
      <c r="C6653">
        <f t="shared" si="310"/>
        <v>21</v>
      </c>
      <c r="D6653">
        <f t="shared" si="311"/>
        <v>10</v>
      </c>
    </row>
    <row r="6654" spans="1:4" x14ac:dyDescent="0.25">
      <c r="A6654" s="7">
        <f t="shared" si="312"/>
        <v>44838.916666650548</v>
      </c>
      <c r="B6654" s="8">
        <v>-4.9800999999999998E-2</v>
      </c>
      <c r="C6654">
        <f t="shared" si="310"/>
        <v>22</v>
      </c>
      <c r="D6654">
        <f t="shared" si="311"/>
        <v>10</v>
      </c>
    </row>
    <row r="6655" spans="1:4" x14ac:dyDescent="0.25">
      <c r="A6655" s="7">
        <f t="shared" si="312"/>
        <v>44838.958333317212</v>
      </c>
      <c r="B6655" s="8">
        <v>-4.9800999999999998E-2</v>
      </c>
      <c r="C6655">
        <f t="shared" si="310"/>
        <v>23</v>
      </c>
      <c r="D6655">
        <f t="shared" si="311"/>
        <v>10</v>
      </c>
    </row>
    <row r="6656" spans="1:4" x14ac:dyDescent="0.25">
      <c r="A6656" s="7">
        <f t="shared" si="312"/>
        <v>44838.999999983876</v>
      </c>
      <c r="B6656" s="8">
        <v>-4.9800999999999998E-2</v>
      </c>
      <c r="C6656">
        <f t="shared" si="310"/>
        <v>0</v>
      </c>
      <c r="D6656">
        <f t="shared" si="311"/>
        <v>10</v>
      </c>
    </row>
    <row r="6657" spans="1:4" x14ac:dyDescent="0.25">
      <c r="A6657" s="7">
        <f t="shared" si="312"/>
        <v>44839.041666650541</v>
      </c>
      <c r="B6657" s="8">
        <v>-4.9800999999999998E-2</v>
      </c>
      <c r="C6657">
        <f t="shared" si="310"/>
        <v>1</v>
      </c>
      <c r="D6657">
        <f t="shared" si="311"/>
        <v>10</v>
      </c>
    </row>
    <row r="6658" spans="1:4" x14ac:dyDescent="0.25">
      <c r="A6658" s="7">
        <f t="shared" si="312"/>
        <v>44839.083333317205</v>
      </c>
      <c r="B6658" s="8">
        <v>-4.9800999999999998E-2</v>
      </c>
      <c r="C6658">
        <f t="shared" si="310"/>
        <v>2</v>
      </c>
      <c r="D6658">
        <f t="shared" si="311"/>
        <v>10</v>
      </c>
    </row>
    <row r="6659" spans="1:4" x14ac:dyDescent="0.25">
      <c r="A6659" s="7">
        <f t="shared" si="312"/>
        <v>44839.124999983869</v>
      </c>
      <c r="B6659" s="8">
        <v>-4.9800999999999998E-2</v>
      </c>
      <c r="C6659">
        <f t="shared" si="310"/>
        <v>3</v>
      </c>
      <c r="D6659">
        <f t="shared" si="311"/>
        <v>10</v>
      </c>
    </row>
    <row r="6660" spans="1:4" x14ac:dyDescent="0.25">
      <c r="A6660" s="7">
        <f t="shared" si="312"/>
        <v>44839.166666650533</v>
      </c>
      <c r="B6660" s="8">
        <v>-4.9800999999999998E-2</v>
      </c>
      <c r="C6660">
        <f t="shared" si="310"/>
        <v>4</v>
      </c>
      <c r="D6660">
        <f t="shared" si="311"/>
        <v>10</v>
      </c>
    </row>
    <row r="6661" spans="1:4" x14ac:dyDescent="0.25">
      <c r="A6661" s="7">
        <f t="shared" si="312"/>
        <v>44839.208333317198</v>
      </c>
      <c r="B6661" s="8">
        <v>-4.9800999999999998E-2</v>
      </c>
      <c r="C6661">
        <f t="shared" si="310"/>
        <v>5</v>
      </c>
      <c r="D6661">
        <f t="shared" si="311"/>
        <v>10</v>
      </c>
    </row>
    <row r="6662" spans="1:4" x14ac:dyDescent="0.25">
      <c r="A6662" s="7">
        <f t="shared" si="312"/>
        <v>44839.249999983862</v>
      </c>
      <c r="B6662" s="8">
        <v>-4.9800999999999998E-2</v>
      </c>
      <c r="C6662">
        <f t="shared" si="310"/>
        <v>6</v>
      </c>
      <c r="D6662">
        <f t="shared" si="311"/>
        <v>10</v>
      </c>
    </row>
    <row r="6663" spans="1:4" x14ac:dyDescent="0.25">
      <c r="A6663" s="7">
        <f t="shared" si="312"/>
        <v>44839.291666650526</v>
      </c>
      <c r="B6663" s="8">
        <v>-4.9800999999999998E-2</v>
      </c>
      <c r="C6663">
        <f t="shared" si="310"/>
        <v>7</v>
      </c>
      <c r="D6663">
        <f t="shared" si="311"/>
        <v>10</v>
      </c>
    </row>
    <row r="6664" spans="1:4" x14ac:dyDescent="0.25">
      <c r="A6664" s="7">
        <f t="shared" si="312"/>
        <v>44839.33333331719</v>
      </c>
      <c r="B6664" s="8">
        <v>2.5754282060188713</v>
      </c>
      <c r="C6664">
        <f t="shared" si="310"/>
        <v>8</v>
      </c>
      <c r="D6664">
        <f t="shared" si="311"/>
        <v>10</v>
      </c>
    </row>
    <row r="6665" spans="1:4" x14ac:dyDescent="0.25">
      <c r="A6665" s="7">
        <f t="shared" si="312"/>
        <v>44839.374999983855</v>
      </c>
      <c r="B6665" s="8">
        <v>8.5267050746403381</v>
      </c>
      <c r="C6665">
        <f t="shared" si="310"/>
        <v>9</v>
      </c>
      <c r="D6665">
        <f t="shared" si="311"/>
        <v>10</v>
      </c>
    </row>
    <row r="6666" spans="1:4" x14ac:dyDescent="0.25">
      <c r="A6666" s="7">
        <f t="shared" si="312"/>
        <v>44839.416666650519</v>
      </c>
      <c r="B6666" s="8">
        <v>14.635087967498382</v>
      </c>
      <c r="C6666">
        <f t="shared" ref="C6666:C6729" si="313">HOUR(A6666)</f>
        <v>10</v>
      </c>
      <c r="D6666">
        <f t="shared" ref="D6666:D6729" si="314">MONTH(A6666)</f>
        <v>10</v>
      </c>
    </row>
    <row r="6667" spans="1:4" x14ac:dyDescent="0.25">
      <c r="A6667" s="7">
        <f t="shared" ref="A6667:A6730" si="315">+A6666+1/24</f>
        <v>44839.458333317183</v>
      </c>
      <c r="B6667" s="8">
        <v>18.067685421503036</v>
      </c>
      <c r="C6667">
        <f t="shared" si="313"/>
        <v>11</v>
      </c>
      <c r="D6667">
        <f t="shared" si="314"/>
        <v>10</v>
      </c>
    </row>
    <row r="6668" spans="1:4" x14ac:dyDescent="0.25">
      <c r="A6668" s="7">
        <f t="shared" si="315"/>
        <v>44839.499999983847</v>
      </c>
      <c r="B6668" s="8">
        <v>15.498917054033466</v>
      </c>
      <c r="C6668">
        <f t="shared" si="313"/>
        <v>12</v>
      </c>
      <c r="D6668">
        <f t="shared" si="314"/>
        <v>10</v>
      </c>
    </row>
    <row r="6669" spans="1:4" x14ac:dyDescent="0.25">
      <c r="A6669" s="7">
        <f t="shared" si="315"/>
        <v>44839.541666650512</v>
      </c>
      <c r="B6669" s="8">
        <v>20.451312956902846</v>
      </c>
      <c r="C6669">
        <f t="shared" si="313"/>
        <v>13</v>
      </c>
      <c r="D6669">
        <f t="shared" si="314"/>
        <v>10</v>
      </c>
    </row>
    <row r="6670" spans="1:4" x14ac:dyDescent="0.25">
      <c r="A6670" s="7">
        <f t="shared" si="315"/>
        <v>44839.583333317176</v>
      </c>
      <c r="B6670" s="8">
        <v>17.755674768130678</v>
      </c>
      <c r="C6670">
        <f t="shared" si="313"/>
        <v>14</v>
      </c>
      <c r="D6670">
        <f t="shared" si="314"/>
        <v>10</v>
      </c>
    </row>
    <row r="6671" spans="1:4" x14ac:dyDescent="0.25">
      <c r="A6671" s="7">
        <f t="shared" si="315"/>
        <v>44839.62499998384</v>
      </c>
      <c r="B6671" s="8">
        <v>14.281074571929066</v>
      </c>
      <c r="C6671">
        <f t="shared" si="313"/>
        <v>15</v>
      </c>
      <c r="D6671">
        <f t="shared" si="314"/>
        <v>10</v>
      </c>
    </row>
    <row r="6672" spans="1:4" x14ac:dyDescent="0.25">
      <c r="A6672" s="7">
        <f t="shared" si="315"/>
        <v>44839.666666650504</v>
      </c>
      <c r="B6672" s="8">
        <v>13.953547999435735</v>
      </c>
      <c r="C6672">
        <f t="shared" si="313"/>
        <v>16</v>
      </c>
      <c r="D6672">
        <f t="shared" si="314"/>
        <v>10</v>
      </c>
    </row>
    <row r="6673" spans="1:4" x14ac:dyDescent="0.25">
      <c r="A6673" s="7">
        <f t="shared" si="315"/>
        <v>44839.708333317169</v>
      </c>
      <c r="B6673" s="8">
        <v>7.8285680716043213</v>
      </c>
      <c r="C6673">
        <f t="shared" si="313"/>
        <v>17</v>
      </c>
      <c r="D6673">
        <f t="shared" si="314"/>
        <v>10</v>
      </c>
    </row>
    <row r="6674" spans="1:4" x14ac:dyDescent="0.25">
      <c r="A6674" s="7">
        <f t="shared" si="315"/>
        <v>44839.749999983833</v>
      </c>
      <c r="B6674" s="8">
        <v>1.6387253150915779</v>
      </c>
      <c r="C6674">
        <f t="shared" si="313"/>
        <v>18</v>
      </c>
      <c r="D6674">
        <f t="shared" si="314"/>
        <v>10</v>
      </c>
    </row>
    <row r="6675" spans="1:4" x14ac:dyDescent="0.25">
      <c r="A6675" s="7">
        <f t="shared" si="315"/>
        <v>44839.791666650497</v>
      </c>
      <c r="B6675" s="8">
        <v>-4.9800999999999998E-2</v>
      </c>
      <c r="C6675">
        <f t="shared" si="313"/>
        <v>19</v>
      </c>
      <c r="D6675">
        <f t="shared" si="314"/>
        <v>10</v>
      </c>
    </row>
    <row r="6676" spans="1:4" x14ac:dyDescent="0.25">
      <c r="A6676" s="7">
        <f t="shared" si="315"/>
        <v>44839.833333317161</v>
      </c>
      <c r="B6676" s="8">
        <v>-4.9800999999999998E-2</v>
      </c>
      <c r="C6676">
        <f t="shared" si="313"/>
        <v>20</v>
      </c>
      <c r="D6676">
        <f t="shared" si="314"/>
        <v>10</v>
      </c>
    </row>
    <row r="6677" spans="1:4" x14ac:dyDescent="0.25">
      <c r="A6677" s="7">
        <f t="shared" si="315"/>
        <v>44839.874999983826</v>
      </c>
      <c r="B6677" s="8">
        <v>-4.9800999999999998E-2</v>
      </c>
      <c r="C6677">
        <f t="shared" si="313"/>
        <v>21</v>
      </c>
      <c r="D6677">
        <f t="shared" si="314"/>
        <v>10</v>
      </c>
    </row>
    <row r="6678" spans="1:4" x14ac:dyDescent="0.25">
      <c r="A6678" s="7">
        <f t="shared" si="315"/>
        <v>44839.91666665049</v>
      </c>
      <c r="B6678" s="8">
        <v>-4.9800999999999998E-2</v>
      </c>
      <c r="C6678">
        <f t="shared" si="313"/>
        <v>22</v>
      </c>
      <c r="D6678">
        <f t="shared" si="314"/>
        <v>10</v>
      </c>
    </row>
    <row r="6679" spans="1:4" x14ac:dyDescent="0.25">
      <c r="A6679" s="7">
        <f t="shared" si="315"/>
        <v>44839.958333317154</v>
      </c>
      <c r="B6679" s="8">
        <v>-4.9800999999999998E-2</v>
      </c>
      <c r="C6679">
        <f t="shared" si="313"/>
        <v>23</v>
      </c>
      <c r="D6679">
        <f t="shared" si="314"/>
        <v>10</v>
      </c>
    </row>
    <row r="6680" spans="1:4" x14ac:dyDescent="0.25">
      <c r="A6680" s="7">
        <f t="shared" si="315"/>
        <v>44839.999999983818</v>
      </c>
      <c r="B6680" s="8">
        <v>-4.9800999999999998E-2</v>
      </c>
      <c r="C6680">
        <f t="shared" si="313"/>
        <v>0</v>
      </c>
      <c r="D6680">
        <f t="shared" si="314"/>
        <v>10</v>
      </c>
    </row>
    <row r="6681" spans="1:4" x14ac:dyDescent="0.25">
      <c r="A6681" s="7">
        <f t="shared" si="315"/>
        <v>44840.041666650483</v>
      </c>
      <c r="B6681" s="8">
        <v>-4.9800999999999998E-2</v>
      </c>
      <c r="C6681">
        <f t="shared" si="313"/>
        <v>1</v>
      </c>
      <c r="D6681">
        <f t="shared" si="314"/>
        <v>10</v>
      </c>
    </row>
    <row r="6682" spans="1:4" x14ac:dyDescent="0.25">
      <c r="A6682" s="7">
        <f t="shared" si="315"/>
        <v>44840.083333317147</v>
      </c>
      <c r="B6682" s="8">
        <v>-4.9800999999999998E-2</v>
      </c>
      <c r="C6682">
        <f t="shared" si="313"/>
        <v>2</v>
      </c>
      <c r="D6682">
        <f t="shared" si="314"/>
        <v>10</v>
      </c>
    </row>
    <row r="6683" spans="1:4" x14ac:dyDescent="0.25">
      <c r="A6683" s="7">
        <f t="shared" si="315"/>
        <v>44840.124999983811</v>
      </c>
      <c r="B6683" s="8">
        <v>-4.9800999999999998E-2</v>
      </c>
      <c r="C6683">
        <f t="shared" si="313"/>
        <v>3</v>
      </c>
      <c r="D6683">
        <f t="shared" si="314"/>
        <v>10</v>
      </c>
    </row>
    <row r="6684" spans="1:4" x14ac:dyDescent="0.25">
      <c r="A6684" s="7">
        <f t="shared" si="315"/>
        <v>44840.166666650475</v>
      </c>
      <c r="B6684" s="8">
        <v>-4.9800999999999998E-2</v>
      </c>
      <c r="C6684">
        <f t="shared" si="313"/>
        <v>4</v>
      </c>
      <c r="D6684">
        <f t="shared" si="314"/>
        <v>10</v>
      </c>
    </row>
    <row r="6685" spans="1:4" x14ac:dyDescent="0.25">
      <c r="A6685" s="7">
        <f t="shared" si="315"/>
        <v>44840.208333317139</v>
      </c>
      <c r="B6685" s="8">
        <v>-4.9800999999999998E-2</v>
      </c>
      <c r="C6685">
        <f t="shared" si="313"/>
        <v>5</v>
      </c>
      <c r="D6685">
        <f t="shared" si="314"/>
        <v>10</v>
      </c>
    </row>
    <row r="6686" spans="1:4" x14ac:dyDescent="0.25">
      <c r="A6686" s="7">
        <f t="shared" si="315"/>
        <v>44840.249999983804</v>
      </c>
      <c r="B6686" s="8">
        <v>-4.9800999999999998E-2</v>
      </c>
      <c r="C6686">
        <f t="shared" si="313"/>
        <v>6</v>
      </c>
      <c r="D6686">
        <f t="shared" si="314"/>
        <v>10</v>
      </c>
    </row>
    <row r="6687" spans="1:4" x14ac:dyDescent="0.25">
      <c r="A6687" s="7">
        <f t="shared" si="315"/>
        <v>44840.291666650468</v>
      </c>
      <c r="B6687" s="8">
        <v>-4.9800999999999998E-2</v>
      </c>
      <c r="C6687">
        <f t="shared" si="313"/>
        <v>7</v>
      </c>
      <c r="D6687">
        <f t="shared" si="314"/>
        <v>10</v>
      </c>
    </row>
    <row r="6688" spans="1:4" x14ac:dyDescent="0.25">
      <c r="A6688" s="7">
        <f t="shared" si="315"/>
        <v>44840.333333317132</v>
      </c>
      <c r="B6688" s="8">
        <v>3.7814196383742145</v>
      </c>
      <c r="C6688">
        <f t="shared" si="313"/>
        <v>8</v>
      </c>
      <c r="D6688">
        <f t="shared" si="314"/>
        <v>10</v>
      </c>
    </row>
    <row r="6689" spans="1:4" x14ac:dyDescent="0.25">
      <c r="A6689" s="7">
        <f t="shared" si="315"/>
        <v>44840.374999983796</v>
      </c>
      <c r="B6689" s="8">
        <v>9.5546999028466466</v>
      </c>
      <c r="C6689">
        <f t="shared" si="313"/>
        <v>9</v>
      </c>
      <c r="D6689">
        <f t="shared" si="314"/>
        <v>10</v>
      </c>
    </row>
    <row r="6690" spans="1:4" x14ac:dyDescent="0.25">
      <c r="A6690" s="7">
        <f t="shared" si="315"/>
        <v>44840.416666650461</v>
      </c>
      <c r="B6690" s="8">
        <v>16.40710280898751</v>
      </c>
      <c r="C6690">
        <f t="shared" si="313"/>
        <v>10</v>
      </c>
      <c r="D6690">
        <f t="shared" si="314"/>
        <v>10</v>
      </c>
    </row>
    <row r="6691" spans="1:4" x14ac:dyDescent="0.25">
      <c r="A6691" s="7">
        <f t="shared" si="315"/>
        <v>44840.458333317125</v>
      </c>
      <c r="B6691" s="8">
        <v>20.229058623440501</v>
      </c>
      <c r="C6691">
        <f t="shared" si="313"/>
        <v>11</v>
      </c>
      <c r="D6691">
        <f t="shared" si="314"/>
        <v>10</v>
      </c>
    </row>
    <row r="6692" spans="1:4" x14ac:dyDescent="0.25">
      <c r="A6692" s="7">
        <f t="shared" si="315"/>
        <v>44840.499999983789</v>
      </c>
      <c r="B6692" s="8">
        <v>15.810543287755733</v>
      </c>
      <c r="C6692">
        <f t="shared" si="313"/>
        <v>12</v>
      </c>
      <c r="D6692">
        <f t="shared" si="314"/>
        <v>10</v>
      </c>
    </row>
    <row r="6693" spans="1:4" x14ac:dyDescent="0.25">
      <c r="A6693" s="7">
        <f t="shared" si="315"/>
        <v>44840.541666650453</v>
      </c>
      <c r="B6693" s="8">
        <v>17.022201045141106</v>
      </c>
      <c r="C6693">
        <f t="shared" si="313"/>
        <v>13</v>
      </c>
      <c r="D6693">
        <f t="shared" si="314"/>
        <v>10</v>
      </c>
    </row>
    <row r="6694" spans="1:4" x14ac:dyDescent="0.25">
      <c r="A6694" s="7">
        <f t="shared" si="315"/>
        <v>44840.583333317118</v>
      </c>
      <c r="B6694" s="8">
        <v>20.451309865055794</v>
      </c>
      <c r="C6694">
        <f t="shared" si="313"/>
        <v>14</v>
      </c>
      <c r="D6694">
        <f t="shared" si="314"/>
        <v>10</v>
      </c>
    </row>
    <row r="6695" spans="1:4" x14ac:dyDescent="0.25">
      <c r="A6695" s="7">
        <f t="shared" si="315"/>
        <v>44840.624999983782</v>
      </c>
      <c r="B6695" s="8">
        <v>18.075845836488082</v>
      </c>
      <c r="C6695">
        <f t="shared" si="313"/>
        <v>15</v>
      </c>
      <c r="D6695">
        <f t="shared" si="314"/>
        <v>10</v>
      </c>
    </row>
    <row r="6696" spans="1:4" x14ac:dyDescent="0.25">
      <c r="A6696" s="7">
        <f t="shared" si="315"/>
        <v>44840.666666650446</v>
      </c>
      <c r="B6696" s="8">
        <v>6.1417995757925059</v>
      </c>
      <c r="C6696">
        <f t="shared" si="313"/>
        <v>16</v>
      </c>
      <c r="D6696">
        <f t="shared" si="314"/>
        <v>10</v>
      </c>
    </row>
    <row r="6697" spans="1:4" x14ac:dyDescent="0.25">
      <c r="A6697" s="7">
        <f t="shared" si="315"/>
        <v>44840.70833331711</v>
      </c>
      <c r="B6697" s="8">
        <v>2.9895491695040448</v>
      </c>
      <c r="C6697">
        <f t="shared" si="313"/>
        <v>17</v>
      </c>
      <c r="D6697">
        <f t="shared" si="314"/>
        <v>10</v>
      </c>
    </row>
    <row r="6698" spans="1:4" x14ac:dyDescent="0.25">
      <c r="A6698" s="7">
        <f t="shared" si="315"/>
        <v>44840.749999983775</v>
      </c>
      <c r="B6698" s="8">
        <v>1.0811581076441132</v>
      </c>
      <c r="C6698">
        <f t="shared" si="313"/>
        <v>18</v>
      </c>
      <c r="D6698">
        <f t="shared" si="314"/>
        <v>10</v>
      </c>
    </row>
    <row r="6699" spans="1:4" x14ac:dyDescent="0.25">
      <c r="A6699" s="7">
        <f t="shared" si="315"/>
        <v>44840.791666650439</v>
      </c>
      <c r="B6699" s="8">
        <v>-4.9800999999999998E-2</v>
      </c>
      <c r="C6699">
        <f t="shared" si="313"/>
        <v>19</v>
      </c>
      <c r="D6699">
        <f t="shared" si="314"/>
        <v>10</v>
      </c>
    </row>
    <row r="6700" spans="1:4" x14ac:dyDescent="0.25">
      <c r="A6700" s="7">
        <f t="shared" si="315"/>
        <v>44840.833333317103</v>
      </c>
      <c r="B6700" s="8">
        <v>-4.9800999999999998E-2</v>
      </c>
      <c r="C6700">
        <f t="shared" si="313"/>
        <v>20</v>
      </c>
      <c r="D6700">
        <f t="shared" si="314"/>
        <v>10</v>
      </c>
    </row>
    <row r="6701" spans="1:4" x14ac:dyDescent="0.25">
      <c r="A6701" s="7">
        <f t="shared" si="315"/>
        <v>44840.874999983767</v>
      </c>
      <c r="B6701" s="8">
        <v>-4.9800999999999998E-2</v>
      </c>
      <c r="C6701">
        <f t="shared" si="313"/>
        <v>21</v>
      </c>
      <c r="D6701">
        <f t="shared" si="314"/>
        <v>10</v>
      </c>
    </row>
    <row r="6702" spans="1:4" x14ac:dyDescent="0.25">
      <c r="A6702" s="7">
        <f t="shared" si="315"/>
        <v>44840.916666650432</v>
      </c>
      <c r="B6702" s="8">
        <v>-4.9800999999999998E-2</v>
      </c>
      <c r="C6702">
        <f t="shared" si="313"/>
        <v>22</v>
      </c>
      <c r="D6702">
        <f t="shared" si="314"/>
        <v>10</v>
      </c>
    </row>
    <row r="6703" spans="1:4" x14ac:dyDescent="0.25">
      <c r="A6703" s="7">
        <f t="shared" si="315"/>
        <v>44840.958333317096</v>
      </c>
      <c r="B6703" s="8">
        <v>-4.9800999999999998E-2</v>
      </c>
      <c r="C6703">
        <f t="shared" si="313"/>
        <v>23</v>
      </c>
      <c r="D6703">
        <f t="shared" si="314"/>
        <v>10</v>
      </c>
    </row>
    <row r="6704" spans="1:4" x14ac:dyDescent="0.25">
      <c r="A6704" s="7">
        <f t="shared" si="315"/>
        <v>44840.99999998376</v>
      </c>
      <c r="B6704" s="8">
        <v>-4.9800999999999998E-2</v>
      </c>
      <c r="C6704">
        <f t="shared" si="313"/>
        <v>0</v>
      </c>
      <c r="D6704">
        <f t="shared" si="314"/>
        <v>10</v>
      </c>
    </row>
    <row r="6705" spans="1:4" x14ac:dyDescent="0.25">
      <c r="A6705" s="7">
        <f t="shared" si="315"/>
        <v>44841.041666650424</v>
      </c>
      <c r="B6705" s="8">
        <v>-4.9800999999999998E-2</v>
      </c>
      <c r="C6705">
        <f t="shared" si="313"/>
        <v>1</v>
      </c>
      <c r="D6705">
        <f t="shared" si="314"/>
        <v>10</v>
      </c>
    </row>
    <row r="6706" spans="1:4" x14ac:dyDescent="0.25">
      <c r="A6706" s="7">
        <f t="shared" si="315"/>
        <v>44841.083333317089</v>
      </c>
      <c r="B6706" s="8">
        <v>-4.9800999999999998E-2</v>
      </c>
      <c r="C6706">
        <f t="shared" si="313"/>
        <v>2</v>
      </c>
      <c r="D6706">
        <f t="shared" si="314"/>
        <v>10</v>
      </c>
    </row>
    <row r="6707" spans="1:4" x14ac:dyDescent="0.25">
      <c r="A6707" s="7">
        <f t="shared" si="315"/>
        <v>44841.124999983753</v>
      </c>
      <c r="B6707" s="8">
        <v>-4.9800999999999998E-2</v>
      </c>
      <c r="C6707">
        <f t="shared" si="313"/>
        <v>3</v>
      </c>
      <c r="D6707">
        <f t="shared" si="314"/>
        <v>10</v>
      </c>
    </row>
    <row r="6708" spans="1:4" x14ac:dyDescent="0.25">
      <c r="A6708" s="7">
        <f t="shared" si="315"/>
        <v>44841.166666650417</v>
      </c>
      <c r="B6708" s="8">
        <v>-4.9800999999999998E-2</v>
      </c>
      <c r="C6708">
        <f t="shared" si="313"/>
        <v>4</v>
      </c>
      <c r="D6708">
        <f t="shared" si="314"/>
        <v>10</v>
      </c>
    </row>
    <row r="6709" spans="1:4" x14ac:dyDescent="0.25">
      <c r="A6709" s="7">
        <f t="shared" si="315"/>
        <v>44841.208333317081</v>
      </c>
      <c r="B6709" s="8">
        <v>-4.9800999999999998E-2</v>
      </c>
      <c r="C6709">
        <f t="shared" si="313"/>
        <v>5</v>
      </c>
      <c r="D6709">
        <f t="shared" si="314"/>
        <v>10</v>
      </c>
    </row>
    <row r="6710" spans="1:4" x14ac:dyDescent="0.25">
      <c r="A6710" s="7">
        <f t="shared" si="315"/>
        <v>44841.249999983746</v>
      </c>
      <c r="B6710" s="8">
        <v>-4.9800999999999998E-2</v>
      </c>
      <c r="C6710">
        <f t="shared" si="313"/>
        <v>6</v>
      </c>
      <c r="D6710">
        <f t="shared" si="314"/>
        <v>10</v>
      </c>
    </row>
    <row r="6711" spans="1:4" x14ac:dyDescent="0.25">
      <c r="A6711" s="7">
        <f t="shared" si="315"/>
        <v>44841.29166665041</v>
      </c>
      <c r="B6711" s="8">
        <v>-4.9800999999999998E-2</v>
      </c>
      <c r="C6711">
        <f t="shared" si="313"/>
        <v>7</v>
      </c>
      <c r="D6711">
        <f t="shared" si="314"/>
        <v>10</v>
      </c>
    </row>
    <row r="6712" spans="1:4" x14ac:dyDescent="0.25">
      <c r="A6712" s="7">
        <f t="shared" si="315"/>
        <v>44841.333333317074</v>
      </c>
      <c r="B6712" s="8">
        <v>2.0280393590655086</v>
      </c>
      <c r="C6712">
        <f t="shared" si="313"/>
        <v>8</v>
      </c>
      <c r="D6712">
        <f t="shared" si="314"/>
        <v>10</v>
      </c>
    </row>
    <row r="6713" spans="1:4" x14ac:dyDescent="0.25">
      <c r="A6713" s="7">
        <f t="shared" si="315"/>
        <v>44841.374999983738</v>
      </c>
      <c r="B6713" s="8">
        <v>6.3794111135604998</v>
      </c>
      <c r="C6713">
        <f t="shared" si="313"/>
        <v>9</v>
      </c>
      <c r="D6713">
        <f t="shared" si="314"/>
        <v>10</v>
      </c>
    </row>
    <row r="6714" spans="1:4" x14ac:dyDescent="0.25">
      <c r="A6714" s="7">
        <f t="shared" si="315"/>
        <v>44841.416666650402</v>
      </c>
      <c r="B6714" s="8">
        <v>9.0498157079282944</v>
      </c>
      <c r="C6714">
        <f t="shared" si="313"/>
        <v>10</v>
      </c>
      <c r="D6714">
        <f t="shared" si="314"/>
        <v>10</v>
      </c>
    </row>
    <row r="6715" spans="1:4" x14ac:dyDescent="0.25">
      <c r="A6715" s="7">
        <f t="shared" si="315"/>
        <v>44841.458333317067</v>
      </c>
      <c r="B6715" s="8">
        <v>14.571216591104955</v>
      </c>
      <c r="C6715">
        <f t="shared" si="313"/>
        <v>11</v>
      </c>
      <c r="D6715">
        <f t="shared" si="314"/>
        <v>10</v>
      </c>
    </row>
    <row r="6716" spans="1:4" x14ac:dyDescent="0.25">
      <c r="A6716" s="7">
        <f t="shared" si="315"/>
        <v>44841.499999983731</v>
      </c>
      <c r="B6716" s="8">
        <v>16.039491470084947</v>
      </c>
      <c r="C6716">
        <f t="shared" si="313"/>
        <v>12</v>
      </c>
      <c r="D6716">
        <f t="shared" si="314"/>
        <v>10</v>
      </c>
    </row>
    <row r="6717" spans="1:4" x14ac:dyDescent="0.25">
      <c r="A6717" s="7">
        <f t="shared" si="315"/>
        <v>44841.541666650395</v>
      </c>
      <c r="B6717" s="8">
        <v>15.386904588429832</v>
      </c>
      <c r="C6717">
        <f t="shared" si="313"/>
        <v>13</v>
      </c>
      <c r="D6717">
        <f t="shared" si="314"/>
        <v>10</v>
      </c>
    </row>
    <row r="6718" spans="1:4" x14ac:dyDescent="0.25">
      <c r="A6718" s="7">
        <f t="shared" si="315"/>
        <v>44841.583333317059</v>
      </c>
      <c r="B6718" s="8">
        <v>5.8444855020724233</v>
      </c>
      <c r="C6718">
        <f t="shared" si="313"/>
        <v>14</v>
      </c>
      <c r="D6718">
        <f t="shared" si="314"/>
        <v>10</v>
      </c>
    </row>
    <row r="6719" spans="1:4" x14ac:dyDescent="0.25">
      <c r="A6719" s="7">
        <f t="shared" si="315"/>
        <v>44841.624999983724</v>
      </c>
      <c r="B6719" s="8">
        <v>5.1267461887288102</v>
      </c>
      <c r="C6719">
        <f t="shared" si="313"/>
        <v>15</v>
      </c>
      <c r="D6719">
        <f t="shared" si="314"/>
        <v>10</v>
      </c>
    </row>
    <row r="6720" spans="1:4" x14ac:dyDescent="0.25">
      <c r="A6720" s="7">
        <f t="shared" si="315"/>
        <v>44841.666666650388</v>
      </c>
      <c r="B6720" s="8">
        <v>4.0513739575340573</v>
      </c>
      <c r="C6720">
        <f t="shared" si="313"/>
        <v>16</v>
      </c>
      <c r="D6720">
        <f t="shared" si="314"/>
        <v>10</v>
      </c>
    </row>
    <row r="6721" spans="1:4" x14ac:dyDescent="0.25">
      <c r="A6721" s="7">
        <f t="shared" si="315"/>
        <v>44841.708333317052</v>
      </c>
      <c r="B6721" s="8">
        <v>2.2687891215909479</v>
      </c>
      <c r="C6721">
        <f t="shared" si="313"/>
        <v>17</v>
      </c>
      <c r="D6721">
        <f t="shared" si="314"/>
        <v>10</v>
      </c>
    </row>
    <row r="6722" spans="1:4" x14ac:dyDescent="0.25">
      <c r="A6722" s="7">
        <f t="shared" si="315"/>
        <v>44841.749999983716</v>
      </c>
      <c r="B6722" s="8">
        <v>0.4146548224094288</v>
      </c>
      <c r="C6722">
        <f t="shared" si="313"/>
        <v>18</v>
      </c>
      <c r="D6722">
        <f t="shared" si="314"/>
        <v>10</v>
      </c>
    </row>
    <row r="6723" spans="1:4" x14ac:dyDescent="0.25">
      <c r="A6723" s="7">
        <f t="shared" si="315"/>
        <v>44841.791666650381</v>
      </c>
      <c r="B6723" s="8">
        <v>-4.9800999999999998E-2</v>
      </c>
      <c r="C6723">
        <f t="shared" si="313"/>
        <v>19</v>
      </c>
      <c r="D6723">
        <f t="shared" si="314"/>
        <v>10</v>
      </c>
    </row>
    <row r="6724" spans="1:4" x14ac:dyDescent="0.25">
      <c r="A6724" s="7">
        <f t="shared" si="315"/>
        <v>44841.833333317045</v>
      </c>
      <c r="B6724" s="8">
        <v>-4.9800999999999998E-2</v>
      </c>
      <c r="C6724">
        <f t="shared" si="313"/>
        <v>20</v>
      </c>
      <c r="D6724">
        <f t="shared" si="314"/>
        <v>10</v>
      </c>
    </row>
    <row r="6725" spans="1:4" x14ac:dyDescent="0.25">
      <c r="A6725" s="7">
        <f t="shared" si="315"/>
        <v>44841.874999983709</v>
      </c>
      <c r="B6725" s="8">
        <v>-4.9800999999999998E-2</v>
      </c>
      <c r="C6725">
        <f t="shared" si="313"/>
        <v>21</v>
      </c>
      <c r="D6725">
        <f t="shared" si="314"/>
        <v>10</v>
      </c>
    </row>
    <row r="6726" spans="1:4" x14ac:dyDescent="0.25">
      <c r="A6726" s="7">
        <f t="shared" si="315"/>
        <v>44841.916666650373</v>
      </c>
      <c r="B6726" s="8">
        <v>-4.9800999999999998E-2</v>
      </c>
      <c r="C6726">
        <f t="shared" si="313"/>
        <v>22</v>
      </c>
      <c r="D6726">
        <f t="shared" si="314"/>
        <v>10</v>
      </c>
    </row>
    <row r="6727" spans="1:4" x14ac:dyDescent="0.25">
      <c r="A6727" s="7">
        <f t="shared" si="315"/>
        <v>44841.958333317038</v>
      </c>
      <c r="B6727" s="8">
        <v>-4.9800999999999998E-2</v>
      </c>
      <c r="C6727">
        <f t="shared" si="313"/>
        <v>23</v>
      </c>
      <c r="D6727">
        <f t="shared" si="314"/>
        <v>10</v>
      </c>
    </row>
    <row r="6728" spans="1:4" x14ac:dyDescent="0.25">
      <c r="A6728" s="7">
        <f t="shared" si="315"/>
        <v>44841.999999983702</v>
      </c>
      <c r="B6728" s="8">
        <v>-4.9800999999999998E-2</v>
      </c>
      <c r="C6728">
        <f t="shared" si="313"/>
        <v>0</v>
      </c>
      <c r="D6728">
        <f t="shared" si="314"/>
        <v>10</v>
      </c>
    </row>
    <row r="6729" spans="1:4" x14ac:dyDescent="0.25">
      <c r="A6729" s="7">
        <f t="shared" si="315"/>
        <v>44842.041666650366</v>
      </c>
      <c r="B6729" s="8">
        <v>-4.9800999999999998E-2</v>
      </c>
      <c r="C6729">
        <f t="shared" si="313"/>
        <v>1</v>
      </c>
      <c r="D6729">
        <f t="shared" si="314"/>
        <v>10</v>
      </c>
    </row>
    <row r="6730" spans="1:4" x14ac:dyDescent="0.25">
      <c r="A6730" s="7">
        <f t="shared" si="315"/>
        <v>44842.08333331703</v>
      </c>
      <c r="B6730" s="8">
        <v>-4.9800999999999998E-2</v>
      </c>
      <c r="C6730">
        <f t="shared" ref="C6730:C6793" si="316">HOUR(A6730)</f>
        <v>2</v>
      </c>
      <c r="D6730">
        <f t="shared" ref="D6730:D6793" si="317">MONTH(A6730)</f>
        <v>10</v>
      </c>
    </row>
    <row r="6731" spans="1:4" x14ac:dyDescent="0.25">
      <c r="A6731" s="7">
        <f t="shared" ref="A6731:A6794" si="318">+A6730+1/24</f>
        <v>44842.124999983695</v>
      </c>
      <c r="B6731" s="8">
        <v>-4.9800999999999998E-2</v>
      </c>
      <c r="C6731">
        <f t="shared" si="316"/>
        <v>3</v>
      </c>
      <c r="D6731">
        <f t="shared" si="317"/>
        <v>10</v>
      </c>
    </row>
    <row r="6732" spans="1:4" x14ac:dyDescent="0.25">
      <c r="A6732" s="7">
        <f t="shared" si="318"/>
        <v>44842.166666650359</v>
      </c>
      <c r="B6732" s="8">
        <v>-4.9800999999999998E-2</v>
      </c>
      <c r="C6732">
        <f t="shared" si="316"/>
        <v>4</v>
      </c>
      <c r="D6732">
        <f t="shared" si="317"/>
        <v>10</v>
      </c>
    </row>
    <row r="6733" spans="1:4" x14ac:dyDescent="0.25">
      <c r="A6733" s="7">
        <f t="shared" si="318"/>
        <v>44842.208333317023</v>
      </c>
      <c r="B6733" s="8">
        <v>-4.9800999999999998E-2</v>
      </c>
      <c r="C6733">
        <f t="shared" si="316"/>
        <v>5</v>
      </c>
      <c r="D6733">
        <f t="shared" si="317"/>
        <v>10</v>
      </c>
    </row>
    <row r="6734" spans="1:4" x14ac:dyDescent="0.25">
      <c r="A6734" s="7">
        <f t="shared" si="318"/>
        <v>44842.249999983687</v>
      </c>
      <c r="B6734" s="8">
        <v>-4.9800999999999998E-2</v>
      </c>
      <c r="C6734">
        <f t="shared" si="316"/>
        <v>6</v>
      </c>
      <c r="D6734">
        <f t="shared" si="317"/>
        <v>10</v>
      </c>
    </row>
    <row r="6735" spans="1:4" x14ac:dyDescent="0.25">
      <c r="A6735" s="7">
        <f t="shared" si="318"/>
        <v>44842.291666650352</v>
      </c>
      <c r="B6735" s="8">
        <v>-4.9800999999999998E-2</v>
      </c>
      <c r="C6735">
        <f t="shared" si="316"/>
        <v>7</v>
      </c>
      <c r="D6735">
        <f t="shared" si="317"/>
        <v>10</v>
      </c>
    </row>
    <row r="6736" spans="1:4" x14ac:dyDescent="0.25">
      <c r="A6736" s="7">
        <f t="shared" si="318"/>
        <v>44842.333333317016</v>
      </c>
      <c r="B6736" s="8">
        <v>0.40011695757247023</v>
      </c>
      <c r="C6736">
        <f t="shared" si="316"/>
        <v>8</v>
      </c>
      <c r="D6736">
        <f t="shared" si="317"/>
        <v>10</v>
      </c>
    </row>
    <row r="6737" spans="1:4" x14ac:dyDescent="0.25">
      <c r="A6737" s="7">
        <f t="shared" si="318"/>
        <v>44842.37499998368</v>
      </c>
      <c r="B6737" s="8">
        <v>1.2491093007222676</v>
      </c>
      <c r="C6737">
        <f t="shared" si="316"/>
        <v>9</v>
      </c>
      <c r="D6737">
        <f t="shared" si="317"/>
        <v>10</v>
      </c>
    </row>
    <row r="6738" spans="1:4" x14ac:dyDescent="0.25">
      <c r="A6738" s="7">
        <f t="shared" si="318"/>
        <v>44842.416666650344</v>
      </c>
      <c r="B6738" s="8">
        <v>1.9420365414762191</v>
      </c>
      <c r="C6738">
        <f t="shared" si="316"/>
        <v>10</v>
      </c>
      <c r="D6738">
        <f t="shared" si="317"/>
        <v>10</v>
      </c>
    </row>
    <row r="6739" spans="1:4" x14ac:dyDescent="0.25">
      <c r="A6739" s="7">
        <f t="shared" si="318"/>
        <v>44842.458333317009</v>
      </c>
      <c r="B6739" s="8">
        <v>2.5163945396456269</v>
      </c>
      <c r="C6739">
        <f t="shared" si="316"/>
        <v>11</v>
      </c>
      <c r="D6739">
        <f t="shared" si="317"/>
        <v>10</v>
      </c>
    </row>
    <row r="6740" spans="1:4" x14ac:dyDescent="0.25">
      <c r="A6740" s="7">
        <f t="shared" si="318"/>
        <v>44842.499999983673</v>
      </c>
      <c r="B6740" s="8">
        <v>2.7097844196492491</v>
      </c>
      <c r="C6740">
        <f t="shared" si="316"/>
        <v>12</v>
      </c>
      <c r="D6740">
        <f t="shared" si="317"/>
        <v>10</v>
      </c>
    </row>
    <row r="6741" spans="1:4" x14ac:dyDescent="0.25">
      <c r="A6741" s="7">
        <f t="shared" si="318"/>
        <v>44842.541666650337</v>
      </c>
      <c r="B6741" s="8">
        <v>3.29489586186437</v>
      </c>
      <c r="C6741">
        <f t="shared" si="316"/>
        <v>13</v>
      </c>
      <c r="D6741">
        <f t="shared" si="317"/>
        <v>10</v>
      </c>
    </row>
    <row r="6742" spans="1:4" x14ac:dyDescent="0.25">
      <c r="A6742" s="7">
        <f t="shared" si="318"/>
        <v>44842.583333317001</v>
      </c>
      <c r="B6742" s="8">
        <v>3.197876793229975</v>
      </c>
      <c r="C6742">
        <f t="shared" si="316"/>
        <v>14</v>
      </c>
      <c r="D6742">
        <f t="shared" si="317"/>
        <v>10</v>
      </c>
    </row>
    <row r="6743" spans="1:4" x14ac:dyDescent="0.25">
      <c r="A6743" s="7">
        <f t="shared" si="318"/>
        <v>44842.624999983665</v>
      </c>
      <c r="B6743" s="8">
        <v>2.314826724190334</v>
      </c>
      <c r="C6743">
        <f t="shared" si="316"/>
        <v>15</v>
      </c>
      <c r="D6743">
        <f t="shared" si="317"/>
        <v>10</v>
      </c>
    </row>
    <row r="6744" spans="1:4" x14ac:dyDescent="0.25">
      <c r="A6744" s="7">
        <f t="shared" si="318"/>
        <v>44842.66666665033</v>
      </c>
      <c r="B6744" s="8">
        <v>2.969839675165324</v>
      </c>
      <c r="C6744">
        <f t="shared" si="316"/>
        <v>16</v>
      </c>
      <c r="D6744">
        <f t="shared" si="317"/>
        <v>10</v>
      </c>
    </row>
    <row r="6745" spans="1:4" x14ac:dyDescent="0.25">
      <c r="A6745" s="7">
        <f t="shared" si="318"/>
        <v>44842.708333316994</v>
      </c>
      <c r="B6745" s="8">
        <v>2.0351495766686689</v>
      </c>
      <c r="C6745">
        <f t="shared" si="316"/>
        <v>17</v>
      </c>
      <c r="D6745">
        <f t="shared" si="317"/>
        <v>10</v>
      </c>
    </row>
    <row r="6746" spans="1:4" x14ac:dyDescent="0.25">
      <c r="A6746" s="7">
        <f t="shared" si="318"/>
        <v>44842.749999983658</v>
      </c>
      <c r="B6746" s="8">
        <v>0.29436960471120754</v>
      </c>
      <c r="C6746">
        <f t="shared" si="316"/>
        <v>18</v>
      </c>
      <c r="D6746">
        <f t="shared" si="317"/>
        <v>10</v>
      </c>
    </row>
    <row r="6747" spans="1:4" x14ac:dyDescent="0.25">
      <c r="A6747" s="7">
        <f t="shared" si="318"/>
        <v>44842.791666650322</v>
      </c>
      <c r="B6747" s="8">
        <v>-4.9800999999999998E-2</v>
      </c>
      <c r="C6747">
        <f t="shared" si="316"/>
        <v>19</v>
      </c>
      <c r="D6747">
        <f t="shared" si="317"/>
        <v>10</v>
      </c>
    </row>
    <row r="6748" spans="1:4" x14ac:dyDescent="0.25">
      <c r="A6748" s="7">
        <f t="shared" si="318"/>
        <v>44842.833333316987</v>
      </c>
      <c r="B6748" s="8">
        <v>-4.9800999999999998E-2</v>
      </c>
      <c r="C6748">
        <f t="shared" si="316"/>
        <v>20</v>
      </c>
      <c r="D6748">
        <f t="shared" si="317"/>
        <v>10</v>
      </c>
    </row>
    <row r="6749" spans="1:4" x14ac:dyDescent="0.25">
      <c r="A6749" s="7">
        <f t="shared" si="318"/>
        <v>44842.874999983651</v>
      </c>
      <c r="B6749" s="8">
        <v>-4.9800999999999998E-2</v>
      </c>
      <c r="C6749">
        <f t="shared" si="316"/>
        <v>21</v>
      </c>
      <c r="D6749">
        <f t="shared" si="317"/>
        <v>10</v>
      </c>
    </row>
    <row r="6750" spans="1:4" x14ac:dyDescent="0.25">
      <c r="A6750" s="7">
        <f t="shared" si="318"/>
        <v>44842.916666650315</v>
      </c>
      <c r="B6750" s="8">
        <v>-4.9800999999999998E-2</v>
      </c>
      <c r="C6750">
        <f t="shared" si="316"/>
        <v>22</v>
      </c>
      <c r="D6750">
        <f t="shared" si="317"/>
        <v>10</v>
      </c>
    </row>
    <row r="6751" spans="1:4" x14ac:dyDescent="0.25">
      <c r="A6751" s="7">
        <f t="shared" si="318"/>
        <v>44842.958333316979</v>
      </c>
      <c r="B6751" s="8">
        <v>-4.9800999999999998E-2</v>
      </c>
      <c r="C6751">
        <f t="shared" si="316"/>
        <v>23</v>
      </c>
      <c r="D6751">
        <f t="shared" si="317"/>
        <v>10</v>
      </c>
    </row>
    <row r="6752" spans="1:4" x14ac:dyDescent="0.25">
      <c r="A6752" s="7">
        <f t="shared" si="318"/>
        <v>44842.999999983644</v>
      </c>
      <c r="B6752" s="8">
        <v>-4.9800999999999998E-2</v>
      </c>
      <c r="C6752">
        <f t="shared" si="316"/>
        <v>0</v>
      </c>
      <c r="D6752">
        <f t="shared" si="317"/>
        <v>10</v>
      </c>
    </row>
    <row r="6753" spans="1:4" x14ac:dyDescent="0.25">
      <c r="A6753" s="7">
        <f t="shared" si="318"/>
        <v>44843.041666650308</v>
      </c>
      <c r="B6753" s="8">
        <v>-4.9800999999999998E-2</v>
      </c>
      <c r="C6753">
        <f t="shared" si="316"/>
        <v>1</v>
      </c>
      <c r="D6753">
        <f t="shared" si="317"/>
        <v>10</v>
      </c>
    </row>
    <row r="6754" spans="1:4" x14ac:dyDescent="0.25">
      <c r="A6754" s="7">
        <f t="shared" si="318"/>
        <v>44843.083333316972</v>
      </c>
      <c r="B6754" s="8">
        <v>-4.9800999999999998E-2</v>
      </c>
      <c r="C6754">
        <f t="shared" si="316"/>
        <v>2</v>
      </c>
      <c r="D6754">
        <f t="shared" si="317"/>
        <v>10</v>
      </c>
    </row>
    <row r="6755" spans="1:4" x14ac:dyDescent="0.25">
      <c r="A6755" s="7">
        <f t="shared" si="318"/>
        <v>44843.124999983636</v>
      </c>
      <c r="B6755" s="8">
        <v>-4.9800999999999998E-2</v>
      </c>
      <c r="C6755">
        <f t="shared" si="316"/>
        <v>3</v>
      </c>
      <c r="D6755">
        <f t="shared" si="317"/>
        <v>10</v>
      </c>
    </row>
    <row r="6756" spans="1:4" x14ac:dyDescent="0.25">
      <c r="A6756" s="7">
        <f t="shared" si="318"/>
        <v>44843.166666650301</v>
      </c>
      <c r="B6756" s="8">
        <v>-4.9800999999999998E-2</v>
      </c>
      <c r="C6756">
        <f t="shared" si="316"/>
        <v>4</v>
      </c>
      <c r="D6756">
        <f t="shared" si="317"/>
        <v>10</v>
      </c>
    </row>
    <row r="6757" spans="1:4" x14ac:dyDescent="0.25">
      <c r="A6757" s="7">
        <f t="shared" si="318"/>
        <v>44843.208333316965</v>
      </c>
      <c r="B6757" s="8">
        <v>-4.9800999999999998E-2</v>
      </c>
      <c r="C6757">
        <f t="shared" si="316"/>
        <v>5</v>
      </c>
      <c r="D6757">
        <f t="shared" si="317"/>
        <v>10</v>
      </c>
    </row>
    <row r="6758" spans="1:4" x14ac:dyDescent="0.25">
      <c r="A6758" s="7">
        <f t="shared" si="318"/>
        <v>44843.249999983629</v>
      </c>
      <c r="B6758" s="8">
        <v>-4.9800999999999998E-2</v>
      </c>
      <c r="C6758">
        <f t="shared" si="316"/>
        <v>6</v>
      </c>
      <c r="D6758">
        <f t="shared" si="317"/>
        <v>10</v>
      </c>
    </row>
    <row r="6759" spans="1:4" x14ac:dyDescent="0.25">
      <c r="A6759" s="7">
        <f t="shared" si="318"/>
        <v>44843.291666650293</v>
      </c>
      <c r="B6759" s="8">
        <v>-4.9800999999999998E-2</v>
      </c>
      <c r="C6759">
        <f t="shared" si="316"/>
        <v>7</v>
      </c>
      <c r="D6759">
        <f t="shared" si="317"/>
        <v>10</v>
      </c>
    </row>
    <row r="6760" spans="1:4" x14ac:dyDescent="0.25">
      <c r="A6760" s="7">
        <f t="shared" si="318"/>
        <v>44843.333333316958</v>
      </c>
      <c r="B6760" s="8">
        <v>0.40464032980906539</v>
      </c>
      <c r="C6760">
        <f t="shared" si="316"/>
        <v>8</v>
      </c>
      <c r="D6760">
        <f t="shared" si="317"/>
        <v>10</v>
      </c>
    </row>
    <row r="6761" spans="1:4" x14ac:dyDescent="0.25">
      <c r="A6761" s="7">
        <f t="shared" si="318"/>
        <v>44843.374999983622</v>
      </c>
      <c r="B6761" s="8">
        <v>1.2121390549097497</v>
      </c>
      <c r="C6761">
        <f t="shared" si="316"/>
        <v>9</v>
      </c>
      <c r="D6761">
        <f t="shared" si="317"/>
        <v>10</v>
      </c>
    </row>
    <row r="6762" spans="1:4" x14ac:dyDescent="0.25">
      <c r="A6762" s="7">
        <f t="shared" si="318"/>
        <v>44843.416666650286</v>
      </c>
      <c r="B6762" s="8">
        <v>1.9259589368075281</v>
      </c>
      <c r="C6762">
        <f t="shared" si="316"/>
        <v>10</v>
      </c>
      <c r="D6762">
        <f t="shared" si="317"/>
        <v>10</v>
      </c>
    </row>
    <row r="6763" spans="1:4" x14ac:dyDescent="0.25">
      <c r="A6763" s="7">
        <f t="shared" si="318"/>
        <v>44843.45833331695</v>
      </c>
      <c r="B6763" s="8">
        <v>8.3932908437450369</v>
      </c>
      <c r="C6763">
        <f t="shared" si="316"/>
        <v>11</v>
      </c>
      <c r="D6763">
        <f t="shared" si="317"/>
        <v>10</v>
      </c>
    </row>
    <row r="6764" spans="1:4" x14ac:dyDescent="0.25">
      <c r="A6764" s="7">
        <f t="shared" si="318"/>
        <v>44843.499999983615</v>
      </c>
      <c r="B6764" s="8">
        <v>10.826541493708486</v>
      </c>
      <c r="C6764">
        <f t="shared" si="316"/>
        <v>12</v>
      </c>
      <c r="D6764">
        <f t="shared" si="317"/>
        <v>10</v>
      </c>
    </row>
    <row r="6765" spans="1:4" x14ac:dyDescent="0.25">
      <c r="A6765" s="7">
        <f t="shared" si="318"/>
        <v>44843.541666650279</v>
      </c>
      <c r="B6765" s="8">
        <v>7.8344518565436516</v>
      </c>
      <c r="C6765">
        <f t="shared" si="316"/>
        <v>13</v>
      </c>
      <c r="D6765">
        <f t="shared" si="317"/>
        <v>10</v>
      </c>
    </row>
    <row r="6766" spans="1:4" x14ac:dyDescent="0.25">
      <c r="A6766" s="7">
        <f t="shared" si="318"/>
        <v>44843.583333316943</v>
      </c>
      <c r="B6766" s="8">
        <v>3.993610009683366</v>
      </c>
      <c r="C6766">
        <f t="shared" si="316"/>
        <v>14</v>
      </c>
      <c r="D6766">
        <f t="shared" si="317"/>
        <v>10</v>
      </c>
    </row>
    <row r="6767" spans="1:4" x14ac:dyDescent="0.25">
      <c r="A6767" s="7">
        <f t="shared" si="318"/>
        <v>44843.624999983607</v>
      </c>
      <c r="B6767" s="8">
        <v>3.944268253201427</v>
      </c>
      <c r="C6767">
        <f t="shared" si="316"/>
        <v>15</v>
      </c>
      <c r="D6767">
        <f t="shared" si="317"/>
        <v>10</v>
      </c>
    </row>
    <row r="6768" spans="1:4" x14ac:dyDescent="0.25">
      <c r="A6768" s="7">
        <f t="shared" si="318"/>
        <v>44843.666666650272</v>
      </c>
      <c r="B6768" s="8">
        <v>3.5264370732542476</v>
      </c>
      <c r="C6768">
        <f t="shared" si="316"/>
        <v>16</v>
      </c>
      <c r="D6768">
        <f t="shared" si="317"/>
        <v>10</v>
      </c>
    </row>
    <row r="6769" spans="1:4" x14ac:dyDescent="0.25">
      <c r="A6769" s="7">
        <f t="shared" si="318"/>
        <v>44843.708333316936</v>
      </c>
      <c r="B6769" s="8">
        <v>3.266467358839936</v>
      </c>
      <c r="C6769">
        <f t="shared" si="316"/>
        <v>17</v>
      </c>
      <c r="D6769">
        <f t="shared" si="317"/>
        <v>10</v>
      </c>
    </row>
    <row r="6770" spans="1:4" x14ac:dyDescent="0.25">
      <c r="A6770" s="7">
        <f t="shared" si="318"/>
        <v>44843.7499999836</v>
      </c>
      <c r="B6770" s="8">
        <v>0.45442628165076099</v>
      </c>
      <c r="C6770">
        <f t="shared" si="316"/>
        <v>18</v>
      </c>
      <c r="D6770">
        <f t="shared" si="317"/>
        <v>10</v>
      </c>
    </row>
    <row r="6771" spans="1:4" x14ac:dyDescent="0.25">
      <c r="A6771" s="7">
        <f t="shared" si="318"/>
        <v>44843.791666650264</v>
      </c>
      <c r="B6771" s="8">
        <v>-4.9800999999999998E-2</v>
      </c>
      <c r="C6771">
        <f t="shared" si="316"/>
        <v>19</v>
      </c>
      <c r="D6771">
        <f t="shared" si="317"/>
        <v>10</v>
      </c>
    </row>
    <row r="6772" spans="1:4" x14ac:dyDescent="0.25">
      <c r="A6772" s="7">
        <f t="shared" si="318"/>
        <v>44843.833333316928</v>
      </c>
      <c r="B6772" s="8">
        <v>-4.9800999999999998E-2</v>
      </c>
      <c r="C6772">
        <f t="shared" si="316"/>
        <v>20</v>
      </c>
      <c r="D6772">
        <f t="shared" si="317"/>
        <v>10</v>
      </c>
    </row>
    <row r="6773" spans="1:4" x14ac:dyDescent="0.25">
      <c r="A6773" s="7">
        <f t="shared" si="318"/>
        <v>44843.874999983593</v>
      </c>
      <c r="B6773" s="8">
        <v>-4.9800999999999998E-2</v>
      </c>
      <c r="C6773">
        <f t="shared" si="316"/>
        <v>21</v>
      </c>
      <c r="D6773">
        <f t="shared" si="317"/>
        <v>10</v>
      </c>
    </row>
    <row r="6774" spans="1:4" x14ac:dyDescent="0.25">
      <c r="A6774" s="7">
        <f t="shared" si="318"/>
        <v>44843.916666650257</v>
      </c>
      <c r="B6774" s="8">
        <v>-4.9800999999999998E-2</v>
      </c>
      <c r="C6774">
        <f t="shared" si="316"/>
        <v>22</v>
      </c>
      <c r="D6774">
        <f t="shared" si="317"/>
        <v>10</v>
      </c>
    </row>
    <row r="6775" spans="1:4" x14ac:dyDescent="0.25">
      <c r="A6775" s="7">
        <f t="shared" si="318"/>
        <v>44843.958333316921</v>
      </c>
      <c r="B6775" s="8">
        <v>-4.9800999999999998E-2</v>
      </c>
      <c r="C6775">
        <f t="shared" si="316"/>
        <v>23</v>
      </c>
      <c r="D6775">
        <f t="shared" si="317"/>
        <v>10</v>
      </c>
    </row>
    <row r="6776" spans="1:4" x14ac:dyDescent="0.25">
      <c r="A6776" s="7">
        <f t="shared" si="318"/>
        <v>44843.999999983585</v>
      </c>
      <c r="B6776" s="8">
        <v>-4.9800999999999998E-2</v>
      </c>
      <c r="C6776">
        <f t="shared" si="316"/>
        <v>0</v>
      </c>
      <c r="D6776">
        <f t="shared" si="317"/>
        <v>10</v>
      </c>
    </row>
    <row r="6777" spans="1:4" x14ac:dyDescent="0.25">
      <c r="A6777" s="7">
        <f t="shared" si="318"/>
        <v>44844.04166665025</v>
      </c>
      <c r="B6777" s="8">
        <v>-4.9800999999999998E-2</v>
      </c>
      <c r="C6777">
        <f t="shared" si="316"/>
        <v>1</v>
      </c>
      <c r="D6777">
        <f t="shared" si="317"/>
        <v>10</v>
      </c>
    </row>
    <row r="6778" spans="1:4" x14ac:dyDescent="0.25">
      <c r="A6778" s="7">
        <f t="shared" si="318"/>
        <v>44844.083333316914</v>
      </c>
      <c r="B6778" s="8">
        <v>-4.9800999999999998E-2</v>
      </c>
      <c r="C6778">
        <f t="shared" si="316"/>
        <v>2</v>
      </c>
      <c r="D6778">
        <f t="shared" si="317"/>
        <v>10</v>
      </c>
    </row>
    <row r="6779" spans="1:4" x14ac:dyDescent="0.25">
      <c r="A6779" s="7">
        <f t="shared" si="318"/>
        <v>44844.124999983578</v>
      </c>
      <c r="B6779" s="8">
        <v>-4.9800999999999998E-2</v>
      </c>
      <c r="C6779">
        <f t="shared" si="316"/>
        <v>3</v>
      </c>
      <c r="D6779">
        <f t="shared" si="317"/>
        <v>10</v>
      </c>
    </row>
    <row r="6780" spans="1:4" x14ac:dyDescent="0.25">
      <c r="A6780" s="7">
        <f t="shared" si="318"/>
        <v>44844.166666650242</v>
      </c>
      <c r="B6780" s="8">
        <v>-4.9800999999999998E-2</v>
      </c>
      <c r="C6780">
        <f t="shared" si="316"/>
        <v>4</v>
      </c>
      <c r="D6780">
        <f t="shared" si="317"/>
        <v>10</v>
      </c>
    </row>
    <row r="6781" spans="1:4" x14ac:dyDescent="0.25">
      <c r="A6781" s="7">
        <f t="shared" si="318"/>
        <v>44844.208333316907</v>
      </c>
      <c r="B6781" s="8">
        <v>-4.9800999999999998E-2</v>
      </c>
      <c r="C6781">
        <f t="shared" si="316"/>
        <v>5</v>
      </c>
      <c r="D6781">
        <f t="shared" si="317"/>
        <v>10</v>
      </c>
    </row>
    <row r="6782" spans="1:4" x14ac:dyDescent="0.25">
      <c r="A6782" s="7">
        <f t="shared" si="318"/>
        <v>44844.249999983571</v>
      </c>
      <c r="B6782" s="8">
        <v>-4.9800999999999998E-2</v>
      </c>
      <c r="C6782">
        <f t="shared" si="316"/>
        <v>6</v>
      </c>
      <c r="D6782">
        <f t="shared" si="317"/>
        <v>10</v>
      </c>
    </row>
    <row r="6783" spans="1:4" x14ac:dyDescent="0.25">
      <c r="A6783" s="7">
        <f t="shared" si="318"/>
        <v>44844.291666650235</v>
      </c>
      <c r="B6783" s="8">
        <v>-4.9800999999999998E-2</v>
      </c>
      <c r="C6783">
        <f t="shared" si="316"/>
        <v>7</v>
      </c>
      <c r="D6783">
        <f t="shared" si="317"/>
        <v>10</v>
      </c>
    </row>
    <row r="6784" spans="1:4" x14ac:dyDescent="0.25">
      <c r="A6784" s="7">
        <f t="shared" si="318"/>
        <v>44844.333333316899</v>
      </c>
      <c r="B6784" s="8">
        <v>2.1944580266217177</v>
      </c>
      <c r="C6784">
        <f t="shared" si="316"/>
        <v>8</v>
      </c>
      <c r="D6784">
        <f t="shared" si="317"/>
        <v>10</v>
      </c>
    </row>
    <row r="6785" spans="1:4" x14ac:dyDescent="0.25">
      <c r="A6785" s="7">
        <f t="shared" si="318"/>
        <v>44844.374999983564</v>
      </c>
      <c r="B6785" s="8">
        <v>4.4273374059388706</v>
      </c>
      <c r="C6785">
        <f t="shared" si="316"/>
        <v>9</v>
      </c>
      <c r="D6785">
        <f t="shared" si="317"/>
        <v>10</v>
      </c>
    </row>
    <row r="6786" spans="1:4" x14ac:dyDescent="0.25">
      <c r="A6786" s="7">
        <f t="shared" si="318"/>
        <v>44844.416666650228</v>
      </c>
      <c r="B6786" s="8">
        <v>12.504237479655012</v>
      </c>
      <c r="C6786">
        <f t="shared" si="316"/>
        <v>10</v>
      </c>
      <c r="D6786">
        <f t="shared" si="317"/>
        <v>10</v>
      </c>
    </row>
    <row r="6787" spans="1:4" x14ac:dyDescent="0.25">
      <c r="A6787" s="7">
        <f t="shared" si="318"/>
        <v>44844.458333316892</v>
      </c>
      <c r="B6787" s="8">
        <v>13.301710375382813</v>
      </c>
      <c r="C6787">
        <f t="shared" si="316"/>
        <v>11</v>
      </c>
      <c r="D6787">
        <f t="shared" si="317"/>
        <v>10</v>
      </c>
    </row>
    <row r="6788" spans="1:4" x14ac:dyDescent="0.25">
      <c r="A6788" s="7">
        <f t="shared" si="318"/>
        <v>44844.499999983556</v>
      </c>
      <c r="B6788" s="8">
        <v>15.956539274919971</v>
      </c>
      <c r="C6788">
        <f t="shared" si="316"/>
        <v>12</v>
      </c>
      <c r="D6788">
        <f t="shared" si="317"/>
        <v>10</v>
      </c>
    </row>
    <row r="6789" spans="1:4" x14ac:dyDescent="0.25">
      <c r="A6789" s="7">
        <f t="shared" si="318"/>
        <v>44844.541666650221</v>
      </c>
      <c r="B6789" s="8">
        <v>20.451289252742114</v>
      </c>
      <c r="C6789">
        <f t="shared" si="316"/>
        <v>13</v>
      </c>
      <c r="D6789">
        <f t="shared" si="317"/>
        <v>10</v>
      </c>
    </row>
    <row r="6790" spans="1:4" x14ac:dyDescent="0.25">
      <c r="A6790" s="7">
        <f t="shared" si="318"/>
        <v>44844.583333316885</v>
      </c>
      <c r="B6790" s="8">
        <v>17.047103811910951</v>
      </c>
      <c r="C6790">
        <f t="shared" si="316"/>
        <v>14</v>
      </c>
      <c r="D6790">
        <f t="shared" si="317"/>
        <v>10</v>
      </c>
    </row>
    <row r="6791" spans="1:4" x14ac:dyDescent="0.25">
      <c r="A6791" s="7">
        <f t="shared" si="318"/>
        <v>44844.624999983549</v>
      </c>
      <c r="B6791" s="8">
        <v>18.501839492651673</v>
      </c>
      <c r="C6791">
        <f t="shared" si="316"/>
        <v>15</v>
      </c>
      <c r="D6791">
        <f t="shared" si="317"/>
        <v>10</v>
      </c>
    </row>
    <row r="6792" spans="1:4" x14ac:dyDescent="0.25">
      <c r="A6792" s="7">
        <f t="shared" si="318"/>
        <v>44844.666666650213</v>
      </c>
      <c r="B6792" s="8">
        <v>14.22214912020263</v>
      </c>
      <c r="C6792">
        <f t="shared" si="316"/>
        <v>16</v>
      </c>
      <c r="D6792">
        <f t="shared" si="317"/>
        <v>10</v>
      </c>
    </row>
    <row r="6793" spans="1:4" x14ac:dyDescent="0.25">
      <c r="A6793" s="7">
        <f t="shared" si="318"/>
        <v>44844.708333316878</v>
      </c>
      <c r="B6793" s="8">
        <v>7.8033623038234126</v>
      </c>
      <c r="C6793">
        <f t="shared" si="316"/>
        <v>17</v>
      </c>
      <c r="D6793">
        <f t="shared" si="317"/>
        <v>10</v>
      </c>
    </row>
    <row r="6794" spans="1:4" x14ac:dyDescent="0.25">
      <c r="A6794" s="7">
        <f t="shared" si="318"/>
        <v>44844.749999983542</v>
      </c>
      <c r="B6794" s="8">
        <v>1.4576945783691704</v>
      </c>
      <c r="C6794">
        <f t="shared" ref="C6794:C6857" si="319">HOUR(A6794)</f>
        <v>18</v>
      </c>
      <c r="D6794">
        <f t="shared" ref="D6794:D6857" si="320">MONTH(A6794)</f>
        <v>10</v>
      </c>
    </row>
    <row r="6795" spans="1:4" x14ac:dyDescent="0.25">
      <c r="A6795" s="7">
        <f t="shared" ref="A6795:A6858" si="321">+A6794+1/24</f>
        <v>44844.791666650206</v>
      </c>
      <c r="B6795" s="8">
        <v>-4.9800999999999998E-2</v>
      </c>
      <c r="C6795">
        <f t="shared" si="319"/>
        <v>19</v>
      </c>
      <c r="D6795">
        <f t="shared" si="320"/>
        <v>10</v>
      </c>
    </row>
    <row r="6796" spans="1:4" x14ac:dyDescent="0.25">
      <c r="A6796" s="7">
        <f t="shared" si="321"/>
        <v>44844.83333331687</v>
      </c>
      <c r="B6796" s="8">
        <v>-4.9800999999999998E-2</v>
      </c>
      <c r="C6796">
        <f t="shared" si="319"/>
        <v>20</v>
      </c>
      <c r="D6796">
        <f t="shared" si="320"/>
        <v>10</v>
      </c>
    </row>
    <row r="6797" spans="1:4" x14ac:dyDescent="0.25">
      <c r="A6797" s="7">
        <f t="shared" si="321"/>
        <v>44844.874999983535</v>
      </c>
      <c r="B6797" s="8">
        <v>-4.9800999999999998E-2</v>
      </c>
      <c r="C6797">
        <f t="shared" si="319"/>
        <v>21</v>
      </c>
      <c r="D6797">
        <f t="shared" si="320"/>
        <v>10</v>
      </c>
    </row>
    <row r="6798" spans="1:4" x14ac:dyDescent="0.25">
      <c r="A6798" s="7">
        <f t="shared" si="321"/>
        <v>44844.916666650199</v>
      </c>
      <c r="B6798" s="8">
        <v>-4.9800999999999998E-2</v>
      </c>
      <c r="C6798">
        <f t="shared" si="319"/>
        <v>22</v>
      </c>
      <c r="D6798">
        <f t="shared" si="320"/>
        <v>10</v>
      </c>
    </row>
    <row r="6799" spans="1:4" x14ac:dyDescent="0.25">
      <c r="A6799" s="7">
        <f t="shared" si="321"/>
        <v>44844.958333316863</v>
      </c>
      <c r="B6799" s="8">
        <v>-4.9800999999999998E-2</v>
      </c>
      <c r="C6799">
        <f t="shared" si="319"/>
        <v>23</v>
      </c>
      <c r="D6799">
        <f t="shared" si="320"/>
        <v>10</v>
      </c>
    </row>
    <row r="6800" spans="1:4" x14ac:dyDescent="0.25">
      <c r="A6800" s="7">
        <f t="shared" si="321"/>
        <v>44844.999999983527</v>
      </c>
      <c r="B6800" s="8">
        <v>-4.9800999999999998E-2</v>
      </c>
      <c r="C6800">
        <f t="shared" si="319"/>
        <v>0</v>
      </c>
      <c r="D6800">
        <f t="shared" si="320"/>
        <v>10</v>
      </c>
    </row>
    <row r="6801" spans="1:4" x14ac:dyDescent="0.25">
      <c r="A6801" s="7">
        <f t="shared" si="321"/>
        <v>44845.041666650191</v>
      </c>
      <c r="B6801" s="8">
        <v>-4.9800999999999998E-2</v>
      </c>
      <c r="C6801">
        <f t="shared" si="319"/>
        <v>1</v>
      </c>
      <c r="D6801">
        <f t="shared" si="320"/>
        <v>10</v>
      </c>
    </row>
    <row r="6802" spans="1:4" x14ac:dyDescent="0.25">
      <c r="A6802" s="7">
        <f t="shared" si="321"/>
        <v>44845.083333316856</v>
      </c>
      <c r="B6802" s="8">
        <v>-4.9800999999999998E-2</v>
      </c>
      <c r="C6802">
        <f t="shared" si="319"/>
        <v>2</v>
      </c>
      <c r="D6802">
        <f t="shared" si="320"/>
        <v>10</v>
      </c>
    </row>
    <row r="6803" spans="1:4" x14ac:dyDescent="0.25">
      <c r="A6803" s="7">
        <f t="shared" si="321"/>
        <v>44845.12499998352</v>
      </c>
      <c r="B6803" s="8">
        <v>-4.9800999999999998E-2</v>
      </c>
      <c r="C6803">
        <f t="shared" si="319"/>
        <v>3</v>
      </c>
      <c r="D6803">
        <f t="shared" si="320"/>
        <v>10</v>
      </c>
    </row>
    <row r="6804" spans="1:4" x14ac:dyDescent="0.25">
      <c r="A6804" s="7">
        <f t="shared" si="321"/>
        <v>44845.166666650184</v>
      </c>
      <c r="B6804" s="8">
        <v>-4.9800999999999998E-2</v>
      </c>
      <c r="C6804">
        <f t="shared" si="319"/>
        <v>4</v>
      </c>
      <c r="D6804">
        <f t="shared" si="320"/>
        <v>10</v>
      </c>
    </row>
    <row r="6805" spans="1:4" x14ac:dyDescent="0.25">
      <c r="A6805" s="7">
        <f t="shared" si="321"/>
        <v>44845.208333316848</v>
      </c>
      <c r="B6805" s="8">
        <v>-4.9800999999999998E-2</v>
      </c>
      <c r="C6805">
        <f t="shared" si="319"/>
        <v>5</v>
      </c>
      <c r="D6805">
        <f t="shared" si="320"/>
        <v>10</v>
      </c>
    </row>
    <row r="6806" spans="1:4" x14ac:dyDescent="0.25">
      <c r="A6806" s="7">
        <f t="shared" si="321"/>
        <v>44845.249999983513</v>
      </c>
      <c r="B6806" s="8">
        <v>-4.9800999999999998E-2</v>
      </c>
      <c r="C6806">
        <f t="shared" si="319"/>
        <v>6</v>
      </c>
      <c r="D6806">
        <f t="shared" si="320"/>
        <v>10</v>
      </c>
    </row>
    <row r="6807" spans="1:4" x14ac:dyDescent="0.25">
      <c r="A6807" s="7">
        <f t="shared" si="321"/>
        <v>44845.291666650177</v>
      </c>
      <c r="B6807" s="8">
        <v>-4.9800999999999998E-2</v>
      </c>
      <c r="C6807">
        <f t="shared" si="319"/>
        <v>7</v>
      </c>
      <c r="D6807">
        <f t="shared" si="320"/>
        <v>10</v>
      </c>
    </row>
    <row r="6808" spans="1:4" x14ac:dyDescent="0.25">
      <c r="A6808" s="7">
        <f t="shared" si="321"/>
        <v>44845.333333316841</v>
      </c>
      <c r="B6808" s="8">
        <v>1.9499557923912334</v>
      </c>
      <c r="C6808">
        <f t="shared" si="319"/>
        <v>8</v>
      </c>
      <c r="D6808">
        <f t="shared" si="320"/>
        <v>10</v>
      </c>
    </row>
    <row r="6809" spans="1:4" x14ac:dyDescent="0.25">
      <c r="A6809" s="7">
        <f t="shared" si="321"/>
        <v>44845.374999983505</v>
      </c>
      <c r="B6809" s="8">
        <v>4.7557059914459403</v>
      </c>
      <c r="C6809">
        <f t="shared" si="319"/>
        <v>9</v>
      </c>
      <c r="D6809">
        <f t="shared" si="320"/>
        <v>10</v>
      </c>
    </row>
    <row r="6810" spans="1:4" x14ac:dyDescent="0.25">
      <c r="A6810" s="7">
        <f t="shared" si="321"/>
        <v>44845.41666665017</v>
      </c>
      <c r="B6810" s="8">
        <v>8.5833930597170482</v>
      </c>
      <c r="C6810">
        <f t="shared" si="319"/>
        <v>10</v>
      </c>
      <c r="D6810">
        <f t="shared" si="320"/>
        <v>10</v>
      </c>
    </row>
    <row r="6811" spans="1:4" x14ac:dyDescent="0.25">
      <c r="A6811" s="7">
        <f t="shared" si="321"/>
        <v>44845.458333316834</v>
      </c>
      <c r="B6811" s="8">
        <v>20.225548346421174</v>
      </c>
      <c r="C6811">
        <f t="shared" si="319"/>
        <v>11</v>
      </c>
      <c r="D6811">
        <f t="shared" si="320"/>
        <v>10</v>
      </c>
    </row>
    <row r="6812" spans="1:4" x14ac:dyDescent="0.25">
      <c r="A6812" s="7">
        <f t="shared" si="321"/>
        <v>44845.499999983498</v>
      </c>
      <c r="B6812" s="8">
        <v>20.451285130279381</v>
      </c>
      <c r="C6812">
        <f t="shared" si="319"/>
        <v>12</v>
      </c>
      <c r="D6812">
        <f t="shared" si="320"/>
        <v>10</v>
      </c>
    </row>
    <row r="6813" spans="1:4" x14ac:dyDescent="0.25">
      <c r="A6813" s="7">
        <f t="shared" si="321"/>
        <v>44845.541666650162</v>
      </c>
      <c r="B6813" s="8">
        <v>20.451320171212632</v>
      </c>
      <c r="C6813">
        <f t="shared" si="319"/>
        <v>13</v>
      </c>
      <c r="D6813">
        <f t="shared" si="320"/>
        <v>10</v>
      </c>
    </row>
    <row r="6814" spans="1:4" x14ac:dyDescent="0.25">
      <c r="A6814" s="7">
        <f t="shared" si="321"/>
        <v>44845.583333316827</v>
      </c>
      <c r="B6814" s="8">
        <v>20.45130368136169</v>
      </c>
      <c r="C6814">
        <f t="shared" si="319"/>
        <v>14</v>
      </c>
      <c r="D6814">
        <f t="shared" si="320"/>
        <v>10</v>
      </c>
    </row>
    <row r="6815" spans="1:4" x14ac:dyDescent="0.25">
      <c r="A6815" s="7">
        <f t="shared" si="321"/>
        <v>44845.624999983491</v>
      </c>
      <c r="B6815" s="8">
        <v>19.070537349485157</v>
      </c>
      <c r="C6815">
        <f t="shared" si="319"/>
        <v>15</v>
      </c>
      <c r="D6815">
        <f t="shared" si="320"/>
        <v>10</v>
      </c>
    </row>
    <row r="6816" spans="1:4" x14ac:dyDescent="0.25">
      <c r="A6816" s="7">
        <f t="shared" si="321"/>
        <v>44845.666666650155</v>
      </c>
      <c r="B6816" s="8">
        <v>13.996865807245335</v>
      </c>
      <c r="C6816">
        <f t="shared" si="319"/>
        <v>16</v>
      </c>
      <c r="D6816">
        <f t="shared" si="320"/>
        <v>10</v>
      </c>
    </row>
    <row r="6817" spans="1:4" x14ac:dyDescent="0.25">
      <c r="A6817" s="7">
        <f t="shared" si="321"/>
        <v>44845.708333316819</v>
      </c>
      <c r="B6817" s="8">
        <v>7.1409217056146241</v>
      </c>
      <c r="C6817">
        <f t="shared" si="319"/>
        <v>17</v>
      </c>
      <c r="D6817">
        <f t="shared" si="320"/>
        <v>10</v>
      </c>
    </row>
    <row r="6818" spans="1:4" x14ac:dyDescent="0.25">
      <c r="A6818" s="7">
        <f t="shared" si="321"/>
        <v>44845.749999983484</v>
      </c>
      <c r="B6818" s="8">
        <v>1.1770888461163196</v>
      </c>
      <c r="C6818">
        <f t="shared" si="319"/>
        <v>18</v>
      </c>
      <c r="D6818">
        <f t="shared" si="320"/>
        <v>10</v>
      </c>
    </row>
    <row r="6819" spans="1:4" x14ac:dyDescent="0.25">
      <c r="A6819" s="7">
        <f t="shared" si="321"/>
        <v>44845.791666650148</v>
      </c>
      <c r="B6819" s="8">
        <v>-4.9800999999999998E-2</v>
      </c>
      <c r="C6819">
        <f t="shared" si="319"/>
        <v>19</v>
      </c>
      <c r="D6819">
        <f t="shared" si="320"/>
        <v>10</v>
      </c>
    </row>
    <row r="6820" spans="1:4" x14ac:dyDescent="0.25">
      <c r="A6820" s="7">
        <f t="shared" si="321"/>
        <v>44845.833333316812</v>
      </c>
      <c r="B6820" s="8">
        <v>-4.9800999999999998E-2</v>
      </c>
      <c r="C6820">
        <f t="shared" si="319"/>
        <v>20</v>
      </c>
      <c r="D6820">
        <f t="shared" si="320"/>
        <v>10</v>
      </c>
    </row>
    <row r="6821" spans="1:4" x14ac:dyDescent="0.25">
      <c r="A6821" s="7">
        <f t="shared" si="321"/>
        <v>44845.874999983476</v>
      </c>
      <c r="B6821" s="8">
        <v>-4.9800999999999998E-2</v>
      </c>
      <c r="C6821">
        <f t="shared" si="319"/>
        <v>21</v>
      </c>
      <c r="D6821">
        <f t="shared" si="320"/>
        <v>10</v>
      </c>
    </row>
    <row r="6822" spans="1:4" x14ac:dyDescent="0.25">
      <c r="A6822" s="7">
        <f t="shared" si="321"/>
        <v>44845.916666650141</v>
      </c>
      <c r="B6822" s="8">
        <v>-4.9800999999999998E-2</v>
      </c>
      <c r="C6822">
        <f t="shared" si="319"/>
        <v>22</v>
      </c>
      <c r="D6822">
        <f t="shared" si="320"/>
        <v>10</v>
      </c>
    </row>
    <row r="6823" spans="1:4" x14ac:dyDescent="0.25">
      <c r="A6823" s="7">
        <f t="shared" si="321"/>
        <v>44845.958333316805</v>
      </c>
      <c r="B6823" s="8">
        <v>-4.9800999999999998E-2</v>
      </c>
      <c r="C6823">
        <f t="shared" si="319"/>
        <v>23</v>
      </c>
      <c r="D6823">
        <f t="shared" si="320"/>
        <v>10</v>
      </c>
    </row>
    <row r="6824" spans="1:4" x14ac:dyDescent="0.25">
      <c r="A6824" s="7">
        <f t="shared" si="321"/>
        <v>44845.999999983469</v>
      </c>
      <c r="B6824" s="8">
        <v>-4.9800999999999998E-2</v>
      </c>
      <c r="C6824">
        <f t="shared" si="319"/>
        <v>0</v>
      </c>
      <c r="D6824">
        <f t="shared" si="320"/>
        <v>10</v>
      </c>
    </row>
    <row r="6825" spans="1:4" x14ac:dyDescent="0.25">
      <c r="A6825" s="7">
        <f t="shared" si="321"/>
        <v>44846.041666650133</v>
      </c>
      <c r="B6825" s="8">
        <v>-4.9800999999999998E-2</v>
      </c>
      <c r="C6825">
        <f t="shared" si="319"/>
        <v>1</v>
      </c>
      <c r="D6825">
        <f t="shared" si="320"/>
        <v>10</v>
      </c>
    </row>
    <row r="6826" spans="1:4" x14ac:dyDescent="0.25">
      <c r="A6826" s="7">
        <f t="shared" si="321"/>
        <v>44846.083333316798</v>
      </c>
      <c r="B6826" s="8">
        <v>-4.9800999999999998E-2</v>
      </c>
      <c r="C6826">
        <f t="shared" si="319"/>
        <v>2</v>
      </c>
      <c r="D6826">
        <f t="shared" si="320"/>
        <v>10</v>
      </c>
    </row>
    <row r="6827" spans="1:4" x14ac:dyDescent="0.25">
      <c r="A6827" s="7">
        <f t="shared" si="321"/>
        <v>44846.124999983462</v>
      </c>
      <c r="B6827" s="8">
        <v>-4.9800999999999998E-2</v>
      </c>
      <c r="C6827">
        <f t="shared" si="319"/>
        <v>3</v>
      </c>
      <c r="D6827">
        <f t="shared" si="320"/>
        <v>10</v>
      </c>
    </row>
    <row r="6828" spans="1:4" x14ac:dyDescent="0.25">
      <c r="A6828" s="7">
        <f t="shared" si="321"/>
        <v>44846.166666650126</v>
      </c>
      <c r="B6828" s="8">
        <v>-4.9800999999999998E-2</v>
      </c>
      <c r="C6828">
        <f t="shared" si="319"/>
        <v>4</v>
      </c>
      <c r="D6828">
        <f t="shared" si="320"/>
        <v>10</v>
      </c>
    </row>
    <row r="6829" spans="1:4" x14ac:dyDescent="0.25">
      <c r="A6829" s="7">
        <f t="shared" si="321"/>
        <v>44846.20833331679</v>
      </c>
      <c r="B6829" s="8">
        <v>-4.9800999999999998E-2</v>
      </c>
      <c r="C6829">
        <f t="shared" si="319"/>
        <v>5</v>
      </c>
      <c r="D6829">
        <f t="shared" si="320"/>
        <v>10</v>
      </c>
    </row>
    <row r="6830" spans="1:4" x14ac:dyDescent="0.25">
      <c r="A6830" s="7">
        <f t="shared" si="321"/>
        <v>44846.249999983454</v>
      </c>
      <c r="B6830" s="8">
        <v>-4.9800999999999998E-2</v>
      </c>
      <c r="C6830">
        <f t="shared" si="319"/>
        <v>6</v>
      </c>
      <c r="D6830">
        <f t="shared" si="320"/>
        <v>10</v>
      </c>
    </row>
    <row r="6831" spans="1:4" x14ac:dyDescent="0.25">
      <c r="A6831" s="7">
        <f t="shared" si="321"/>
        <v>44846.291666650119</v>
      </c>
      <c r="B6831" s="8">
        <v>-4.9800999999999998E-2</v>
      </c>
      <c r="C6831">
        <f t="shared" si="319"/>
        <v>7</v>
      </c>
      <c r="D6831">
        <f t="shared" si="320"/>
        <v>10</v>
      </c>
    </row>
    <row r="6832" spans="1:4" x14ac:dyDescent="0.25">
      <c r="A6832" s="7">
        <f t="shared" si="321"/>
        <v>44846.333333316783</v>
      </c>
      <c r="B6832" s="8">
        <v>2.2403956594997667</v>
      </c>
      <c r="C6832">
        <f t="shared" si="319"/>
        <v>8</v>
      </c>
      <c r="D6832">
        <f t="shared" si="320"/>
        <v>10</v>
      </c>
    </row>
    <row r="6833" spans="1:4" x14ac:dyDescent="0.25">
      <c r="A6833" s="7">
        <f t="shared" si="321"/>
        <v>44846.374999983447</v>
      </c>
      <c r="B6833" s="8">
        <v>4.8461940484915216</v>
      </c>
      <c r="C6833">
        <f t="shared" si="319"/>
        <v>9</v>
      </c>
      <c r="D6833">
        <f t="shared" si="320"/>
        <v>10</v>
      </c>
    </row>
    <row r="6834" spans="1:4" x14ac:dyDescent="0.25">
      <c r="A6834" s="7">
        <f t="shared" si="321"/>
        <v>44846.416666650111</v>
      </c>
      <c r="B6834" s="8">
        <v>13.490130626558713</v>
      </c>
      <c r="C6834">
        <f t="shared" si="319"/>
        <v>10</v>
      </c>
      <c r="D6834">
        <f t="shared" si="320"/>
        <v>10</v>
      </c>
    </row>
    <row r="6835" spans="1:4" x14ac:dyDescent="0.25">
      <c r="A6835" s="7">
        <f t="shared" si="321"/>
        <v>44846.458333316776</v>
      </c>
      <c r="B6835" s="8">
        <v>20.208194839535825</v>
      </c>
      <c r="C6835">
        <f t="shared" si="319"/>
        <v>11</v>
      </c>
      <c r="D6835">
        <f t="shared" si="320"/>
        <v>10</v>
      </c>
    </row>
    <row r="6836" spans="1:4" x14ac:dyDescent="0.25">
      <c r="A6836" s="7">
        <f t="shared" si="321"/>
        <v>44846.49999998344</v>
      </c>
      <c r="B6836" s="8">
        <v>20.451300589514638</v>
      </c>
      <c r="C6836">
        <f t="shared" si="319"/>
        <v>12</v>
      </c>
      <c r="D6836">
        <f t="shared" si="320"/>
        <v>10</v>
      </c>
    </row>
    <row r="6837" spans="1:4" x14ac:dyDescent="0.25">
      <c r="A6837" s="7">
        <f t="shared" si="321"/>
        <v>44846.541666650104</v>
      </c>
      <c r="B6837" s="8">
        <v>20.451288222126433</v>
      </c>
      <c r="C6837">
        <f t="shared" si="319"/>
        <v>13</v>
      </c>
      <c r="D6837">
        <f t="shared" si="320"/>
        <v>10</v>
      </c>
    </row>
    <row r="6838" spans="1:4" x14ac:dyDescent="0.25">
      <c r="A6838" s="7">
        <f t="shared" si="321"/>
        <v>44846.583333316768</v>
      </c>
      <c r="B6838" s="8">
        <v>20.451309865055794</v>
      </c>
      <c r="C6838">
        <f t="shared" si="319"/>
        <v>14</v>
      </c>
      <c r="D6838">
        <f t="shared" si="320"/>
        <v>10</v>
      </c>
    </row>
    <row r="6839" spans="1:4" x14ac:dyDescent="0.25">
      <c r="A6839" s="7">
        <f t="shared" si="321"/>
        <v>44846.624999983433</v>
      </c>
      <c r="B6839" s="8">
        <v>18.515035495868204</v>
      </c>
      <c r="C6839">
        <f t="shared" si="319"/>
        <v>15</v>
      </c>
      <c r="D6839">
        <f t="shared" si="320"/>
        <v>10</v>
      </c>
    </row>
    <row r="6840" spans="1:4" x14ac:dyDescent="0.25">
      <c r="A6840" s="7">
        <f t="shared" si="321"/>
        <v>44846.666666650097</v>
      </c>
      <c r="B6840" s="8">
        <v>13.567210373556881</v>
      </c>
      <c r="C6840">
        <f t="shared" si="319"/>
        <v>16</v>
      </c>
      <c r="D6840">
        <f t="shared" si="320"/>
        <v>10</v>
      </c>
    </row>
    <row r="6841" spans="1:4" x14ac:dyDescent="0.25">
      <c r="A6841" s="7">
        <f t="shared" si="321"/>
        <v>44846.708333316761</v>
      </c>
      <c r="B6841" s="8">
        <v>7.5284950396984645</v>
      </c>
      <c r="C6841">
        <f t="shared" si="319"/>
        <v>17</v>
      </c>
      <c r="D6841">
        <f t="shared" si="320"/>
        <v>10</v>
      </c>
    </row>
    <row r="6842" spans="1:4" x14ac:dyDescent="0.25">
      <c r="A6842" s="7">
        <f t="shared" si="321"/>
        <v>44846.749999983425</v>
      </c>
      <c r="B6842" s="8">
        <v>1.2302954114128475</v>
      </c>
      <c r="C6842">
        <f t="shared" si="319"/>
        <v>18</v>
      </c>
      <c r="D6842">
        <f t="shared" si="320"/>
        <v>10</v>
      </c>
    </row>
    <row r="6843" spans="1:4" x14ac:dyDescent="0.25">
      <c r="A6843" s="7">
        <f t="shared" si="321"/>
        <v>44846.79166665009</v>
      </c>
      <c r="B6843" s="8">
        <v>-4.9800999999999998E-2</v>
      </c>
      <c r="C6843">
        <f t="shared" si="319"/>
        <v>19</v>
      </c>
      <c r="D6843">
        <f t="shared" si="320"/>
        <v>10</v>
      </c>
    </row>
    <row r="6844" spans="1:4" x14ac:dyDescent="0.25">
      <c r="A6844" s="7">
        <f t="shared" si="321"/>
        <v>44846.833333316754</v>
      </c>
      <c r="B6844" s="8">
        <v>-4.9800999999999998E-2</v>
      </c>
      <c r="C6844">
        <f t="shared" si="319"/>
        <v>20</v>
      </c>
      <c r="D6844">
        <f t="shared" si="320"/>
        <v>10</v>
      </c>
    </row>
    <row r="6845" spans="1:4" x14ac:dyDescent="0.25">
      <c r="A6845" s="7">
        <f t="shared" si="321"/>
        <v>44846.874999983418</v>
      </c>
      <c r="B6845" s="8">
        <v>-4.9800999999999998E-2</v>
      </c>
      <c r="C6845">
        <f t="shared" si="319"/>
        <v>21</v>
      </c>
      <c r="D6845">
        <f t="shared" si="320"/>
        <v>10</v>
      </c>
    </row>
    <row r="6846" spans="1:4" x14ac:dyDescent="0.25">
      <c r="A6846" s="7">
        <f t="shared" si="321"/>
        <v>44846.916666650082</v>
      </c>
      <c r="B6846" s="8">
        <v>-4.9800999999999998E-2</v>
      </c>
      <c r="C6846">
        <f t="shared" si="319"/>
        <v>22</v>
      </c>
      <c r="D6846">
        <f t="shared" si="320"/>
        <v>10</v>
      </c>
    </row>
    <row r="6847" spans="1:4" x14ac:dyDescent="0.25">
      <c r="A6847" s="7">
        <f t="shared" si="321"/>
        <v>44846.958333316747</v>
      </c>
      <c r="B6847" s="8">
        <v>-4.9800999999999998E-2</v>
      </c>
      <c r="C6847">
        <f t="shared" si="319"/>
        <v>23</v>
      </c>
      <c r="D6847">
        <f t="shared" si="320"/>
        <v>10</v>
      </c>
    </row>
    <row r="6848" spans="1:4" x14ac:dyDescent="0.25">
      <c r="A6848" s="7">
        <f t="shared" si="321"/>
        <v>44846.999999983411</v>
      </c>
      <c r="B6848" s="8">
        <v>-4.9800999999999998E-2</v>
      </c>
      <c r="C6848">
        <f t="shared" si="319"/>
        <v>0</v>
      </c>
      <c r="D6848">
        <f t="shared" si="320"/>
        <v>10</v>
      </c>
    </row>
    <row r="6849" spans="1:4" x14ac:dyDescent="0.25">
      <c r="A6849" s="7">
        <f t="shared" si="321"/>
        <v>44847.041666650075</v>
      </c>
      <c r="B6849" s="8">
        <v>-4.9800999999999998E-2</v>
      </c>
      <c r="C6849">
        <f t="shared" si="319"/>
        <v>1</v>
      </c>
      <c r="D6849">
        <f t="shared" si="320"/>
        <v>10</v>
      </c>
    </row>
    <row r="6850" spans="1:4" x14ac:dyDescent="0.25">
      <c r="A6850" s="7">
        <f t="shared" si="321"/>
        <v>44847.083333316739</v>
      </c>
      <c r="B6850" s="8">
        <v>-4.9800999999999998E-2</v>
      </c>
      <c r="C6850">
        <f t="shared" si="319"/>
        <v>2</v>
      </c>
      <c r="D6850">
        <f t="shared" si="320"/>
        <v>10</v>
      </c>
    </row>
    <row r="6851" spans="1:4" x14ac:dyDescent="0.25">
      <c r="A6851" s="7">
        <f t="shared" si="321"/>
        <v>44847.124999983404</v>
      </c>
      <c r="B6851" s="8">
        <v>-4.9800999999999998E-2</v>
      </c>
      <c r="C6851">
        <f t="shared" si="319"/>
        <v>3</v>
      </c>
      <c r="D6851">
        <f t="shared" si="320"/>
        <v>10</v>
      </c>
    </row>
    <row r="6852" spans="1:4" x14ac:dyDescent="0.25">
      <c r="A6852" s="7">
        <f t="shared" si="321"/>
        <v>44847.166666650068</v>
      </c>
      <c r="B6852" s="8">
        <v>-4.9800999999999998E-2</v>
      </c>
      <c r="C6852">
        <f t="shared" si="319"/>
        <v>4</v>
      </c>
      <c r="D6852">
        <f t="shared" si="320"/>
        <v>10</v>
      </c>
    </row>
    <row r="6853" spans="1:4" x14ac:dyDescent="0.25">
      <c r="A6853" s="7">
        <f t="shared" si="321"/>
        <v>44847.208333316732</v>
      </c>
      <c r="B6853" s="8">
        <v>-4.9800999999999998E-2</v>
      </c>
      <c r="C6853">
        <f t="shared" si="319"/>
        <v>5</v>
      </c>
      <c r="D6853">
        <f t="shared" si="320"/>
        <v>10</v>
      </c>
    </row>
    <row r="6854" spans="1:4" x14ac:dyDescent="0.25">
      <c r="A6854" s="7">
        <f t="shared" si="321"/>
        <v>44847.249999983396</v>
      </c>
      <c r="B6854" s="8">
        <v>-4.9800999999999998E-2</v>
      </c>
      <c r="C6854">
        <f t="shared" si="319"/>
        <v>6</v>
      </c>
      <c r="D6854">
        <f t="shared" si="320"/>
        <v>10</v>
      </c>
    </row>
    <row r="6855" spans="1:4" x14ac:dyDescent="0.25">
      <c r="A6855" s="7">
        <f t="shared" si="321"/>
        <v>44847.291666650061</v>
      </c>
      <c r="B6855" s="8">
        <v>-4.9800999999999998E-2</v>
      </c>
      <c r="C6855">
        <f t="shared" si="319"/>
        <v>7</v>
      </c>
      <c r="D6855">
        <f t="shared" si="320"/>
        <v>10</v>
      </c>
    </row>
    <row r="6856" spans="1:4" x14ac:dyDescent="0.25">
      <c r="A6856" s="7">
        <f t="shared" si="321"/>
        <v>44847.333333316725</v>
      </c>
      <c r="B6856" s="8">
        <v>2.8212207710855868</v>
      </c>
      <c r="C6856">
        <f t="shared" si="319"/>
        <v>8</v>
      </c>
      <c r="D6856">
        <f t="shared" si="320"/>
        <v>10</v>
      </c>
    </row>
    <row r="6857" spans="1:4" x14ac:dyDescent="0.25">
      <c r="A6857" s="7">
        <f t="shared" si="321"/>
        <v>44847.374999983389</v>
      </c>
      <c r="B6857" s="8">
        <v>10.010382505016072</v>
      </c>
      <c r="C6857">
        <f t="shared" si="319"/>
        <v>9</v>
      </c>
      <c r="D6857">
        <f t="shared" si="320"/>
        <v>10</v>
      </c>
    </row>
    <row r="6858" spans="1:4" x14ac:dyDescent="0.25">
      <c r="A6858" s="7">
        <f t="shared" si="321"/>
        <v>44847.416666650053</v>
      </c>
      <c r="B6858" s="8">
        <v>15.433686295552988</v>
      </c>
      <c r="C6858">
        <f t="shared" ref="C6858:C6921" si="322">HOUR(A6858)</f>
        <v>10</v>
      </c>
      <c r="D6858">
        <f t="shared" ref="D6858:D6921" si="323">MONTH(A6858)</f>
        <v>10</v>
      </c>
    </row>
    <row r="6859" spans="1:4" x14ac:dyDescent="0.25">
      <c r="A6859" s="7">
        <f t="shared" ref="A6859:A6922" si="324">+A6858+1/24</f>
        <v>44847.458333316717</v>
      </c>
      <c r="B6859" s="8">
        <v>18.480811840853256</v>
      </c>
      <c r="C6859">
        <f t="shared" si="322"/>
        <v>11</v>
      </c>
      <c r="D6859">
        <f t="shared" si="323"/>
        <v>10</v>
      </c>
    </row>
    <row r="6860" spans="1:4" x14ac:dyDescent="0.25">
      <c r="A6860" s="7">
        <f t="shared" si="324"/>
        <v>44847.499999983382</v>
      </c>
      <c r="B6860" s="8">
        <v>18.941911359057208</v>
      </c>
      <c r="C6860">
        <f t="shared" si="322"/>
        <v>12</v>
      </c>
      <c r="D6860">
        <f t="shared" si="323"/>
        <v>10</v>
      </c>
    </row>
    <row r="6861" spans="1:4" x14ac:dyDescent="0.25">
      <c r="A6861" s="7">
        <f t="shared" si="324"/>
        <v>44847.541666650046</v>
      </c>
      <c r="B6861" s="8">
        <v>5.8026930054749819</v>
      </c>
      <c r="C6861">
        <f t="shared" si="322"/>
        <v>13</v>
      </c>
      <c r="D6861">
        <f t="shared" si="323"/>
        <v>10</v>
      </c>
    </row>
    <row r="6862" spans="1:4" x14ac:dyDescent="0.25">
      <c r="A6862" s="7">
        <f t="shared" si="324"/>
        <v>44847.58333331671</v>
      </c>
      <c r="B6862" s="8">
        <v>10.894712598735103</v>
      </c>
      <c r="C6862">
        <f t="shared" si="322"/>
        <v>14</v>
      </c>
      <c r="D6862">
        <f t="shared" si="323"/>
        <v>10</v>
      </c>
    </row>
    <row r="6863" spans="1:4" x14ac:dyDescent="0.25">
      <c r="A6863" s="7">
        <f t="shared" si="324"/>
        <v>44847.624999983374</v>
      </c>
      <c r="B6863" s="8">
        <v>15.555779213160752</v>
      </c>
      <c r="C6863">
        <f t="shared" si="322"/>
        <v>15</v>
      </c>
      <c r="D6863">
        <f t="shared" si="323"/>
        <v>10</v>
      </c>
    </row>
    <row r="6864" spans="1:4" x14ac:dyDescent="0.25">
      <c r="A6864" s="7">
        <f t="shared" si="324"/>
        <v>44847.666666650039</v>
      </c>
      <c r="B6864" s="8">
        <v>8.8120918330507578</v>
      </c>
      <c r="C6864">
        <f t="shared" si="322"/>
        <v>16</v>
      </c>
      <c r="D6864">
        <f t="shared" si="323"/>
        <v>10</v>
      </c>
    </row>
    <row r="6865" spans="1:4" x14ac:dyDescent="0.25">
      <c r="A6865" s="7">
        <f t="shared" si="324"/>
        <v>44847.708333316703</v>
      </c>
      <c r="B6865" s="8">
        <v>5.9331885327535057</v>
      </c>
      <c r="C6865">
        <f t="shared" si="322"/>
        <v>17</v>
      </c>
      <c r="D6865">
        <f t="shared" si="323"/>
        <v>10</v>
      </c>
    </row>
    <row r="6866" spans="1:4" x14ac:dyDescent="0.25">
      <c r="A6866" s="7">
        <f t="shared" si="324"/>
        <v>44847.749999983367</v>
      </c>
      <c r="B6866" s="8">
        <v>0.59606688693487608</v>
      </c>
      <c r="C6866">
        <f t="shared" si="322"/>
        <v>18</v>
      </c>
      <c r="D6866">
        <f t="shared" si="323"/>
        <v>10</v>
      </c>
    </row>
    <row r="6867" spans="1:4" x14ac:dyDescent="0.25">
      <c r="A6867" s="7">
        <f t="shared" si="324"/>
        <v>44847.791666650031</v>
      </c>
      <c r="B6867" s="8">
        <v>-4.9800999999999998E-2</v>
      </c>
      <c r="C6867">
        <f t="shared" si="322"/>
        <v>19</v>
      </c>
      <c r="D6867">
        <f t="shared" si="323"/>
        <v>10</v>
      </c>
    </row>
    <row r="6868" spans="1:4" x14ac:dyDescent="0.25">
      <c r="A6868" s="7">
        <f t="shared" si="324"/>
        <v>44847.833333316696</v>
      </c>
      <c r="B6868" s="8">
        <v>-4.9800999999999998E-2</v>
      </c>
      <c r="C6868">
        <f t="shared" si="322"/>
        <v>20</v>
      </c>
      <c r="D6868">
        <f t="shared" si="323"/>
        <v>10</v>
      </c>
    </row>
    <row r="6869" spans="1:4" x14ac:dyDescent="0.25">
      <c r="A6869" s="7">
        <f t="shared" si="324"/>
        <v>44847.87499998336</v>
      </c>
      <c r="B6869" s="8">
        <v>-4.9800999999999998E-2</v>
      </c>
      <c r="C6869">
        <f t="shared" si="322"/>
        <v>21</v>
      </c>
      <c r="D6869">
        <f t="shared" si="323"/>
        <v>10</v>
      </c>
    </row>
    <row r="6870" spans="1:4" x14ac:dyDescent="0.25">
      <c r="A6870" s="7">
        <f t="shared" si="324"/>
        <v>44847.916666650024</v>
      </c>
      <c r="B6870" s="8">
        <v>-4.9800999999999998E-2</v>
      </c>
      <c r="C6870">
        <f t="shared" si="322"/>
        <v>22</v>
      </c>
      <c r="D6870">
        <f t="shared" si="323"/>
        <v>10</v>
      </c>
    </row>
    <row r="6871" spans="1:4" x14ac:dyDescent="0.25">
      <c r="A6871" s="7">
        <f t="shared" si="324"/>
        <v>44847.958333316688</v>
      </c>
      <c r="B6871" s="8">
        <v>-4.9800999999999998E-2</v>
      </c>
      <c r="C6871">
        <f t="shared" si="322"/>
        <v>23</v>
      </c>
      <c r="D6871">
        <f t="shared" si="323"/>
        <v>10</v>
      </c>
    </row>
    <row r="6872" spans="1:4" x14ac:dyDescent="0.25">
      <c r="A6872" s="7">
        <f t="shared" si="324"/>
        <v>44847.999999983353</v>
      </c>
      <c r="B6872" s="8">
        <v>-4.9800999999999998E-2</v>
      </c>
      <c r="C6872">
        <f t="shared" si="322"/>
        <v>0</v>
      </c>
      <c r="D6872">
        <f t="shared" si="323"/>
        <v>10</v>
      </c>
    </row>
    <row r="6873" spans="1:4" x14ac:dyDescent="0.25">
      <c r="A6873" s="7">
        <f t="shared" si="324"/>
        <v>44848.041666650017</v>
      </c>
      <c r="B6873" s="8">
        <v>-4.9800999999999998E-2</v>
      </c>
      <c r="C6873">
        <f t="shared" si="322"/>
        <v>1</v>
      </c>
      <c r="D6873">
        <f t="shared" si="323"/>
        <v>10</v>
      </c>
    </row>
    <row r="6874" spans="1:4" x14ac:dyDescent="0.25">
      <c r="A6874" s="7">
        <f t="shared" si="324"/>
        <v>44848.083333316681</v>
      </c>
      <c r="B6874" s="8">
        <v>-4.9800999999999998E-2</v>
      </c>
      <c r="C6874">
        <f t="shared" si="322"/>
        <v>2</v>
      </c>
      <c r="D6874">
        <f t="shared" si="323"/>
        <v>10</v>
      </c>
    </row>
    <row r="6875" spans="1:4" x14ac:dyDescent="0.25">
      <c r="A6875" s="7">
        <f t="shared" si="324"/>
        <v>44848.124999983345</v>
      </c>
      <c r="B6875" s="8">
        <v>-4.9800999999999998E-2</v>
      </c>
      <c r="C6875">
        <f t="shared" si="322"/>
        <v>3</v>
      </c>
      <c r="D6875">
        <f t="shared" si="323"/>
        <v>10</v>
      </c>
    </row>
    <row r="6876" spans="1:4" x14ac:dyDescent="0.25">
      <c r="A6876" s="7">
        <f t="shared" si="324"/>
        <v>44848.16666665001</v>
      </c>
      <c r="B6876" s="8">
        <v>-4.9800999999999998E-2</v>
      </c>
      <c r="C6876">
        <f t="shared" si="322"/>
        <v>4</v>
      </c>
      <c r="D6876">
        <f t="shared" si="323"/>
        <v>10</v>
      </c>
    </row>
    <row r="6877" spans="1:4" x14ac:dyDescent="0.25">
      <c r="A6877" s="7">
        <f t="shared" si="324"/>
        <v>44848.208333316674</v>
      </c>
      <c r="B6877" s="8">
        <v>-4.9800999999999998E-2</v>
      </c>
      <c r="C6877">
        <f t="shared" si="322"/>
        <v>5</v>
      </c>
      <c r="D6877">
        <f t="shared" si="323"/>
        <v>10</v>
      </c>
    </row>
    <row r="6878" spans="1:4" x14ac:dyDescent="0.25">
      <c r="A6878" s="7">
        <f t="shared" si="324"/>
        <v>44848.249999983338</v>
      </c>
      <c r="B6878" s="8">
        <v>-4.9800999999999998E-2</v>
      </c>
      <c r="C6878">
        <f t="shared" si="322"/>
        <v>6</v>
      </c>
      <c r="D6878">
        <f t="shared" si="323"/>
        <v>10</v>
      </c>
    </row>
    <row r="6879" spans="1:4" x14ac:dyDescent="0.25">
      <c r="A6879" s="7">
        <f t="shared" si="324"/>
        <v>44848.291666650002</v>
      </c>
      <c r="B6879" s="8">
        <v>-4.9800999999999998E-2</v>
      </c>
      <c r="C6879">
        <f t="shared" si="322"/>
        <v>7</v>
      </c>
      <c r="D6879">
        <f t="shared" si="323"/>
        <v>10</v>
      </c>
    </row>
    <row r="6880" spans="1:4" x14ac:dyDescent="0.25">
      <c r="A6880" s="7">
        <f t="shared" si="324"/>
        <v>44848.333333316667</v>
      </c>
      <c r="B6880" s="8">
        <v>3.7139019436911838</v>
      </c>
      <c r="C6880">
        <f t="shared" si="322"/>
        <v>8</v>
      </c>
      <c r="D6880">
        <f t="shared" si="323"/>
        <v>10</v>
      </c>
    </row>
    <row r="6881" spans="1:4" x14ac:dyDescent="0.25">
      <c r="A6881" s="7">
        <f t="shared" si="324"/>
        <v>44848.374999983331</v>
      </c>
      <c r="B6881" s="8">
        <v>10.274546825263817</v>
      </c>
      <c r="C6881">
        <f t="shared" si="322"/>
        <v>9</v>
      </c>
      <c r="D6881">
        <f t="shared" si="323"/>
        <v>10</v>
      </c>
    </row>
    <row r="6882" spans="1:4" x14ac:dyDescent="0.25">
      <c r="A6882" s="7">
        <f t="shared" si="324"/>
        <v>44848.416666649995</v>
      </c>
      <c r="B6882" s="8">
        <v>16.751258365540412</v>
      </c>
      <c r="C6882">
        <f t="shared" si="322"/>
        <v>10</v>
      </c>
      <c r="D6882">
        <f t="shared" si="323"/>
        <v>10</v>
      </c>
    </row>
    <row r="6883" spans="1:4" x14ac:dyDescent="0.25">
      <c r="A6883" s="7">
        <f t="shared" si="324"/>
        <v>44848.458333316659</v>
      </c>
      <c r="B6883" s="8">
        <v>20.451279977200961</v>
      </c>
      <c r="C6883">
        <f t="shared" si="322"/>
        <v>11</v>
      </c>
      <c r="D6883">
        <f t="shared" si="323"/>
        <v>10</v>
      </c>
    </row>
    <row r="6884" spans="1:4" x14ac:dyDescent="0.25">
      <c r="A6884" s="7">
        <f t="shared" si="324"/>
        <v>44848.499999983324</v>
      </c>
      <c r="B6884" s="8">
        <v>20.451300589514638</v>
      </c>
      <c r="C6884">
        <f t="shared" si="322"/>
        <v>12</v>
      </c>
      <c r="D6884">
        <f t="shared" si="323"/>
        <v>10</v>
      </c>
    </row>
    <row r="6885" spans="1:4" x14ac:dyDescent="0.25">
      <c r="A6885" s="7">
        <f t="shared" si="324"/>
        <v>44848.541666649988</v>
      </c>
      <c r="B6885" s="8">
        <v>20.451311926287161</v>
      </c>
      <c r="C6885">
        <f t="shared" si="322"/>
        <v>13</v>
      </c>
      <c r="D6885">
        <f t="shared" si="323"/>
        <v>10</v>
      </c>
    </row>
    <row r="6886" spans="1:4" x14ac:dyDescent="0.25">
      <c r="A6886" s="7">
        <f t="shared" si="324"/>
        <v>44848.583333316652</v>
      </c>
      <c r="B6886" s="8">
        <v>20.45129234458917</v>
      </c>
      <c r="C6886">
        <f t="shared" si="322"/>
        <v>14</v>
      </c>
      <c r="D6886">
        <f t="shared" si="323"/>
        <v>10</v>
      </c>
    </row>
    <row r="6887" spans="1:4" x14ac:dyDescent="0.25">
      <c r="A6887" s="7">
        <f t="shared" si="324"/>
        <v>44848.624999983316</v>
      </c>
      <c r="B6887" s="8">
        <v>18.801036501226225</v>
      </c>
      <c r="C6887">
        <f t="shared" si="322"/>
        <v>15</v>
      </c>
      <c r="D6887">
        <f t="shared" si="323"/>
        <v>10</v>
      </c>
    </row>
    <row r="6888" spans="1:4" x14ac:dyDescent="0.25">
      <c r="A6888" s="7">
        <f t="shared" si="324"/>
        <v>44848.66666664998</v>
      </c>
      <c r="B6888" s="8">
        <v>13.882782834732765</v>
      </c>
      <c r="C6888">
        <f t="shared" si="322"/>
        <v>16</v>
      </c>
      <c r="D6888">
        <f t="shared" si="323"/>
        <v>10</v>
      </c>
    </row>
    <row r="6889" spans="1:4" x14ac:dyDescent="0.25">
      <c r="A6889" s="7">
        <f t="shared" si="324"/>
        <v>44848.708333316645</v>
      </c>
      <c r="B6889" s="8">
        <v>7.4920287649553687</v>
      </c>
      <c r="C6889">
        <f t="shared" si="322"/>
        <v>17</v>
      </c>
      <c r="D6889">
        <f t="shared" si="323"/>
        <v>10</v>
      </c>
    </row>
    <row r="6890" spans="1:4" x14ac:dyDescent="0.25">
      <c r="A6890" s="7">
        <f t="shared" si="324"/>
        <v>44848.749999983309</v>
      </c>
      <c r="B6890" s="8">
        <v>1.0239084370196831</v>
      </c>
      <c r="C6890">
        <f t="shared" si="322"/>
        <v>18</v>
      </c>
      <c r="D6890">
        <f t="shared" si="323"/>
        <v>10</v>
      </c>
    </row>
    <row r="6891" spans="1:4" x14ac:dyDescent="0.25">
      <c r="A6891" s="7">
        <f t="shared" si="324"/>
        <v>44848.791666649973</v>
      </c>
      <c r="B6891" s="8">
        <v>-4.9800999999999998E-2</v>
      </c>
      <c r="C6891">
        <f t="shared" si="322"/>
        <v>19</v>
      </c>
      <c r="D6891">
        <f t="shared" si="323"/>
        <v>10</v>
      </c>
    </row>
    <row r="6892" spans="1:4" x14ac:dyDescent="0.25">
      <c r="A6892" s="7">
        <f t="shared" si="324"/>
        <v>44848.833333316637</v>
      </c>
      <c r="B6892" s="8">
        <v>-4.9800999999999998E-2</v>
      </c>
      <c r="C6892">
        <f t="shared" si="322"/>
        <v>20</v>
      </c>
      <c r="D6892">
        <f t="shared" si="323"/>
        <v>10</v>
      </c>
    </row>
    <row r="6893" spans="1:4" x14ac:dyDescent="0.25">
      <c r="A6893" s="7">
        <f t="shared" si="324"/>
        <v>44848.874999983302</v>
      </c>
      <c r="B6893" s="8">
        <v>-4.9800999999999998E-2</v>
      </c>
      <c r="C6893">
        <f t="shared" si="322"/>
        <v>21</v>
      </c>
      <c r="D6893">
        <f t="shared" si="323"/>
        <v>10</v>
      </c>
    </row>
    <row r="6894" spans="1:4" x14ac:dyDescent="0.25">
      <c r="A6894" s="7">
        <f t="shared" si="324"/>
        <v>44848.916666649966</v>
      </c>
      <c r="B6894" s="8">
        <v>-4.9800999999999998E-2</v>
      </c>
      <c r="C6894">
        <f t="shared" si="322"/>
        <v>22</v>
      </c>
      <c r="D6894">
        <f t="shared" si="323"/>
        <v>10</v>
      </c>
    </row>
    <row r="6895" spans="1:4" x14ac:dyDescent="0.25">
      <c r="A6895" s="7">
        <f t="shared" si="324"/>
        <v>44848.95833331663</v>
      </c>
      <c r="B6895" s="8">
        <v>-4.9800999999999998E-2</v>
      </c>
      <c r="C6895">
        <f t="shared" si="322"/>
        <v>23</v>
      </c>
      <c r="D6895">
        <f t="shared" si="323"/>
        <v>10</v>
      </c>
    </row>
    <row r="6896" spans="1:4" x14ac:dyDescent="0.25">
      <c r="A6896" s="7">
        <f t="shared" si="324"/>
        <v>44848.999999983294</v>
      </c>
      <c r="B6896" s="8">
        <v>-4.9800999999999998E-2</v>
      </c>
      <c r="C6896">
        <f t="shared" si="322"/>
        <v>0</v>
      </c>
      <c r="D6896">
        <f t="shared" si="323"/>
        <v>10</v>
      </c>
    </row>
    <row r="6897" spans="1:4" x14ac:dyDescent="0.25">
      <c r="A6897" s="7">
        <f t="shared" si="324"/>
        <v>44849.041666649959</v>
      </c>
      <c r="B6897" s="8">
        <v>-4.9800999999999998E-2</v>
      </c>
      <c r="C6897">
        <f t="shared" si="322"/>
        <v>1</v>
      </c>
      <c r="D6897">
        <f t="shared" si="323"/>
        <v>10</v>
      </c>
    </row>
    <row r="6898" spans="1:4" x14ac:dyDescent="0.25">
      <c r="A6898" s="7">
        <f t="shared" si="324"/>
        <v>44849.083333316623</v>
      </c>
      <c r="B6898" s="8">
        <v>-4.9800999999999998E-2</v>
      </c>
      <c r="C6898">
        <f t="shared" si="322"/>
        <v>2</v>
      </c>
      <c r="D6898">
        <f t="shared" si="323"/>
        <v>10</v>
      </c>
    </row>
    <row r="6899" spans="1:4" x14ac:dyDescent="0.25">
      <c r="A6899" s="7">
        <f t="shared" si="324"/>
        <v>44849.124999983287</v>
      </c>
      <c r="B6899" s="8">
        <v>-4.9800999999999998E-2</v>
      </c>
      <c r="C6899">
        <f t="shared" si="322"/>
        <v>3</v>
      </c>
      <c r="D6899">
        <f t="shared" si="323"/>
        <v>10</v>
      </c>
    </row>
    <row r="6900" spans="1:4" x14ac:dyDescent="0.25">
      <c r="A6900" s="7">
        <f t="shared" si="324"/>
        <v>44849.166666649951</v>
      </c>
      <c r="B6900" s="8">
        <v>-4.9800999999999998E-2</v>
      </c>
      <c r="C6900">
        <f t="shared" si="322"/>
        <v>4</v>
      </c>
      <c r="D6900">
        <f t="shared" si="323"/>
        <v>10</v>
      </c>
    </row>
    <row r="6901" spans="1:4" x14ac:dyDescent="0.25">
      <c r="A6901" s="7">
        <f t="shared" si="324"/>
        <v>44849.208333316616</v>
      </c>
      <c r="B6901" s="8">
        <v>-4.9800999999999998E-2</v>
      </c>
      <c r="C6901">
        <f t="shared" si="322"/>
        <v>5</v>
      </c>
      <c r="D6901">
        <f t="shared" si="323"/>
        <v>10</v>
      </c>
    </row>
    <row r="6902" spans="1:4" x14ac:dyDescent="0.25">
      <c r="A6902" s="7">
        <f t="shared" si="324"/>
        <v>44849.24999998328</v>
      </c>
      <c r="B6902" s="8">
        <v>-4.9800999999999998E-2</v>
      </c>
      <c r="C6902">
        <f t="shared" si="322"/>
        <v>6</v>
      </c>
      <c r="D6902">
        <f t="shared" si="323"/>
        <v>10</v>
      </c>
    </row>
    <row r="6903" spans="1:4" x14ac:dyDescent="0.25">
      <c r="A6903" s="7">
        <f t="shared" si="324"/>
        <v>44849.291666649944</v>
      </c>
      <c r="B6903" s="8">
        <v>-4.9800999999999998E-2</v>
      </c>
      <c r="C6903">
        <f t="shared" si="322"/>
        <v>7</v>
      </c>
      <c r="D6903">
        <f t="shared" si="323"/>
        <v>10</v>
      </c>
    </row>
    <row r="6904" spans="1:4" x14ac:dyDescent="0.25">
      <c r="A6904" s="7">
        <f t="shared" si="324"/>
        <v>44849.333333316608</v>
      </c>
      <c r="B6904" s="8">
        <v>4.1843419318382349</v>
      </c>
      <c r="C6904">
        <f t="shared" si="322"/>
        <v>8</v>
      </c>
      <c r="D6904">
        <f t="shared" si="323"/>
        <v>10</v>
      </c>
    </row>
    <row r="6905" spans="1:4" x14ac:dyDescent="0.25">
      <c r="A6905" s="7">
        <f t="shared" si="324"/>
        <v>44849.374999983273</v>
      </c>
      <c r="B6905" s="8">
        <v>11.059618322467362</v>
      </c>
      <c r="C6905">
        <f t="shared" si="322"/>
        <v>9</v>
      </c>
      <c r="D6905">
        <f t="shared" si="323"/>
        <v>10</v>
      </c>
    </row>
    <row r="6906" spans="1:4" x14ac:dyDescent="0.25">
      <c r="A6906" s="7">
        <f t="shared" si="324"/>
        <v>44849.416666649937</v>
      </c>
      <c r="B6906" s="8">
        <v>17.06880445575095</v>
      </c>
      <c r="C6906">
        <f t="shared" si="322"/>
        <v>10</v>
      </c>
      <c r="D6906">
        <f t="shared" si="323"/>
        <v>10</v>
      </c>
    </row>
    <row r="6907" spans="1:4" x14ac:dyDescent="0.25">
      <c r="A6907" s="7">
        <f t="shared" si="324"/>
        <v>44849.458333316601</v>
      </c>
      <c r="B6907" s="8">
        <v>20.451286160895062</v>
      </c>
      <c r="C6907">
        <f t="shared" si="322"/>
        <v>11</v>
      </c>
      <c r="D6907">
        <f t="shared" si="323"/>
        <v>10</v>
      </c>
    </row>
    <row r="6908" spans="1:4" x14ac:dyDescent="0.25">
      <c r="A6908" s="7">
        <f t="shared" si="324"/>
        <v>44849.499999983265</v>
      </c>
      <c r="B6908" s="8">
        <v>20.451279977200961</v>
      </c>
      <c r="C6908">
        <f t="shared" si="322"/>
        <v>12</v>
      </c>
      <c r="D6908">
        <f t="shared" si="323"/>
        <v>10</v>
      </c>
    </row>
    <row r="6909" spans="1:4" x14ac:dyDescent="0.25">
      <c r="A6909" s="7">
        <f t="shared" si="324"/>
        <v>44849.54166664993</v>
      </c>
      <c r="B6909" s="8">
        <v>20.45130368136169</v>
      </c>
      <c r="C6909">
        <f t="shared" si="322"/>
        <v>13</v>
      </c>
      <c r="D6909">
        <f t="shared" si="323"/>
        <v>10</v>
      </c>
    </row>
    <row r="6910" spans="1:4" x14ac:dyDescent="0.25">
      <c r="A6910" s="7">
        <f t="shared" si="324"/>
        <v>44849.583333316594</v>
      </c>
      <c r="B6910" s="8">
        <v>20.451302650746008</v>
      </c>
      <c r="C6910">
        <f t="shared" si="322"/>
        <v>14</v>
      </c>
      <c r="D6910">
        <f t="shared" si="323"/>
        <v>10</v>
      </c>
    </row>
    <row r="6911" spans="1:4" x14ac:dyDescent="0.25">
      <c r="A6911" s="7">
        <f t="shared" si="324"/>
        <v>44849.624999983258</v>
      </c>
      <c r="B6911" s="8">
        <v>18.660664583848977</v>
      </c>
      <c r="C6911">
        <f t="shared" si="322"/>
        <v>15</v>
      </c>
      <c r="D6911">
        <f t="shared" si="323"/>
        <v>10</v>
      </c>
    </row>
    <row r="6912" spans="1:4" x14ac:dyDescent="0.25">
      <c r="A6912" s="7">
        <f t="shared" si="324"/>
        <v>44849.666666649922</v>
      </c>
      <c r="B6912" s="8">
        <v>13.690114385707867</v>
      </c>
      <c r="C6912">
        <f t="shared" si="322"/>
        <v>16</v>
      </c>
      <c r="D6912">
        <f t="shared" si="323"/>
        <v>10</v>
      </c>
    </row>
    <row r="6913" spans="1:4" x14ac:dyDescent="0.25">
      <c r="A6913" s="7">
        <f t="shared" si="324"/>
        <v>44849.708333316587</v>
      </c>
      <c r="B6913" s="8">
        <v>7.1755761579854402</v>
      </c>
      <c r="C6913">
        <f t="shared" si="322"/>
        <v>17</v>
      </c>
      <c r="D6913">
        <f t="shared" si="323"/>
        <v>10</v>
      </c>
    </row>
    <row r="6914" spans="1:4" x14ac:dyDescent="0.25">
      <c r="A6914" s="7">
        <f t="shared" si="324"/>
        <v>44849.749999983251</v>
      </c>
      <c r="B6914" s="8">
        <v>0.79966089282469732</v>
      </c>
      <c r="C6914">
        <f t="shared" si="322"/>
        <v>18</v>
      </c>
      <c r="D6914">
        <f t="shared" si="323"/>
        <v>10</v>
      </c>
    </row>
    <row r="6915" spans="1:4" x14ac:dyDescent="0.25">
      <c r="A6915" s="7">
        <f t="shared" si="324"/>
        <v>44849.791666649915</v>
      </c>
      <c r="B6915" s="8">
        <v>-4.9800999999999998E-2</v>
      </c>
      <c r="C6915">
        <f t="shared" si="322"/>
        <v>19</v>
      </c>
      <c r="D6915">
        <f t="shared" si="323"/>
        <v>10</v>
      </c>
    </row>
    <row r="6916" spans="1:4" x14ac:dyDescent="0.25">
      <c r="A6916" s="7">
        <f t="shared" si="324"/>
        <v>44849.833333316579</v>
      </c>
      <c r="B6916" s="8">
        <v>-4.9800999999999998E-2</v>
      </c>
      <c r="C6916">
        <f t="shared" si="322"/>
        <v>20</v>
      </c>
      <c r="D6916">
        <f t="shared" si="323"/>
        <v>10</v>
      </c>
    </row>
    <row r="6917" spans="1:4" x14ac:dyDescent="0.25">
      <c r="A6917" s="7">
        <f t="shared" si="324"/>
        <v>44849.874999983243</v>
      </c>
      <c r="B6917" s="8">
        <v>-4.9800999999999998E-2</v>
      </c>
      <c r="C6917">
        <f t="shared" si="322"/>
        <v>21</v>
      </c>
      <c r="D6917">
        <f t="shared" si="323"/>
        <v>10</v>
      </c>
    </row>
    <row r="6918" spans="1:4" x14ac:dyDescent="0.25">
      <c r="A6918" s="7">
        <f t="shared" si="324"/>
        <v>44849.916666649908</v>
      </c>
      <c r="B6918" s="8">
        <v>-4.9800999999999998E-2</v>
      </c>
      <c r="C6918">
        <f t="shared" si="322"/>
        <v>22</v>
      </c>
      <c r="D6918">
        <f t="shared" si="323"/>
        <v>10</v>
      </c>
    </row>
    <row r="6919" spans="1:4" x14ac:dyDescent="0.25">
      <c r="A6919" s="7">
        <f t="shared" si="324"/>
        <v>44849.958333316572</v>
      </c>
      <c r="B6919" s="8">
        <v>-4.9800999999999998E-2</v>
      </c>
      <c r="C6919">
        <f t="shared" si="322"/>
        <v>23</v>
      </c>
      <c r="D6919">
        <f t="shared" si="323"/>
        <v>10</v>
      </c>
    </row>
    <row r="6920" spans="1:4" x14ac:dyDescent="0.25">
      <c r="A6920" s="7">
        <f t="shared" si="324"/>
        <v>44849.999999983236</v>
      </c>
      <c r="B6920" s="8">
        <v>-4.9800999999999998E-2</v>
      </c>
      <c r="C6920">
        <f t="shared" si="322"/>
        <v>0</v>
      </c>
      <c r="D6920">
        <f t="shared" si="323"/>
        <v>10</v>
      </c>
    </row>
    <row r="6921" spans="1:4" x14ac:dyDescent="0.25">
      <c r="A6921" s="7">
        <f t="shared" si="324"/>
        <v>44850.0416666499</v>
      </c>
      <c r="B6921" s="8">
        <v>-4.9800999999999998E-2</v>
      </c>
      <c r="C6921">
        <f t="shared" si="322"/>
        <v>1</v>
      </c>
      <c r="D6921">
        <f t="shared" si="323"/>
        <v>10</v>
      </c>
    </row>
    <row r="6922" spans="1:4" x14ac:dyDescent="0.25">
      <c r="A6922" s="7">
        <f t="shared" si="324"/>
        <v>44850.083333316565</v>
      </c>
      <c r="B6922" s="8">
        <v>-4.9800999999999998E-2</v>
      </c>
      <c r="C6922">
        <f t="shared" ref="C6922:C6985" si="325">HOUR(A6922)</f>
        <v>2</v>
      </c>
      <c r="D6922">
        <f t="shared" ref="D6922:D6985" si="326">MONTH(A6922)</f>
        <v>10</v>
      </c>
    </row>
    <row r="6923" spans="1:4" x14ac:dyDescent="0.25">
      <c r="A6923" s="7">
        <f t="shared" ref="A6923:A6986" si="327">+A6922+1/24</f>
        <v>44850.124999983229</v>
      </c>
      <c r="B6923" s="8">
        <v>-4.9800999999999998E-2</v>
      </c>
      <c r="C6923">
        <f t="shared" si="325"/>
        <v>3</v>
      </c>
      <c r="D6923">
        <f t="shared" si="326"/>
        <v>10</v>
      </c>
    </row>
    <row r="6924" spans="1:4" x14ac:dyDescent="0.25">
      <c r="A6924" s="7">
        <f t="shared" si="327"/>
        <v>44850.166666649893</v>
      </c>
      <c r="B6924" s="8">
        <v>-4.9800999999999998E-2</v>
      </c>
      <c r="C6924">
        <f t="shared" si="325"/>
        <v>4</v>
      </c>
      <c r="D6924">
        <f t="shared" si="326"/>
        <v>10</v>
      </c>
    </row>
    <row r="6925" spans="1:4" x14ac:dyDescent="0.25">
      <c r="A6925" s="7">
        <f t="shared" si="327"/>
        <v>44850.208333316557</v>
      </c>
      <c r="B6925" s="8">
        <v>-4.9800999999999998E-2</v>
      </c>
      <c r="C6925">
        <f t="shared" si="325"/>
        <v>5</v>
      </c>
      <c r="D6925">
        <f t="shared" si="326"/>
        <v>10</v>
      </c>
    </row>
    <row r="6926" spans="1:4" x14ac:dyDescent="0.25">
      <c r="A6926" s="7">
        <f t="shared" si="327"/>
        <v>44850.249999983222</v>
      </c>
      <c r="B6926" s="8">
        <v>-4.9800999999999998E-2</v>
      </c>
      <c r="C6926">
        <f t="shared" si="325"/>
        <v>6</v>
      </c>
      <c r="D6926">
        <f t="shared" si="326"/>
        <v>10</v>
      </c>
    </row>
    <row r="6927" spans="1:4" x14ac:dyDescent="0.25">
      <c r="A6927" s="7">
        <f t="shared" si="327"/>
        <v>44850.291666649886</v>
      </c>
      <c r="B6927" s="8">
        <v>-4.9800999999999998E-2</v>
      </c>
      <c r="C6927">
        <f t="shared" si="325"/>
        <v>7</v>
      </c>
      <c r="D6927">
        <f t="shared" si="326"/>
        <v>10</v>
      </c>
    </row>
    <row r="6928" spans="1:4" x14ac:dyDescent="0.25">
      <c r="A6928" s="7">
        <f t="shared" si="327"/>
        <v>44850.33333331655</v>
      </c>
      <c r="B6928" s="8">
        <v>3.9280412092585721</v>
      </c>
      <c r="C6928">
        <f t="shared" si="325"/>
        <v>8</v>
      </c>
      <c r="D6928">
        <f t="shared" si="326"/>
        <v>10</v>
      </c>
    </row>
    <row r="6929" spans="1:4" x14ac:dyDescent="0.25">
      <c r="A6929" s="7">
        <f t="shared" si="327"/>
        <v>44850.374999983214</v>
      </c>
      <c r="B6929" s="8">
        <v>10.773052539714572</v>
      </c>
      <c r="C6929">
        <f t="shared" si="325"/>
        <v>9</v>
      </c>
      <c r="D6929">
        <f t="shared" si="326"/>
        <v>10</v>
      </c>
    </row>
    <row r="6930" spans="1:4" x14ac:dyDescent="0.25">
      <c r="A6930" s="7">
        <f t="shared" si="327"/>
        <v>44850.416666649879</v>
      </c>
      <c r="B6930" s="8">
        <v>16.429579506437477</v>
      </c>
      <c r="C6930">
        <f t="shared" si="325"/>
        <v>10</v>
      </c>
      <c r="D6930">
        <f t="shared" si="326"/>
        <v>10</v>
      </c>
    </row>
    <row r="6931" spans="1:4" x14ac:dyDescent="0.25">
      <c r="A6931" s="7">
        <f t="shared" si="327"/>
        <v>44850.458333316543</v>
      </c>
      <c r="B6931" s="8">
        <v>20.134980931967934</v>
      </c>
      <c r="C6931">
        <f t="shared" si="325"/>
        <v>11</v>
      </c>
      <c r="D6931">
        <f t="shared" si="326"/>
        <v>10</v>
      </c>
    </row>
    <row r="6932" spans="1:4" x14ac:dyDescent="0.25">
      <c r="A6932" s="7">
        <f t="shared" si="327"/>
        <v>44850.499999983207</v>
      </c>
      <c r="B6932" s="8">
        <v>20.451307803824424</v>
      </c>
      <c r="C6932">
        <f t="shared" si="325"/>
        <v>12</v>
      </c>
      <c r="D6932">
        <f t="shared" si="326"/>
        <v>10</v>
      </c>
    </row>
    <row r="6933" spans="1:4" x14ac:dyDescent="0.25">
      <c r="A6933" s="7">
        <f t="shared" si="327"/>
        <v>44850.541666649871</v>
      </c>
      <c r="B6933" s="8">
        <v>20.451308834440109</v>
      </c>
      <c r="C6933">
        <f t="shared" si="325"/>
        <v>13</v>
      </c>
      <c r="D6933">
        <f t="shared" si="326"/>
        <v>10</v>
      </c>
    </row>
    <row r="6934" spans="1:4" x14ac:dyDescent="0.25">
      <c r="A6934" s="7">
        <f t="shared" si="327"/>
        <v>44850.583333316536</v>
      </c>
      <c r="B6934" s="8">
        <v>20.45130368136169</v>
      </c>
      <c r="C6934">
        <f t="shared" si="325"/>
        <v>14</v>
      </c>
      <c r="D6934">
        <f t="shared" si="326"/>
        <v>10</v>
      </c>
    </row>
    <row r="6935" spans="1:4" x14ac:dyDescent="0.25">
      <c r="A6935" s="7">
        <f t="shared" si="327"/>
        <v>44850.6249999832</v>
      </c>
      <c r="B6935" s="8">
        <v>18.100813532046011</v>
      </c>
      <c r="C6935">
        <f t="shared" si="325"/>
        <v>15</v>
      </c>
      <c r="D6935">
        <f t="shared" si="326"/>
        <v>10</v>
      </c>
    </row>
    <row r="6936" spans="1:4" x14ac:dyDescent="0.25">
      <c r="A6936" s="7">
        <f t="shared" si="327"/>
        <v>44850.666666649864</v>
      </c>
      <c r="B6936" s="8">
        <v>11.718115785069585</v>
      </c>
      <c r="C6936">
        <f t="shared" si="325"/>
        <v>16</v>
      </c>
      <c r="D6936">
        <f t="shared" si="326"/>
        <v>10</v>
      </c>
    </row>
    <row r="6937" spans="1:4" x14ac:dyDescent="0.25">
      <c r="A6937" s="7">
        <f t="shared" si="327"/>
        <v>44850.708333316528</v>
      </c>
      <c r="B6937" s="8">
        <v>6.5051658086931274</v>
      </c>
      <c r="C6937">
        <f t="shared" si="325"/>
        <v>17</v>
      </c>
      <c r="D6937">
        <f t="shared" si="326"/>
        <v>10</v>
      </c>
    </row>
    <row r="6938" spans="1:4" x14ac:dyDescent="0.25">
      <c r="A6938" s="7">
        <f t="shared" si="327"/>
        <v>44850.749999983193</v>
      </c>
      <c r="B6938" s="8">
        <v>0.45433043439215914</v>
      </c>
      <c r="C6938">
        <f t="shared" si="325"/>
        <v>18</v>
      </c>
      <c r="D6938">
        <f t="shared" si="326"/>
        <v>10</v>
      </c>
    </row>
    <row r="6939" spans="1:4" x14ac:dyDescent="0.25">
      <c r="A6939" s="7">
        <f t="shared" si="327"/>
        <v>44850.791666649857</v>
      </c>
      <c r="B6939" s="8">
        <v>-4.9800999999999998E-2</v>
      </c>
      <c r="C6939">
        <f t="shared" si="325"/>
        <v>19</v>
      </c>
      <c r="D6939">
        <f t="shared" si="326"/>
        <v>10</v>
      </c>
    </row>
    <row r="6940" spans="1:4" x14ac:dyDescent="0.25">
      <c r="A6940" s="7">
        <f t="shared" si="327"/>
        <v>44850.833333316521</v>
      </c>
      <c r="B6940" s="8">
        <v>-4.9800999999999998E-2</v>
      </c>
      <c r="C6940">
        <f t="shared" si="325"/>
        <v>20</v>
      </c>
      <c r="D6940">
        <f t="shared" si="326"/>
        <v>10</v>
      </c>
    </row>
    <row r="6941" spans="1:4" x14ac:dyDescent="0.25">
      <c r="A6941" s="7">
        <f t="shared" si="327"/>
        <v>44850.874999983185</v>
      </c>
      <c r="B6941" s="8">
        <v>-4.9800999999999998E-2</v>
      </c>
      <c r="C6941">
        <f t="shared" si="325"/>
        <v>21</v>
      </c>
      <c r="D6941">
        <f t="shared" si="326"/>
        <v>10</v>
      </c>
    </row>
    <row r="6942" spans="1:4" x14ac:dyDescent="0.25">
      <c r="A6942" s="7">
        <f t="shared" si="327"/>
        <v>44850.91666664985</v>
      </c>
      <c r="B6942" s="8">
        <v>-4.9800999999999998E-2</v>
      </c>
      <c r="C6942">
        <f t="shared" si="325"/>
        <v>22</v>
      </c>
      <c r="D6942">
        <f t="shared" si="326"/>
        <v>10</v>
      </c>
    </row>
    <row r="6943" spans="1:4" x14ac:dyDescent="0.25">
      <c r="A6943" s="7">
        <f t="shared" si="327"/>
        <v>44850.958333316514</v>
      </c>
      <c r="B6943" s="8">
        <v>-4.9800999999999998E-2</v>
      </c>
      <c r="C6943">
        <f t="shared" si="325"/>
        <v>23</v>
      </c>
      <c r="D6943">
        <f t="shared" si="326"/>
        <v>10</v>
      </c>
    </row>
    <row r="6944" spans="1:4" x14ac:dyDescent="0.25">
      <c r="A6944" s="7">
        <f t="shared" si="327"/>
        <v>44850.999999983178</v>
      </c>
      <c r="B6944" s="8">
        <v>-4.9800999999999998E-2</v>
      </c>
      <c r="C6944">
        <f t="shared" si="325"/>
        <v>0</v>
      </c>
      <c r="D6944">
        <f t="shared" si="326"/>
        <v>10</v>
      </c>
    </row>
    <row r="6945" spans="1:4" x14ac:dyDescent="0.25">
      <c r="A6945" s="7">
        <f t="shared" si="327"/>
        <v>44851.041666649842</v>
      </c>
      <c r="B6945" s="8">
        <v>-4.9800999999999998E-2</v>
      </c>
      <c r="C6945">
        <f t="shared" si="325"/>
        <v>1</v>
      </c>
      <c r="D6945">
        <f t="shared" si="326"/>
        <v>10</v>
      </c>
    </row>
    <row r="6946" spans="1:4" x14ac:dyDescent="0.25">
      <c r="A6946" s="7">
        <f t="shared" si="327"/>
        <v>44851.083333316506</v>
      </c>
      <c r="B6946" s="8">
        <v>-4.9800999999999998E-2</v>
      </c>
      <c r="C6946">
        <f t="shared" si="325"/>
        <v>2</v>
      </c>
      <c r="D6946">
        <f t="shared" si="326"/>
        <v>10</v>
      </c>
    </row>
    <row r="6947" spans="1:4" x14ac:dyDescent="0.25">
      <c r="A6947" s="7">
        <f t="shared" si="327"/>
        <v>44851.124999983171</v>
      </c>
      <c r="B6947" s="8">
        <v>-4.9800999999999998E-2</v>
      </c>
      <c r="C6947">
        <f t="shared" si="325"/>
        <v>3</v>
      </c>
      <c r="D6947">
        <f t="shared" si="326"/>
        <v>10</v>
      </c>
    </row>
    <row r="6948" spans="1:4" x14ac:dyDescent="0.25">
      <c r="A6948" s="7">
        <f t="shared" si="327"/>
        <v>44851.166666649835</v>
      </c>
      <c r="B6948" s="8">
        <v>-4.9800999999999998E-2</v>
      </c>
      <c r="C6948">
        <f t="shared" si="325"/>
        <v>4</v>
      </c>
      <c r="D6948">
        <f t="shared" si="326"/>
        <v>10</v>
      </c>
    </row>
    <row r="6949" spans="1:4" x14ac:dyDescent="0.25">
      <c r="A6949" s="7">
        <f t="shared" si="327"/>
        <v>44851.208333316499</v>
      </c>
      <c r="B6949" s="8">
        <v>-4.9800999999999998E-2</v>
      </c>
      <c r="C6949">
        <f t="shared" si="325"/>
        <v>5</v>
      </c>
      <c r="D6949">
        <f t="shared" si="326"/>
        <v>10</v>
      </c>
    </row>
    <row r="6950" spans="1:4" x14ac:dyDescent="0.25">
      <c r="A6950" s="7">
        <f t="shared" si="327"/>
        <v>44851.249999983163</v>
      </c>
      <c r="B6950" s="8">
        <v>-4.9800999999999998E-2</v>
      </c>
      <c r="C6950">
        <f t="shared" si="325"/>
        <v>6</v>
      </c>
      <c r="D6950">
        <f t="shared" si="326"/>
        <v>10</v>
      </c>
    </row>
    <row r="6951" spans="1:4" x14ac:dyDescent="0.25">
      <c r="A6951" s="7">
        <f t="shared" si="327"/>
        <v>44851.291666649828</v>
      </c>
      <c r="B6951" s="8">
        <v>-4.9800999999999998E-2</v>
      </c>
      <c r="C6951">
        <f t="shared" si="325"/>
        <v>7</v>
      </c>
      <c r="D6951">
        <f t="shared" si="326"/>
        <v>10</v>
      </c>
    </row>
    <row r="6952" spans="1:4" x14ac:dyDescent="0.25">
      <c r="A6952" s="7">
        <f t="shared" si="327"/>
        <v>44851.333333316492</v>
      </c>
      <c r="B6952" s="8">
        <v>3.1937460855689421</v>
      </c>
      <c r="C6952">
        <f t="shared" si="325"/>
        <v>8</v>
      </c>
      <c r="D6952">
        <f t="shared" si="326"/>
        <v>10</v>
      </c>
    </row>
    <row r="6953" spans="1:4" x14ac:dyDescent="0.25">
      <c r="A6953" s="7">
        <f t="shared" si="327"/>
        <v>44851.374999983156</v>
      </c>
      <c r="B6953" s="8">
        <v>10.779572214530864</v>
      </c>
      <c r="C6953">
        <f t="shared" si="325"/>
        <v>9</v>
      </c>
      <c r="D6953">
        <f t="shared" si="326"/>
        <v>10</v>
      </c>
    </row>
    <row r="6954" spans="1:4" x14ac:dyDescent="0.25">
      <c r="A6954" s="7">
        <f t="shared" si="327"/>
        <v>44851.41666664982</v>
      </c>
      <c r="B6954" s="8">
        <v>16.357866175305329</v>
      </c>
      <c r="C6954">
        <f t="shared" si="325"/>
        <v>10</v>
      </c>
      <c r="D6954">
        <f t="shared" si="326"/>
        <v>10</v>
      </c>
    </row>
    <row r="6955" spans="1:4" x14ac:dyDescent="0.25">
      <c r="A6955" s="7">
        <f t="shared" si="327"/>
        <v>44851.458333316485</v>
      </c>
      <c r="B6955" s="8">
        <v>19.839495170471071</v>
      </c>
      <c r="C6955">
        <f t="shared" si="325"/>
        <v>11</v>
      </c>
      <c r="D6955">
        <f t="shared" si="326"/>
        <v>10</v>
      </c>
    </row>
    <row r="6956" spans="1:4" x14ac:dyDescent="0.25">
      <c r="A6956" s="7">
        <f t="shared" si="327"/>
        <v>44851.499999983149</v>
      </c>
      <c r="B6956" s="8">
        <v>20.451310895671476</v>
      </c>
      <c r="C6956">
        <f t="shared" si="325"/>
        <v>12</v>
      </c>
      <c r="D6956">
        <f t="shared" si="326"/>
        <v>10</v>
      </c>
    </row>
    <row r="6957" spans="1:4" x14ac:dyDescent="0.25">
      <c r="A6957" s="7">
        <f t="shared" si="327"/>
        <v>44851.541666649813</v>
      </c>
      <c r="B6957" s="8">
        <v>20.451315018134213</v>
      </c>
      <c r="C6957">
        <f t="shared" si="325"/>
        <v>13</v>
      </c>
      <c r="D6957">
        <f t="shared" si="326"/>
        <v>10</v>
      </c>
    </row>
    <row r="6958" spans="1:4" x14ac:dyDescent="0.25">
      <c r="A6958" s="7">
        <f t="shared" si="327"/>
        <v>44851.583333316477</v>
      </c>
      <c r="B6958" s="8">
        <v>20.451300589514638</v>
      </c>
      <c r="C6958">
        <f t="shared" si="325"/>
        <v>14</v>
      </c>
      <c r="D6958">
        <f t="shared" si="326"/>
        <v>10</v>
      </c>
    </row>
    <row r="6959" spans="1:4" x14ac:dyDescent="0.25">
      <c r="A6959" s="7">
        <f t="shared" si="327"/>
        <v>44851.624999983142</v>
      </c>
      <c r="B6959" s="8">
        <v>17.839917294131883</v>
      </c>
      <c r="C6959">
        <f t="shared" si="325"/>
        <v>15</v>
      </c>
      <c r="D6959">
        <f t="shared" si="326"/>
        <v>10</v>
      </c>
    </row>
    <row r="6960" spans="1:4" x14ac:dyDescent="0.25">
      <c r="A6960" s="7">
        <f t="shared" si="327"/>
        <v>44851.666666649806</v>
      </c>
      <c r="B6960" s="8">
        <v>12.373338981644089</v>
      </c>
      <c r="C6960">
        <f t="shared" si="325"/>
        <v>16</v>
      </c>
      <c r="D6960">
        <f t="shared" si="326"/>
        <v>10</v>
      </c>
    </row>
    <row r="6961" spans="1:4" x14ac:dyDescent="0.25">
      <c r="A6961" s="7">
        <f t="shared" si="327"/>
        <v>44851.70833331647</v>
      </c>
      <c r="B6961" s="8">
        <v>5.6809391604272168</v>
      </c>
      <c r="C6961">
        <f t="shared" si="325"/>
        <v>17</v>
      </c>
      <c r="D6961">
        <f t="shared" si="326"/>
        <v>10</v>
      </c>
    </row>
    <row r="6962" spans="1:4" x14ac:dyDescent="0.25">
      <c r="A6962" s="7">
        <f t="shared" si="327"/>
        <v>44851.749999983134</v>
      </c>
      <c r="B6962" s="8">
        <v>0.56757551635372483</v>
      </c>
      <c r="C6962">
        <f t="shared" si="325"/>
        <v>18</v>
      </c>
      <c r="D6962">
        <f t="shared" si="326"/>
        <v>10</v>
      </c>
    </row>
    <row r="6963" spans="1:4" x14ac:dyDescent="0.25">
      <c r="A6963" s="7">
        <f t="shared" si="327"/>
        <v>44851.791666649799</v>
      </c>
      <c r="B6963" s="8">
        <v>-4.9800999999999998E-2</v>
      </c>
      <c r="C6963">
        <f t="shared" si="325"/>
        <v>19</v>
      </c>
      <c r="D6963">
        <f t="shared" si="326"/>
        <v>10</v>
      </c>
    </row>
    <row r="6964" spans="1:4" x14ac:dyDescent="0.25">
      <c r="A6964" s="7">
        <f t="shared" si="327"/>
        <v>44851.833333316463</v>
      </c>
      <c r="B6964" s="8">
        <v>-4.9800999999999998E-2</v>
      </c>
      <c r="C6964">
        <f t="shared" si="325"/>
        <v>20</v>
      </c>
      <c r="D6964">
        <f t="shared" si="326"/>
        <v>10</v>
      </c>
    </row>
    <row r="6965" spans="1:4" x14ac:dyDescent="0.25">
      <c r="A6965" s="7">
        <f t="shared" si="327"/>
        <v>44851.874999983127</v>
      </c>
      <c r="B6965" s="8">
        <v>-4.9800999999999998E-2</v>
      </c>
      <c r="C6965">
        <f t="shared" si="325"/>
        <v>21</v>
      </c>
      <c r="D6965">
        <f t="shared" si="326"/>
        <v>10</v>
      </c>
    </row>
    <row r="6966" spans="1:4" x14ac:dyDescent="0.25">
      <c r="A6966" s="7">
        <f t="shared" si="327"/>
        <v>44851.916666649791</v>
      </c>
      <c r="B6966" s="8">
        <v>-4.9800999999999998E-2</v>
      </c>
      <c r="C6966">
        <f t="shared" si="325"/>
        <v>22</v>
      </c>
      <c r="D6966">
        <f t="shared" si="326"/>
        <v>10</v>
      </c>
    </row>
    <row r="6967" spans="1:4" x14ac:dyDescent="0.25">
      <c r="A6967" s="7">
        <f t="shared" si="327"/>
        <v>44851.958333316456</v>
      </c>
      <c r="B6967" s="8">
        <v>-4.9800999999999998E-2</v>
      </c>
      <c r="C6967">
        <f t="shared" si="325"/>
        <v>23</v>
      </c>
      <c r="D6967">
        <f t="shared" si="326"/>
        <v>10</v>
      </c>
    </row>
    <row r="6968" spans="1:4" x14ac:dyDescent="0.25">
      <c r="A6968" s="7">
        <f t="shared" si="327"/>
        <v>44851.99999998312</v>
      </c>
      <c r="B6968" s="8">
        <v>-4.9800999999999998E-2</v>
      </c>
      <c r="C6968">
        <f t="shared" si="325"/>
        <v>0</v>
      </c>
      <c r="D6968">
        <f t="shared" si="326"/>
        <v>10</v>
      </c>
    </row>
    <row r="6969" spans="1:4" x14ac:dyDescent="0.25">
      <c r="A6969" s="7">
        <f t="shared" si="327"/>
        <v>44852.041666649784</v>
      </c>
      <c r="B6969" s="8">
        <v>-4.9800999999999998E-2</v>
      </c>
      <c r="C6969">
        <f t="shared" si="325"/>
        <v>1</v>
      </c>
      <c r="D6969">
        <f t="shared" si="326"/>
        <v>10</v>
      </c>
    </row>
    <row r="6970" spans="1:4" x14ac:dyDescent="0.25">
      <c r="A6970" s="7">
        <f t="shared" si="327"/>
        <v>44852.083333316448</v>
      </c>
      <c r="B6970" s="8">
        <v>-4.9800999999999998E-2</v>
      </c>
      <c r="C6970">
        <f t="shared" si="325"/>
        <v>2</v>
      </c>
      <c r="D6970">
        <f t="shared" si="326"/>
        <v>10</v>
      </c>
    </row>
    <row r="6971" spans="1:4" x14ac:dyDescent="0.25">
      <c r="A6971" s="7">
        <f t="shared" si="327"/>
        <v>44852.124999983113</v>
      </c>
      <c r="B6971" s="8">
        <v>-4.9800999999999998E-2</v>
      </c>
      <c r="C6971">
        <f t="shared" si="325"/>
        <v>3</v>
      </c>
      <c r="D6971">
        <f t="shared" si="326"/>
        <v>10</v>
      </c>
    </row>
    <row r="6972" spans="1:4" x14ac:dyDescent="0.25">
      <c r="A6972" s="7">
        <f t="shared" si="327"/>
        <v>44852.166666649777</v>
      </c>
      <c r="B6972" s="8">
        <v>-4.9800999999999998E-2</v>
      </c>
      <c r="C6972">
        <f t="shared" si="325"/>
        <v>4</v>
      </c>
      <c r="D6972">
        <f t="shared" si="326"/>
        <v>10</v>
      </c>
    </row>
    <row r="6973" spans="1:4" x14ac:dyDescent="0.25">
      <c r="A6973" s="7">
        <f t="shared" si="327"/>
        <v>44852.208333316441</v>
      </c>
      <c r="B6973" s="8">
        <v>-4.9800999999999998E-2</v>
      </c>
      <c r="C6973">
        <f t="shared" si="325"/>
        <v>5</v>
      </c>
      <c r="D6973">
        <f t="shared" si="326"/>
        <v>10</v>
      </c>
    </row>
    <row r="6974" spans="1:4" x14ac:dyDescent="0.25">
      <c r="A6974" s="7">
        <f t="shared" si="327"/>
        <v>44852.249999983105</v>
      </c>
      <c r="B6974" s="8">
        <v>-4.9800999999999998E-2</v>
      </c>
      <c r="C6974">
        <f t="shared" si="325"/>
        <v>6</v>
      </c>
      <c r="D6974">
        <f t="shared" si="326"/>
        <v>10</v>
      </c>
    </row>
    <row r="6975" spans="1:4" x14ac:dyDescent="0.25">
      <c r="A6975" s="7">
        <f t="shared" si="327"/>
        <v>44852.291666649769</v>
      </c>
      <c r="B6975" s="8">
        <v>-4.9800999999999998E-2</v>
      </c>
      <c r="C6975">
        <f t="shared" si="325"/>
        <v>7</v>
      </c>
      <c r="D6975">
        <f t="shared" si="326"/>
        <v>10</v>
      </c>
    </row>
    <row r="6976" spans="1:4" x14ac:dyDescent="0.25">
      <c r="A6976" s="7">
        <f t="shared" si="327"/>
        <v>44852.333333316434</v>
      </c>
      <c r="B6976" s="8">
        <v>1.964914148427219</v>
      </c>
      <c r="C6976">
        <f t="shared" si="325"/>
        <v>8</v>
      </c>
      <c r="D6976">
        <f t="shared" si="326"/>
        <v>10</v>
      </c>
    </row>
    <row r="6977" spans="1:4" x14ac:dyDescent="0.25">
      <c r="A6977" s="7">
        <f t="shared" si="327"/>
        <v>44852.374999983098</v>
      </c>
      <c r="B6977" s="8">
        <v>9.3652768626103207</v>
      </c>
      <c r="C6977">
        <f t="shared" si="325"/>
        <v>9</v>
      </c>
      <c r="D6977">
        <f t="shared" si="326"/>
        <v>10</v>
      </c>
    </row>
    <row r="6978" spans="1:4" x14ac:dyDescent="0.25">
      <c r="A6978" s="7">
        <f t="shared" si="327"/>
        <v>44852.416666649762</v>
      </c>
      <c r="B6978" s="8">
        <v>15.354620552131966</v>
      </c>
      <c r="C6978">
        <f t="shared" si="325"/>
        <v>10</v>
      </c>
      <c r="D6978">
        <f t="shared" si="326"/>
        <v>10</v>
      </c>
    </row>
    <row r="6979" spans="1:4" x14ac:dyDescent="0.25">
      <c r="A6979" s="7">
        <f t="shared" si="327"/>
        <v>44852.458333316426</v>
      </c>
      <c r="B6979" s="8">
        <v>16.833594252526421</v>
      </c>
      <c r="C6979">
        <f t="shared" si="325"/>
        <v>11</v>
      </c>
      <c r="D6979">
        <f t="shared" si="326"/>
        <v>10</v>
      </c>
    </row>
    <row r="6980" spans="1:4" x14ac:dyDescent="0.25">
      <c r="A6980" s="7">
        <f t="shared" si="327"/>
        <v>44852.499999983091</v>
      </c>
      <c r="B6980" s="8">
        <v>18.287412685308478</v>
      </c>
      <c r="C6980">
        <f t="shared" si="325"/>
        <v>12</v>
      </c>
      <c r="D6980">
        <f t="shared" si="326"/>
        <v>10</v>
      </c>
    </row>
    <row r="6981" spans="1:4" x14ac:dyDescent="0.25">
      <c r="A6981" s="7">
        <f t="shared" si="327"/>
        <v>44852.541666649755</v>
      </c>
      <c r="B6981" s="8">
        <v>20.451313987518528</v>
      </c>
      <c r="C6981">
        <f t="shared" si="325"/>
        <v>13</v>
      </c>
      <c r="D6981">
        <f t="shared" si="326"/>
        <v>10</v>
      </c>
    </row>
    <row r="6982" spans="1:4" x14ac:dyDescent="0.25">
      <c r="A6982" s="7">
        <f t="shared" si="327"/>
        <v>44852.583333316419</v>
      </c>
      <c r="B6982" s="8">
        <v>20.043769382712259</v>
      </c>
      <c r="C6982">
        <f t="shared" si="325"/>
        <v>14</v>
      </c>
      <c r="D6982">
        <f t="shared" si="326"/>
        <v>10</v>
      </c>
    </row>
    <row r="6983" spans="1:4" x14ac:dyDescent="0.25">
      <c r="A6983" s="7">
        <f t="shared" si="327"/>
        <v>44852.624999983083</v>
      </c>
      <c r="B6983" s="8">
        <v>11.859118439245371</v>
      </c>
      <c r="C6983">
        <f t="shared" si="325"/>
        <v>15</v>
      </c>
      <c r="D6983">
        <f t="shared" si="326"/>
        <v>10</v>
      </c>
    </row>
    <row r="6984" spans="1:4" x14ac:dyDescent="0.25">
      <c r="A6984" s="7">
        <f t="shared" si="327"/>
        <v>44852.666666649748</v>
      </c>
      <c r="B6984" s="8">
        <v>10.896862463051699</v>
      </c>
      <c r="C6984">
        <f t="shared" si="325"/>
        <v>16</v>
      </c>
      <c r="D6984">
        <f t="shared" si="326"/>
        <v>10</v>
      </c>
    </row>
    <row r="6985" spans="1:4" x14ac:dyDescent="0.25">
      <c r="A6985" s="7">
        <f t="shared" si="327"/>
        <v>44852.708333316412</v>
      </c>
      <c r="B6985" s="8">
        <v>4.6035211570999426</v>
      </c>
      <c r="C6985">
        <f t="shared" si="325"/>
        <v>17</v>
      </c>
      <c r="D6985">
        <f t="shared" si="326"/>
        <v>10</v>
      </c>
    </row>
    <row r="6986" spans="1:4" x14ac:dyDescent="0.25">
      <c r="A6986" s="7">
        <f t="shared" si="327"/>
        <v>44852.749999983076</v>
      </c>
      <c r="B6986" s="8">
        <v>0.38477418188639323</v>
      </c>
      <c r="C6986">
        <f t="shared" ref="C6986:C7049" si="328">HOUR(A6986)</f>
        <v>18</v>
      </c>
      <c r="D6986">
        <f t="shared" ref="D6986:D7049" si="329">MONTH(A6986)</f>
        <v>10</v>
      </c>
    </row>
    <row r="6987" spans="1:4" x14ac:dyDescent="0.25">
      <c r="A6987" s="7">
        <f t="shared" ref="A6987:A7050" si="330">+A6986+1/24</f>
        <v>44852.79166664974</v>
      </c>
      <c r="B6987" s="8">
        <v>-4.9800999999999998E-2</v>
      </c>
      <c r="C6987">
        <f t="shared" si="328"/>
        <v>19</v>
      </c>
      <c r="D6987">
        <f t="shared" si="329"/>
        <v>10</v>
      </c>
    </row>
    <row r="6988" spans="1:4" x14ac:dyDescent="0.25">
      <c r="A6988" s="7">
        <f t="shared" si="330"/>
        <v>44852.833333316405</v>
      </c>
      <c r="B6988" s="8">
        <v>-4.9800999999999998E-2</v>
      </c>
      <c r="C6988">
        <f t="shared" si="328"/>
        <v>20</v>
      </c>
      <c r="D6988">
        <f t="shared" si="329"/>
        <v>10</v>
      </c>
    </row>
    <row r="6989" spans="1:4" x14ac:dyDescent="0.25">
      <c r="A6989" s="7">
        <f t="shared" si="330"/>
        <v>44852.874999983069</v>
      </c>
      <c r="B6989" s="8">
        <v>-4.9800999999999998E-2</v>
      </c>
      <c r="C6989">
        <f t="shared" si="328"/>
        <v>21</v>
      </c>
      <c r="D6989">
        <f t="shared" si="329"/>
        <v>10</v>
      </c>
    </row>
    <row r="6990" spans="1:4" x14ac:dyDescent="0.25">
      <c r="A6990" s="7">
        <f t="shared" si="330"/>
        <v>44852.916666649733</v>
      </c>
      <c r="B6990" s="8">
        <v>-4.9800999999999998E-2</v>
      </c>
      <c r="C6990">
        <f t="shared" si="328"/>
        <v>22</v>
      </c>
      <c r="D6990">
        <f t="shared" si="329"/>
        <v>10</v>
      </c>
    </row>
    <row r="6991" spans="1:4" x14ac:dyDescent="0.25">
      <c r="A6991" s="7">
        <f t="shared" si="330"/>
        <v>44852.958333316397</v>
      </c>
      <c r="B6991" s="8">
        <v>-4.9800999999999998E-2</v>
      </c>
      <c r="C6991">
        <f t="shared" si="328"/>
        <v>23</v>
      </c>
      <c r="D6991">
        <f t="shared" si="329"/>
        <v>10</v>
      </c>
    </row>
    <row r="6992" spans="1:4" x14ac:dyDescent="0.25">
      <c r="A6992" s="7">
        <f t="shared" si="330"/>
        <v>44852.999999983062</v>
      </c>
      <c r="B6992" s="8">
        <v>-4.9800999999999998E-2</v>
      </c>
      <c r="C6992">
        <f t="shared" si="328"/>
        <v>0</v>
      </c>
      <c r="D6992">
        <f t="shared" si="329"/>
        <v>10</v>
      </c>
    </row>
    <row r="6993" spans="1:4" x14ac:dyDescent="0.25">
      <c r="A6993" s="7">
        <f t="shared" si="330"/>
        <v>44853.041666649726</v>
      </c>
      <c r="B6993" s="8">
        <v>-4.9800999999999998E-2</v>
      </c>
      <c r="C6993">
        <f t="shared" si="328"/>
        <v>1</v>
      </c>
      <c r="D6993">
        <f t="shared" si="329"/>
        <v>10</v>
      </c>
    </row>
    <row r="6994" spans="1:4" x14ac:dyDescent="0.25">
      <c r="A6994" s="7">
        <f t="shared" si="330"/>
        <v>44853.08333331639</v>
      </c>
      <c r="B6994" s="8">
        <v>-4.9800999999999998E-2</v>
      </c>
      <c r="C6994">
        <f t="shared" si="328"/>
        <v>2</v>
      </c>
      <c r="D6994">
        <f t="shared" si="329"/>
        <v>10</v>
      </c>
    </row>
    <row r="6995" spans="1:4" x14ac:dyDescent="0.25">
      <c r="A6995" s="7">
        <f t="shared" si="330"/>
        <v>44853.124999983054</v>
      </c>
      <c r="B6995" s="8">
        <v>-4.9800999999999998E-2</v>
      </c>
      <c r="C6995">
        <f t="shared" si="328"/>
        <v>3</v>
      </c>
      <c r="D6995">
        <f t="shared" si="329"/>
        <v>10</v>
      </c>
    </row>
    <row r="6996" spans="1:4" x14ac:dyDescent="0.25">
      <c r="A6996" s="7">
        <f t="shared" si="330"/>
        <v>44853.166666649719</v>
      </c>
      <c r="B6996" s="8">
        <v>-4.9800999999999998E-2</v>
      </c>
      <c r="C6996">
        <f t="shared" si="328"/>
        <v>4</v>
      </c>
      <c r="D6996">
        <f t="shared" si="329"/>
        <v>10</v>
      </c>
    </row>
    <row r="6997" spans="1:4" x14ac:dyDescent="0.25">
      <c r="A6997" s="7">
        <f t="shared" si="330"/>
        <v>44853.208333316383</v>
      </c>
      <c r="B6997" s="8">
        <v>-4.9800999999999998E-2</v>
      </c>
      <c r="C6997">
        <f t="shared" si="328"/>
        <v>5</v>
      </c>
      <c r="D6997">
        <f t="shared" si="329"/>
        <v>10</v>
      </c>
    </row>
    <row r="6998" spans="1:4" x14ac:dyDescent="0.25">
      <c r="A6998" s="7">
        <f t="shared" si="330"/>
        <v>44853.249999983047</v>
      </c>
      <c r="B6998" s="8">
        <v>-4.9800999999999998E-2</v>
      </c>
      <c r="C6998">
        <f t="shared" si="328"/>
        <v>6</v>
      </c>
      <c r="D6998">
        <f t="shared" si="329"/>
        <v>10</v>
      </c>
    </row>
    <row r="6999" spans="1:4" x14ac:dyDescent="0.25">
      <c r="A6999" s="7">
        <f t="shared" si="330"/>
        <v>44853.291666649711</v>
      </c>
      <c r="B6999" s="8">
        <v>-4.9800999999999998E-2</v>
      </c>
      <c r="C6999">
        <f t="shared" si="328"/>
        <v>7</v>
      </c>
      <c r="D6999">
        <f t="shared" si="329"/>
        <v>10</v>
      </c>
    </row>
    <row r="7000" spans="1:4" x14ac:dyDescent="0.25">
      <c r="A7000" s="7">
        <f t="shared" si="330"/>
        <v>44853.333333316376</v>
      </c>
      <c r="B7000" s="8">
        <v>0.26563191698160643</v>
      </c>
      <c r="C7000">
        <f t="shared" si="328"/>
        <v>8</v>
      </c>
      <c r="D7000">
        <f t="shared" si="329"/>
        <v>10</v>
      </c>
    </row>
    <row r="7001" spans="1:4" x14ac:dyDescent="0.25">
      <c r="A7001" s="7">
        <f t="shared" si="330"/>
        <v>44853.37499998304</v>
      </c>
      <c r="B7001" s="8">
        <v>2.0830474405774768</v>
      </c>
      <c r="C7001">
        <f t="shared" si="328"/>
        <v>9</v>
      </c>
      <c r="D7001">
        <f t="shared" si="329"/>
        <v>10</v>
      </c>
    </row>
    <row r="7002" spans="1:4" x14ac:dyDescent="0.25">
      <c r="A7002" s="7">
        <f t="shared" si="330"/>
        <v>44853.416666649704</v>
      </c>
      <c r="B7002" s="8">
        <v>3.6353123447161182</v>
      </c>
      <c r="C7002">
        <f t="shared" si="328"/>
        <v>10</v>
      </c>
      <c r="D7002">
        <f t="shared" si="329"/>
        <v>10</v>
      </c>
    </row>
    <row r="7003" spans="1:4" x14ac:dyDescent="0.25">
      <c r="A7003" s="7">
        <f t="shared" si="330"/>
        <v>44853.458333316368</v>
      </c>
      <c r="B7003" s="8">
        <v>3.5724386043046978</v>
      </c>
      <c r="C7003">
        <f t="shared" si="328"/>
        <v>11</v>
      </c>
      <c r="D7003">
        <f t="shared" si="329"/>
        <v>10</v>
      </c>
    </row>
    <row r="7004" spans="1:4" x14ac:dyDescent="0.25">
      <c r="A7004" s="7">
        <f t="shared" si="330"/>
        <v>44853.499999983032</v>
      </c>
      <c r="B7004" s="8">
        <v>2.4731488749339001</v>
      </c>
      <c r="C7004">
        <f t="shared" si="328"/>
        <v>12</v>
      </c>
      <c r="D7004">
        <f t="shared" si="329"/>
        <v>10</v>
      </c>
    </row>
    <row r="7005" spans="1:4" x14ac:dyDescent="0.25">
      <c r="A7005" s="7">
        <f t="shared" si="330"/>
        <v>44853.541666649697</v>
      </c>
      <c r="B7005" s="8">
        <v>3.5973011770628709</v>
      </c>
      <c r="C7005">
        <f t="shared" si="328"/>
        <v>13</v>
      </c>
      <c r="D7005">
        <f t="shared" si="329"/>
        <v>10</v>
      </c>
    </row>
    <row r="7006" spans="1:4" x14ac:dyDescent="0.25">
      <c r="A7006" s="7">
        <f t="shared" si="330"/>
        <v>44853.583333316361</v>
      </c>
      <c r="B7006" s="8">
        <v>2.8625020823038181</v>
      </c>
      <c r="C7006">
        <f t="shared" si="328"/>
        <v>14</v>
      </c>
      <c r="D7006">
        <f t="shared" si="329"/>
        <v>10</v>
      </c>
    </row>
    <row r="7007" spans="1:4" x14ac:dyDescent="0.25">
      <c r="A7007" s="7">
        <f t="shared" si="330"/>
        <v>44853.624999983025</v>
      </c>
      <c r="B7007" s="8">
        <v>2.8125275277919712</v>
      </c>
      <c r="C7007">
        <f t="shared" si="328"/>
        <v>15</v>
      </c>
      <c r="D7007">
        <f t="shared" si="329"/>
        <v>10</v>
      </c>
    </row>
    <row r="7008" spans="1:4" x14ac:dyDescent="0.25">
      <c r="A7008" s="7">
        <f t="shared" si="330"/>
        <v>44853.666666649689</v>
      </c>
      <c r="B7008" s="8">
        <v>2.0282403291238671</v>
      </c>
      <c r="C7008">
        <f t="shared" si="328"/>
        <v>16</v>
      </c>
      <c r="D7008">
        <f t="shared" si="329"/>
        <v>10</v>
      </c>
    </row>
    <row r="7009" spans="1:4" x14ac:dyDescent="0.25">
      <c r="A7009" s="7">
        <f t="shared" si="330"/>
        <v>44853.708333316354</v>
      </c>
      <c r="B7009" s="8">
        <v>0.83111837534408528</v>
      </c>
      <c r="C7009">
        <f t="shared" si="328"/>
        <v>17</v>
      </c>
      <c r="D7009">
        <f t="shared" si="329"/>
        <v>10</v>
      </c>
    </row>
    <row r="7010" spans="1:4" x14ac:dyDescent="0.25">
      <c r="A7010" s="7">
        <f t="shared" si="330"/>
        <v>44853.749999983018</v>
      </c>
      <c r="B7010" s="8">
        <v>-4.9800999999999998E-2</v>
      </c>
      <c r="C7010">
        <f t="shared" si="328"/>
        <v>18</v>
      </c>
      <c r="D7010">
        <f t="shared" si="329"/>
        <v>10</v>
      </c>
    </row>
    <row r="7011" spans="1:4" x14ac:dyDescent="0.25">
      <c r="A7011" s="7">
        <f t="shared" si="330"/>
        <v>44853.791666649682</v>
      </c>
      <c r="B7011" s="8">
        <v>-4.9800999999999998E-2</v>
      </c>
      <c r="C7011">
        <f t="shared" si="328"/>
        <v>19</v>
      </c>
      <c r="D7011">
        <f t="shared" si="329"/>
        <v>10</v>
      </c>
    </row>
    <row r="7012" spans="1:4" x14ac:dyDescent="0.25">
      <c r="A7012" s="7">
        <f t="shared" si="330"/>
        <v>44853.833333316346</v>
      </c>
      <c r="B7012" s="8">
        <v>-4.9800999999999998E-2</v>
      </c>
      <c r="C7012">
        <f t="shared" si="328"/>
        <v>20</v>
      </c>
      <c r="D7012">
        <f t="shared" si="329"/>
        <v>10</v>
      </c>
    </row>
    <row r="7013" spans="1:4" x14ac:dyDescent="0.25">
      <c r="A7013" s="7">
        <f t="shared" si="330"/>
        <v>44853.874999983011</v>
      </c>
      <c r="B7013" s="8">
        <v>-4.9800999999999998E-2</v>
      </c>
      <c r="C7013">
        <f t="shared" si="328"/>
        <v>21</v>
      </c>
      <c r="D7013">
        <f t="shared" si="329"/>
        <v>10</v>
      </c>
    </row>
    <row r="7014" spans="1:4" x14ac:dyDescent="0.25">
      <c r="A7014" s="7">
        <f t="shared" si="330"/>
        <v>44853.916666649675</v>
      </c>
      <c r="B7014" s="8">
        <v>-4.9800999999999998E-2</v>
      </c>
      <c r="C7014">
        <f t="shared" si="328"/>
        <v>22</v>
      </c>
      <c r="D7014">
        <f t="shared" si="329"/>
        <v>10</v>
      </c>
    </row>
    <row r="7015" spans="1:4" x14ac:dyDescent="0.25">
      <c r="A7015" s="7">
        <f t="shared" si="330"/>
        <v>44853.958333316339</v>
      </c>
      <c r="B7015" s="8">
        <v>-4.9800999999999998E-2</v>
      </c>
      <c r="C7015">
        <f t="shared" si="328"/>
        <v>23</v>
      </c>
      <c r="D7015">
        <f t="shared" si="329"/>
        <v>10</v>
      </c>
    </row>
    <row r="7016" spans="1:4" x14ac:dyDescent="0.25">
      <c r="A7016" s="7">
        <f t="shared" si="330"/>
        <v>44853.999999983003</v>
      </c>
      <c r="B7016" s="8">
        <v>-4.9800999999999998E-2</v>
      </c>
      <c r="C7016">
        <f t="shared" si="328"/>
        <v>0</v>
      </c>
      <c r="D7016">
        <f t="shared" si="329"/>
        <v>10</v>
      </c>
    </row>
    <row r="7017" spans="1:4" x14ac:dyDescent="0.25">
      <c r="A7017" s="7">
        <f t="shared" si="330"/>
        <v>44854.041666649668</v>
      </c>
      <c r="B7017" s="8">
        <v>-4.9800999999999998E-2</v>
      </c>
      <c r="C7017">
        <f t="shared" si="328"/>
        <v>1</v>
      </c>
      <c r="D7017">
        <f t="shared" si="329"/>
        <v>10</v>
      </c>
    </row>
    <row r="7018" spans="1:4" x14ac:dyDescent="0.25">
      <c r="A7018" s="7">
        <f t="shared" si="330"/>
        <v>44854.083333316332</v>
      </c>
      <c r="B7018" s="8">
        <v>-4.9800999999999998E-2</v>
      </c>
      <c r="C7018">
        <f t="shared" si="328"/>
        <v>2</v>
      </c>
      <c r="D7018">
        <f t="shared" si="329"/>
        <v>10</v>
      </c>
    </row>
    <row r="7019" spans="1:4" x14ac:dyDescent="0.25">
      <c r="A7019" s="7">
        <f t="shared" si="330"/>
        <v>44854.124999982996</v>
      </c>
      <c r="B7019" s="8">
        <v>-4.9800999999999998E-2</v>
      </c>
      <c r="C7019">
        <f t="shared" si="328"/>
        <v>3</v>
      </c>
      <c r="D7019">
        <f t="shared" si="329"/>
        <v>10</v>
      </c>
    </row>
    <row r="7020" spans="1:4" x14ac:dyDescent="0.25">
      <c r="A7020" s="7">
        <f t="shared" si="330"/>
        <v>44854.16666664966</v>
      </c>
      <c r="B7020" s="8">
        <v>-4.9800999999999998E-2</v>
      </c>
      <c r="C7020">
        <f t="shared" si="328"/>
        <v>4</v>
      </c>
      <c r="D7020">
        <f t="shared" si="329"/>
        <v>10</v>
      </c>
    </row>
    <row r="7021" spans="1:4" x14ac:dyDescent="0.25">
      <c r="A7021" s="7">
        <f t="shared" si="330"/>
        <v>44854.208333316325</v>
      </c>
      <c r="B7021" s="8">
        <v>-4.9800999999999998E-2</v>
      </c>
      <c r="C7021">
        <f t="shared" si="328"/>
        <v>5</v>
      </c>
      <c r="D7021">
        <f t="shared" si="329"/>
        <v>10</v>
      </c>
    </row>
    <row r="7022" spans="1:4" x14ac:dyDescent="0.25">
      <c r="A7022" s="7">
        <f t="shared" si="330"/>
        <v>44854.249999982989</v>
      </c>
      <c r="B7022" s="8">
        <v>-4.9800999999999998E-2</v>
      </c>
      <c r="C7022">
        <f t="shared" si="328"/>
        <v>6</v>
      </c>
      <c r="D7022">
        <f t="shared" si="329"/>
        <v>10</v>
      </c>
    </row>
    <row r="7023" spans="1:4" x14ac:dyDescent="0.25">
      <c r="A7023" s="7">
        <f t="shared" si="330"/>
        <v>44854.291666649653</v>
      </c>
      <c r="B7023" s="8">
        <v>-4.9800999999999998E-2</v>
      </c>
      <c r="C7023">
        <f t="shared" si="328"/>
        <v>7</v>
      </c>
      <c r="D7023">
        <f t="shared" si="329"/>
        <v>10</v>
      </c>
    </row>
    <row r="7024" spans="1:4" x14ac:dyDescent="0.25">
      <c r="A7024" s="7">
        <f t="shared" si="330"/>
        <v>44854.333333316317</v>
      </c>
      <c r="B7024" s="8">
        <v>1.3471919647424371</v>
      </c>
      <c r="C7024">
        <f t="shared" si="328"/>
        <v>8</v>
      </c>
      <c r="D7024">
        <f t="shared" si="329"/>
        <v>10</v>
      </c>
    </row>
    <row r="7025" spans="1:4" x14ac:dyDescent="0.25">
      <c r="A7025" s="7">
        <f t="shared" si="330"/>
        <v>44854.374999982982</v>
      </c>
      <c r="B7025" s="8">
        <v>3.4301868439200356</v>
      </c>
      <c r="C7025">
        <f t="shared" si="328"/>
        <v>9</v>
      </c>
      <c r="D7025">
        <f t="shared" si="329"/>
        <v>10</v>
      </c>
    </row>
    <row r="7026" spans="1:4" x14ac:dyDescent="0.25">
      <c r="A7026" s="7">
        <f t="shared" si="330"/>
        <v>44854.416666649646</v>
      </c>
      <c r="B7026" s="8">
        <v>6.3450977949810516</v>
      </c>
      <c r="C7026">
        <f t="shared" si="328"/>
        <v>10</v>
      </c>
      <c r="D7026">
        <f t="shared" si="329"/>
        <v>10</v>
      </c>
    </row>
    <row r="7027" spans="1:4" x14ac:dyDescent="0.25">
      <c r="A7027" s="7">
        <f t="shared" si="330"/>
        <v>44854.45833331631</v>
      </c>
      <c r="B7027" s="8">
        <v>17.911405951044941</v>
      </c>
      <c r="C7027">
        <f t="shared" si="328"/>
        <v>11</v>
      </c>
      <c r="D7027">
        <f t="shared" si="329"/>
        <v>10</v>
      </c>
    </row>
    <row r="7028" spans="1:4" x14ac:dyDescent="0.25">
      <c r="A7028" s="7">
        <f t="shared" si="330"/>
        <v>44854.499999982974</v>
      </c>
      <c r="B7028" s="8">
        <v>20.451271732275487</v>
      </c>
      <c r="C7028">
        <f t="shared" si="328"/>
        <v>12</v>
      </c>
      <c r="D7028">
        <f t="shared" si="329"/>
        <v>10</v>
      </c>
    </row>
    <row r="7029" spans="1:4" x14ac:dyDescent="0.25">
      <c r="A7029" s="7">
        <f t="shared" si="330"/>
        <v>44854.541666649639</v>
      </c>
      <c r="B7029" s="8">
        <v>20.451295436436219</v>
      </c>
      <c r="C7029">
        <f t="shared" si="328"/>
        <v>13</v>
      </c>
      <c r="D7029">
        <f t="shared" si="329"/>
        <v>10</v>
      </c>
    </row>
    <row r="7030" spans="1:4" x14ac:dyDescent="0.25">
      <c r="A7030" s="7">
        <f t="shared" si="330"/>
        <v>44854.583333316303</v>
      </c>
      <c r="B7030" s="8">
        <v>20.451295436436219</v>
      </c>
      <c r="C7030">
        <f t="shared" si="328"/>
        <v>14</v>
      </c>
      <c r="D7030">
        <f t="shared" si="329"/>
        <v>10</v>
      </c>
    </row>
    <row r="7031" spans="1:4" x14ac:dyDescent="0.25">
      <c r="A7031" s="7">
        <f t="shared" si="330"/>
        <v>44854.624999982967</v>
      </c>
      <c r="B7031" s="8">
        <v>18.154576629811839</v>
      </c>
      <c r="C7031">
        <f t="shared" si="328"/>
        <v>15</v>
      </c>
      <c r="D7031">
        <f t="shared" si="329"/>
        <v>10</v>
      </c>
    </row>
    <row r="7032" spans="1:4" x14ac:dyDescent="0.25">
      <c r="A7032" s="7">
        <f t="shared" si="330"/>
        <v>44854.666666649631</v>
      </c>
      <c r="B7032" s="8">
        <v>12.797281712596739</v>
      </c>
      <c r="C7032">
        <f t="shared" si="328"/>
        <v>16</v>
      </c>
      <c r="D7032">
        <f t="shared" si="329"/>
        <v>10</v>
      </c>
    </row>
    <row r="7033" spans="1:4" x14ac:dyDescent="0.25">
      <c r="A7033" s="7">
        <f t="shared" si="330"/>
        <v>44854.708333316295</v>
      </c>
      <c r="B7033" s="8">
        <v>6.4850822008611546</v>
      </c>
      <c r="C7033">
        <f t="shared" si="328"/>
        <v>17</v>
      </c>
      <c r="D7033">
        <f t="shared" si="329"/>
        <v>10</v>
      </c>
    </row>
    <row r="7034" spans="1:4" x14ac:dyDescent="0.25">
      <c r="A7034" s="7">
        <f t="shared" si="330"/>
        <v>44854.74999998296</v>
      </c>
      <c r="B7034" s="8">
        <v>0.37264898836542215</v>
      </c>
      <c r="C7034">
        <f t="shared" si="328"/>
        <v>18</v>
      </c>
      <c r="D7034">
        <f t="shared" si="329"/>
        <v>10</v>
      </c>
    </row>
    <row r="7035" spans="1:4" x14ac:dyDescent="0.25">
      <c r="A7035" s="7">
        <f t="shared" si="330"/>
        <v>44854.791666649624</v>
      </c>
      <c r="B7035" s="8">
        <v>-4.9800999999999998E-2</v>
      </c>
      <c r="C7035">
        <f t="shared" si="328"/>
        <v>19</v>
      </c>
      <c r="D7035">
        <f t="shared" si="329"/>
        <v>10</v>
      </c>
    </row>
    <row r="7036" spans="1:4" x14ac:dyDescent="0.25">
      <c r="A7036" s="7">
        <f t="shared" si="330"/>
        <v>44854.833333316288</v>
      </c>
      <c r="B7036" s="8">
        <v>-4.9800999999999998E-2</v>
      </c>
      <c r="C7036">
        <f t="shared" si="328"/>
        <v>20</v>
      </c>
      <c r="D7036">
        <f t="shared" si="329"/>
        <v>10</v>
      </c>
    </row>
    <row r="7037" spans="1:4" x14ac:dyDescent="0.25">
      <c r="A7037" s="7">
        <f t="shared" si="330"/>
        <v>44854.874999982952</v>
      </c>
      <c r="B7037" s="8">
        <v>-4.9800999999999998E-2</v>
      </c>
      <c r="C7037">
        <f t="shared" si="328"/>
        <v>21</v>
      </c>
      <c r="D7037">
        <f t="shared" si="329"/>
        <v>10</v>
      </c>
    </row>
    <row r="7038" spans="1:4" x14ac:dyDescent="0.25">
      <c r="A7038" s="7">
        <f t="shared" si="330"/>
        <v>44854.916666649617</v>
      </c>
      <c r="B7038" s="8">
        <v>-4.9800999999999998E-2</v>
      </c>
      <c r="C7038">
        <f t="shared" si="328"/>
        <v>22</v>
      </c>
      <c r="D7038">
        <f t="shared" si="329"/>
        <v>10</v>
      </c>
    </row>
    <row r="7039" spans="1:4" x14ac:dyDescent="0.25">
      <c r="A7039" s="7">
        <f t="shared" si="330"/>
        <v>44854.958333316281</v>
      </c>
      <c r="B7039" s="8">
        <v>-4.9800999999999998E-2</v>
      </c>
      <c r="C7039">
        <f t="shared" si="328"/>
        <v>23</v>
      </c>
      <c r="D7039">
        <f t="shared" si="329"/>
        <v>10</v>
      </c>
    </row>
    <row r="7040" spans="1:4" x14ac:dyDescent="0.25">
      <c r="A7040" s="7">
        <f t="shared" si="330"/>
        <v>44854.999999982945</v>
      </c>
      <c r="B7040" s="8">
        <v>-4.9800999999999998E-2</v>
      </c>
      <c r="C7040">
        <f t="shared" si="328"/>
        <v>0</v>
      </c>
      <c r="D7040">
        <f t="shared" si="329"/>
        <v>10</v>
      </c>
    </row>
    <row r="7041" spans="1:4" x14ac:dyDescent="0.25">
      <c r="A7041" s="7">
        <f t="shared" si="330"/>
        <v>44855.041666649609</v>
      </c>
      <c r="B7041" s="8">
        <v>-4.9800999999999998E-2</v>
      </c>
      <c r="C7041">
        <f t="shared" si="328"/>
        <v>1</v>
      </c>
      <c r="D7041">
        <f t="shared" si="329"/>
        <v>10</v>
      </c>
    </row>
    <row r="7042" spans="1:4" x14ac:dyDescent="0.25">
      <c r="A7042" s="7">
        <f t="shared" si="330"/>
        <v>44855.083333316274</v>
      </c>
      <c r="B7042" s="8">
        <v>-4.9800999999999998E-2</v>
      </c>
      <c r="C7042">
        <f t="shared" si="328"/>
        <v>2</v>
      </c>
      <c r="D7042">
        <f t="shared" si="329"/>
        <v>10</v>
      </c>
    </row>
    <row r="7043" spans="1:4" x14ac:dyDescent="0.25">
      <c r="A7043" s="7">
        <f t="shared" si="330"/>
        <v>44855.124999982938</v>
      </c>
      <c r="B7043" s="8">
        <v>-4.9800999999999998E-2</v>
      </c>
      <c r="C7043">
        <f t="shared" si="328"/>
        <v>3</v>
      </c>
      <c r="D7043">
        <f t="shared" si="329"/>
        <v>10</v>
      </c>
    </row>
    <row r="7044" spans="1:4" x14ac:dyDescent="0.25">
      <c r="A7044" s="7">
        <f t="shared" si="330"/>
        <v>44855.166666649602</v>
      </c>
      <c r="B7044" s="8">
        <v>-4.9800999999999998E-2</v>
      </c>
      <c r="C7044">
        <f t="shared" si="328"/>
        <v>4</v>
      </c>
      <c r="D7044">
        <f t="shared" si="329"/>
        <v>10</v>
      </c>
    </row>
    <row r="7045" spans="1:4" x14ac:dyDescent="0.25">
      <c r="A7045" s="7">
        <f t="shared" si="330"/>
        <v>44855.208333316266</v>
      </c>
      <c r="B7045" s="8">
        <v>-4.9800999999999998E-2</v>
      </c>
      <c r="C7045">
        <f t="shared" si="328"/>
        <v>5</v>
      </c>
      <c r="D7045">
        <f t="shared" si="329"/>
        <v>10</v>
      </c>
    </row>
    <row r="7046" spans="1:4" x14ac:dyDescent="0.25">
      <c r="A7046" s="7">
        <f t="shared" si="330"/>
        <v>44855.249999982931</v>
      </c>
      <c r="B7046" s="8">
        <v>-4.9800999999999998E-2</v>
      </c>
      <c r="C7046">
        <f t="shared" si="328"/>
        <v>6</v>
      </c>
      <c r="D7046">
        <f t="shared" si="329"/>
        <v>10</v>
      </c>
    </row>
    <row r="7047" spans="1:4" x14ac:dyDescent="0.25">
      <c r="A7047" s="7">
        <f t="shared" si="330"/>
        <v>44855.291666649595</v>
      </c>
      <c r="B7047" s="8">
        <v>-4.9800999999999998E-2</v>
      </c>
      <c r="C7047">
        <f t="shared" si="328"/>
        <v>7</v>
      </c>
      <c r="D7047">
        <f t="shared" si="329"/>
        <v>10</v>
      </c>
    </row>
    <row r="7048" spans="1:4" x14ac:dyDescent="0.25">
      <c r="A7048" s="7">
        <f t="shared" si="330"/>
        <v>44855.333333316259</v>
      </c>
      <c r="B7048" s="8">
        <v>0.36240260723618339</v>
      </c>
      <c r="C7048">
        <f t="shared" si="328"/>
        <v>8</v>
      </c>
      <c r="D7048">
        <f t="shared" si="329"/>
        <v>10</v>
      </c>
    </row>
    <row r="7049" spans="1:4" x14ac:dyDescent="0.25">
      <c r="A7049" s="7">
        <f t="shared" si="330"/>
        <v>44855.374999982923</v>
      </c>
      <c r="B7049" s="8">
        <v>3.275015285322123</v>
      </c>
      <c r="C7049">
        <f t="shared" si="328"/>
        <v>9</v>
      </c>
      <c r="D7049">
        <f t="shared" si="329"/>
        <v>10</v>
      </c>
    </row>
    <row r="7050" spans="1:4" x14ac:dyDescent="0.25">
      <c r="A7050" s="7">
        <f t="shared" si="330"/>
        <v>44855.416666649588</v>
      </c>
      <c r="B7050" s="8">
        <v>3.4643373252214293</v>
      </c>
      <c r="C7050">
        <f t="shared" ref="C7050:C7113" si="331">HOUR(A7050)</f>
        <v>10</v>
      </c>
      <c r="D7050">
        <f t="shared" ref="D7050:D7113" si="332">MONTH(A7050)</f>
        <v>10</v>
      </c>
    </row>
    <row r="7051" spans="1:4" x14ac:dyDescent="0.25">
      <c r="A7051" s="7">
        <f t="shared" ref="A7051:A7114" si="333">+A7050+1/24</f>
        <v>44855.458333316252</v>
      </c>
      <c r="B7051" s="8">
        <v>10.494713131350597</v>
      </c>
      <c r="C7051">
        <f t="shared" si="331"/>
        <v>11</v>
      </c>
      <c r="D7051">
        <f t="shared" si="332"/>
        <v>10</v>
      </c>
    </row>
    <row r="7052" spans="1:4" x14ac:dyDescent="0.25">
      <c r="A7052" s="7">
        <f t="shared" si="333"/>
        <v>44855.499999982916</v>
      </c>
      <c r="B7052" s="8">
        <v>15.254270533607237</v>
      </c>
      <c r="C7052">
        <f t="shared" si="331"/>
        <v>12</v>
      </c>
      <c r="D7052">
        <f t="shared" si="332"/>
        <v>10</v>
      </c>
    </row>
    <row r="7053" spans="1:4" x14ac:dyDescent="0.25">
      <c r="A7053" s="7">
        <f t="shared" si="333"/>
        <v>44855.54166664958</v>
      </c>
      <c r="B7053" s="8">
        <v>17.454410344494242</v>
      </c>
      <c r="C7053">
        <f t="shared" si="331"/>
        <v>13</v>
      </c>
      <c r="D7053">
        <f t="shared" si="332"/>
        <v>10</v>
      </c>
    </row>
    <row r="7054" spans="1:4" x14ac:dyDescent="0.25">
      <c r="A7054" s="7">
        <f t="shared" si="333"/>
        <v>44855.583333316245</v>
      </c>
      <c r="B7054" s="8">
        <v>12.33733545334306</v>
      </c>
      <c r="C7054">
        <f t="shared" si="331"/>
        <v>14</v>
      </c>
      <c r="D7054">
        <f t="shared" si="332"/>
        <v>10</v>
      </c>
    </row>
    <row r="7055" spans="1:4" x14ac:dyDescent="0.25">
      <c r="A7055" s="7">
        <f t="shared" si="333"/>
        <v>44855.624999982909</v>
      </c>
      <c r="B7055" s="8">
        <v>4.3611636341076334</v>
      </c>
      <c r="C7055">
        <f t="shared" si="331"/>
        <v>15</v>
      </c>
      <c r="D7055">
        <f t="shared" si="332"/>
        <v>10</v>
      </c>
    </row>
    <row r="7056" spans="1:4" x14ac:dyDescent="0.25">
      <c r="A7056" s="7">
        <f t="shared" si="333"/>
        <v>44855.666666649573</v>
      </c>
      <c r="B7056" s="8">
        <v>1.2621218543470683</v>
      </c>
      <c r="C7056">
        <f t="shared" si="331"/>
        <v>16</v>
      </c>
      <c r="D7056">
        <f t="shared" si="332"/>
        <v>10</v>
      </c>
    </row>
    <row r="7057" spans="1:4" x14ac:dyDescent="0.25">
      <c r="A7057" s="7">
        <f t="shared" si="333"/>
        <v>44855.708333316237</v>
      </c>
      <c r="B7057" s="8">
        <v>0.72966044495917459</v>
      </c>
      <c r="C7057">
        <f t="shared" si="331"/>
        <v>17</v>
      </c>
      <c r="D7057">
        <f t="shared" si="332"/>
        <v>10</v>
      </c>
    </row>
    <row r="7058" spans="1:4" x14ac:dyDescent="0.25">
      <c r="A7058" s="7">
        <f t="shared" si="333"/>
        <v>44855.749999982901</v>
      </c>
      <c r="B7058" s="8">
        <v>-4.9800999999999998E-2</v>
      </c>
      <c r="C7058">
        <f t="shared" si="331"/>
        <v>18</v>
      </c>
      <c r="D7058">
        <f t="shared" si="332"/>
        <v>10</v>
      </c>
    </row>
    <row r="7059" spans="1:4" x14ac:dyDescent="0.25">
      <c r="A7059" s="7">
        <f t="shared" si="333"/>
        <v>44855.791666649566</v>
      </c>
      <c r="B7059" s="8">
        <v>-4.9800999999999998E-2</v>
      </c>
      <c r="C7059">
        <f t="shared" si="331"/>
        <v>19</v>
      </c>
      <c r="D7059">
        <f t="shared" si="332"/>
        <v>10</v>
      </c>
    </row>
    <row r="7060" spans="1:4" x14ac:dyDescent="0.25">
      <c r="A7060" s="7">
        <f t="shared" si="333"/>
        <v>44855.83333331623</v>
      </c>
      <c r="B7060" s="8">
        <v>-4.9800999999999998E-2</v>
      </c>
      <c r="C7060">
        <f t="shared" si="331"/>
        <v>20</v>
      </c>
      <c r="D7060">
        <f t="shared" si="332"/>
        <v>10</v>
      </c>
    </row>
    <row r="7061" spans="1:4" x14ac:dyDescent="0.25">
      <c r="A7061" s="7">
        <f t="shared" si="333"/>
        <v>44855.874999982894</v>
      </c>
      <c r="B7061" s="8">
        <v>-4.9800999999999998E-2</v>
      </c>
      <c r="C7061">
        <f t="shared" si="331"/>
        <v>21</v>
      </c>
      <c r="D7061">
        <f t="shared" si="332"/>
        <v>10</v>
      </c>
    </row>
    <row r="7062" spans="1:4" x14ac:dyDescent="0.25">
      <c r="A7062" s="7">
        <f t="shared" si="333"/>
        <v>44855.916666649558</v>
      </c>
      <c r="B7062" s="8">
        <v>-4.9800999999999998E-2</v>
      </c>
      <c r="C7062">
        <f t="shared" si="331"/>
        <v>22</v>
      </c>
      <c r="D7062">
        <f t="shared" si="332"/>
        <v>10</v>
      </c>
    </row>
    <row r="7063" spans="1:4" x14ac:dyDescent="0.25">
      <c r="A7063" s="7">
        <f t="shared" si="333"/>
        <v>44855.958333316223</v>
      </c>
      <c r="B7063" s="8">
        <v>-4.9800999999999998E-2</v>
      </c>
      <c r="C7063">
        <f t="shared" si="331"/>
        <v>23</v>
      </c>
      <c r="D7063">
        <f t="shared" si="332"/>
        <v>10</v>
      </c>
    </row>
    <row r="7064" spans="1:4" x14ac:dyDescent="0.25">
      <c r="A7064" s="7">
        <f t="shared" si="333"/>
        <v>44855.999999982887</v>
      </c>
      <c r="B7064" s="8">
        <v>-4.9800999999999998E-2</v>
      </c>
      <c r="C7064">
        <f t="shared" si="331"/>
        <v>0</v>
      </c>
      <c r="D7064">
        <f t="shared" si="332"/>
        <v>10</v>
      </c>
    </row>
    <row r="7065" spans="1:4" x14ac:dyDescent="0.25">
      <c r="A7065" s="7">
        <f t="shared" si="333"/>
        <v>44856.041666649551</v>
      </c>
      <c r="B7065" s="8">
        <v>-4.9800999999999998E-2</v>
      </c>
      <c r="C7065">
        <f t="shared" si="331"/>
        <v>1</v>
      </c>
      <c r="D7065">
        <f t="shared" si="332"/>
        <v>10</v>
      </c>
    </row>
    <row r="7066" spans="1:4" x14ac:dyDescent="0.25">
      <c r="A7066" s="7">
        <f t="shared" si="333"/>
        <v>44856.083333316215</v>
      </c>
      <c r="B7066" s="8">
        <v>-4.9800999999999998E-2</v>
      </c>
      <c r="C7066">
        <f t="shared" si="331"/>
        <v>2</v>
      </c>
      <c r="D7066">
        <f t="shared" si="332"/>
        <v>10</v>
      </c>
    </row>
    <row r="7067" spans="1:4" x14ac:dyDescent="0.25">
      <c r="A7067" s="7">
        <f t="shared" si="333"/>
        <v>44856.12499998288</v>
      </c>
      <c r="B7067" s="8">
        <v>-4.9800999999999998E-2</v>
      </c>
      <c r="C7067">
        <f t="shared" si="331"/>
        <v>3</v>
      </c>
      <c r="D7067">
        <f t="shared" si="332"/>
        <v>10</v>
      </c>
    </row>
    <row r="7068" spans="1:4" x14ac:dyDescent="0.25">
      <c r="A7068" s="7">
        <f t="shared" si="333"/>
        <v>44856.166666649544</v>
      </c>
      <c r="B7068" s="8">
        <v>-4.9800999999999998E-2</v>
      </c>
      <c r="C7068">
        <f t="shared" si="331"/>
        <v>4</v>
      </c>
      <c r="D7068">
        <f t="shared" si="332"/>
        <v>10</v>
      </c>
    </row>
    <row r="7069" spans="1:4" x14ac:dyDescent="0.25">
      <c r="A7069" s="7">
        <f t="shared" si="333"/>
        <v>44856.208333316208</v>
      </c>
      <c r="B7069" s="8">
        <v>-4.9800999999999998E-2</v>
      </c>
      <c r="C7069">
        <f t="shared" si="331"/>
        <v>5</v>
      </c>
      <c r="D7069">
        <f t="shared" si="332"/>
        <v>10</v>
      </c>
    </row>
    <row r="7070" spans="1:4" x14ac:dyDescent="0.25">
      <c r="A7070" s="7">
        <f t="shared" si="333"/>
        <v>44856.249999982872</v>
      </c>
      <c r="B7070" s="8">
        <v>-4.9800999999999998E-2</v>
      </c>
      <c r="C7070">
        <f t="shared" si="331"/>
        <v>6</v>
      </c>
      <c r="D7070">
        <f t="shared" si="332"/>
        <v>10</v>
      </c>
    </row>
    <row r="7071" spans="1:4" x14ac:dyDescent="0.25">
      <c r="A7071" s="7">
        <f t="shared" si="333"/>
        <v>44856.291666649537</v>
      </c>
      <c r="B7071" s="8">
        <v>-4.9800999999999998E-2</v>
      </c>
      <c r="C7071">
        <f t="shared" si="331"/>
        <v>7</v>
      </c>
      <c r="D7071">
        <f t="shared" si="332"/>
        <v>10</v>
      </c>
    </row>
    <row r="7072" spans="1:4" x14ac:dyDescent="0.25">
      <c r="A7072" s="7">
        <f t="shared" si="333"/>
        <v>44856.333333316201</v>
      </c>
      <c r="B7072" s="8">
        <v>0.36501315676347784</v>
      </c>
      <c r="C7072">
        <f t="shared" si="331"/>
        <v>8</v>
      </c>
      <c r="D7072">
        <f t="shared" si="332"/>
        <v>10</v>
      </c>
    </row>
    <row r="7073" spans="1:4" x14ac:dyDescent="0.25">
      <c r="A7073" s="7">
        <f t="shared" si="333"/>
        <v>44856.374999982865</v>
      </c>
      <c r="B7073" s="8">
        <v>10.021793481868105</v>
      </c>
      <c r="C7073">
        <f t="shared" si="331"/>
        <v>9</v>
      </c>
      <c r="D7073">
        <f t="shared" si="332"/>
        <v>10</v>
      </c>
    </row>
    <row r="7074" spans="1:4" x14ac:dyDescent="0.25">
      <c r="A7074" s="7">
        <f t="shared" si="333"/>
        <v>44856.416666649529</v>
      </c>
      <c r="B7074" s="8">
        <v>9.0971323045913888</v>
      </c>
      <c r="C7074">
        <f t="shared" si="331"/>
        <v>10</v>
      </c>
      <c r="D7074">
        <f t="shared" si="332"/>
        <v>10</v>
      </c>
    </row>
    <row r="7075" spans="1:4" x14ac:dyDescent="0.25">
      <c r="A7075" s="7">
        <f t="shared" si="333"/>
        <v>44856.458333316194</v>
      </c>
      <c r="B7075" s="8">
        <v>9.061743023237959</v>
      </c>
      <c r="C7075">
        <f t="shared" si="331"/>
        <v>11</v>
      </c>
      <c r="D7075">
        <f t="shared" si="332"/>
        <v>10</v>
      </c>
    </row>
    <row r="7076" spans="1:4" x14ac:dyDescent="0.25">
      <c r="A7076" s="7">
        <f t="shared" si="333"/>
        <v>44856.499999982858</v>
      </c>
      <c r="B7076" s="8">
        <v>2.6764543084322323</v>
      </c>
      <c r="C7076">
        <f t="shared" si="331"/>
        <v>12</v>
      </c>
      <c r="D7076">
        <f t="shared" si="332"/>
        <v>10</v>
      </c>
    </row>
    <row r="7077" spans="1:4" x14ac:dyDescent="0.25">
      <c r="A7077" s="7">
        <f t="shared" si="333"/>
        <v>44856.541666649522</v>
      </c>
      <c r="B7077" s="8">
        <v>7.2974083298251813</v>
      </c>
      <c r="C7077">
        <f t="shared" si="331"/>
        <v>13</v>
      </c>
      <c r="D7077">
        <f t="shared" si="332"/>
        <v>10</v>
      </c>
    </row>
    <row r="7078" spans="1:4" x14ac:dyDescent="0.25">
      <c r="A7078" s="7">
        <f t="shared" si="333"/>
        <v>44856.583333316186</v>
      </c>
      <c r="B7078" s="8">
        <v>11.875648484199292</v>
      </c>
      <c r="C7078">
        <f t="shared" si="331"/>
        <v>14</v>
      </c>
      <c r="D7078">
        <f t="shared" si="332"/>
        <v>10</v>
      </c>
    </row>
    <row r="7079" spans="1:4" x14ac:dyDescent="0.25">
      <c r="A7079" s="7">
        <f t="shared" si="333"/>
        <v>44856.624999982851</v>
      </c>
      <c r="B7079" s="8">
        <v>6.6879238573017359</v>
      </c>
      <c r="C7079">
        <f t="shared" si="331"/>
        <v>15</v>
      </c>
      <c r="D7079">
        <f t="shared" si="332"/>
        <v>10</v>
      </c>
    </row>
    <row r="7080" spans="1:4" x14ac:dyDescent="0.25">
      <c r="A7080" s="7">
        <f t="shared" si="333"/>
        <v>44856.666666649515</v>
      </c>
      <c r="B7080" s="8">
        <v>5.136931763532699</v>
      </c>
      <c r="C7080">
        <f t="shared" si="331"/>
        <v>16</v>
      </c>
      <c r="D7080">
        <f t="shared" si="332"/>
        <v>10</v>
      </c>
    </row>
    <row r="7081" spans="1:4" x14ac:dyDescent="0.25">
      <c r="A7081" s="7">
        <f t="shared" si="333"/>
        <v>44856.708333316179</v>
      </c>
      <c r="B7081" s="8">
        <v>6.1524365602659392</v>
      </c>
      <c r="C7081">
        <f t="shared" si="331"/>
        <v>17</v>
      </c>
      <c r="D7081">
        <f t="shared" si="332"/>
        <v>10</v>
      </c>
    </row>
    <row r="7082" spans="1:4" x14ac:dyDescent="0.25">
      <c r="A7082" s="7">
        <f t="shared" si="333"/>
        <v>44856.749999982843</v>
      </c>
      <c r="B7082" s="8">
        <v>0.33839441487995559</v>
      </c>
      <c r="C7082">
        <f t="shared" si="331"/>
        <v>18</v>
      </c>
      <c r="D7082">
        <f t="shared" si="332"/>
        <v>10</v>
      </c>
    </row>
    <row r="7083" spans="1:4" x14ac:dyDescent="0.25">
      <c r="A7083" s="7">
        <f t="shared" si="333"/>
        <v>44856.791666649508</v>
      </c>
      <c r="B7083" s="8">
        <v>-4.9800999999999998E-2</v>
      </c>
      <c r="C7083">
        <f t="shared" si="331"/>
        <v>19</v>
      </c>
      <c r="D7083">
        <f t="shared" si="332"/>
        <v>10</v>
      </c>
    </row>
    <row r="7084" spans="1:4" x14ac:dyDescent="0.25">
      <c r="A7084" s="7">
        <f t="shared" si="333"/>
        <v>44856.833333316172</v>
      </c>
      <c r="B7084" s="8">
        <v>-4.9800999999999998E-2</v>
      </c>
      <c r="C7084">
        <f t="shared" si="331"/>
        <v>20</v>
      </c>
      <c r="D7084">
        <f t="shared" si="332"/>
        <v>10</v>
      </c>
    </row>
    <row r="7085" spans="1:4" x14ac:dyDescent="0.25">
      <c r="A7085" s="7">
        <f t="shared" si="333"/>
        <v>44856.874999982836</v>
      </c>
      <c r="B7085" s="8">
        <v>-4.9800999999999998E-2</v>
      </c>
      <c r="C7085">
        <f t="shared" si="331"/>
        <v>21</v>
      </c>
      <c r="D7085">
        <f t="shared" si="332"/>
        <v>10</v>
      </c>
    </row>
    <row r="7086" spans="1:4" x14ac:dyDescent="0.25">
      <c r="A7086" s="7">
        <f t="shared" si="333"/>
        <v>44856.9166666495</v>
      </c>
      <c r="B7086" s="8">
        <v>-4.9800999999999998E-2</v>
      </c>
      <c r="C7086">
        <f t="shared" si="331"/>
        <v>22</v>
      </c>
      <c r="D7086">
        <f t="shared" si="332"/>
        <v>10</v>
      </c>
    </row>
    <row r="7087" spans="1:4" x14ac:dyDescent="0.25">
      <c r="A7087" s="7">
        <f t="shared" si="333"/>
        <v>44856.958333316164</v>
      </c>
      <c r="B7087" s="8">
        <v>-4.9800999999999998E-2</v>
      </c>
      <c r="C7087">
        <f t="shared" si="331"/>
        <v>23</v>
      </c>
      <c r="D7087">
        <f t="shared" si="332"/>
        <v>10</v>
      </c>
    </row>
    <row r="7088" spans="1:4" x14ac:dyDescent="0.25">
      <c r="A7088" s="7">
        <f t="shared" si="333"/>
        <v>44856.999999982829</v>
      </c>
      <c r="B7088" s="8">
        <v>-4.9800999999999998E-2</v>
      </c>
      <c r="C7088">
        <f t="shared" si="331"/>
        <v>0</v>
      </c>
      <c r="D7088">
        <f t="shared" si="332"/>
        <v>10</v>
      </c>
    </row>
    <row r="7089" spans="1:4" x14ac:dyDescent="0.25">
      <c r="A7089" s="7">
        <f t="shared" si="333"/>
        <v>44857.041666649493</v>
      </c>
      <c r="B7089" s="8">
        <v>-4.9800999999999998E-2</v>
      </c>
      <c r="C7089">
        <f t="shared" si="331"/>
        <v>1</v>
      </c>
      <c r="D7089">
        <f t="shared" si="332"/>
        <v>10</v>
      </c>
    </row>
    <row r="7090" spans="1:4" x14ac:dyDescent="0.25">
      <c r="A7090" s="7">
        <f t="shared" si="333"/>
        <v>44857.083333316157</v>
      </c>
      <c r="B7090" s="8">
        <v>-4.9800999999999998E-2</v>
      </c>
      <c r="C7090">
        <f t="shared" si="331"/>
        <v>2</v>
      </c>
      <c r="D7090">
        <f t="shared" si="332"/>
        <v>10</v>
      </c>
    </row>
    <row r="7091" spans="1:4" x14ac:dyDescent="0.25">
      <c r="A7091" s="7">
        <f t="shared" si="333"/>
        <v>44857.124999982821</v>
      </c>
      <c r="B7091" s="8">
        <v>-4.9800999999999998E-2</v>
      </c>
      <c r="C7091">
        <f t="shared" si="331"/>
        <v>3</v>
      </c>
      <c r="D7091">
        <f t="shared" si="332"/>
        <v>10</v>
      </c>
    </row>
    <row r="7092" spans="1:4" x14ac:dyDescent="0.25">
      <c r="A7092" s="7">
        <f t="shared" si="333"/>
        <v>44857.166666649486</v>
      </c>
      <c r="B7092" s="8">
        <v>-4.9800999999999998E-2</v>
      </c>
      <c r="C7092">
        <f t="shared" si="331"/>
        <v>4</v>
      </c>
      <c r="D7092">
        <f t="shared" si="332"/>
        <v>10</v>
      </c>
    </row>
    <row r="7093" spans="1:4" x14ac:dyDescent="0.25">
      <c r="A7093" s="7">
        <f t="shared" si="333"/>
        <v>44857.20833331615</v>
      </c>
      <c r="B7093" s="8">
        <v>-4.9800999999999998E-2</v>
      </c>
      <c r="C7093">
        <f t="shared" si="331"/>
        <v>5</v>
      </c>
      <c r="D7093">
        <f t="shared" si="332"/>
        <v>10</v>
      </c>
    </row>
    <row r="7094" spans="1:4" x14ac:dyDescent="0.25">
      <c r="A7094" s="7">
        <f t="shared" si="333"/>
        <v>44857.249999982814</v>
      </c>
      <c r="B7094" s="8">
        <v>-4.9800999999999998E-2</v>
      </c>
      <c r="C7094">
        <f t="shared" si="331"/>
        <v>6</v>
      </c>
      <c r="D7094">
        <f t="shared" si="332"/>
        <v>10</v>
      </c>
    </row>
    <row r="7095" spans="1:4" x14ac:dyDescent="0.25">
      <c r="A7095" s="7">
        <f t="shared" si="333"/>
        <v>44857.291666649478</v>
      </c>
      <c r="B7095" s="8">
        <v>-4.9800999999999998E-2</v>
      </c>
      <c r="C7095">
        <f t="shared" si="331"/>
        <v>7</v>
      </c>
      <c r="D7095">
        <f t="shared" si="332"/>
        <v>10</v>
      </c>
    </row>
    <row r="7096" spans="1:4" x14ac:dyDescent="0.25">
      <c r="A7096" s="7">
        <f t="shared" si="333"/>
        <v>44857.333333316143</v>
      </c>
      <c r="B7096" s="8">
        <v>2.8907430132737844</v>
      </c>
      <c r="C7096">
        <f t="shared" si="331"/>
        <v>8</v>
      </c>
      <c r="D7096">
        <f t="shared" si="332"/>
        <v>10</v>
      </c>
    </row>
    <row r="7097" spans="1:4" x14ac:dyDescent="0.25">
      <c r="A7097" s="7">
        <f t="shared" si="333"/>
        <v>44857.374999982807</v>
      </c>
      <c r="B7097" s="8">
        <v>10.797021568674813</v>
      </c>
      <c r="C7097">
        <f t="shared" si="331"/>
        <v>9</v>
      </c>
      <c r="D7097">
        <f t="shared" si="332"/>
        <v>10</v>
      </c>
    </row>
    <row r="7098" spans="1:4" x14ac:dyDescent="0.25">
      <c r="A7098" s="7">
        <f t="shared" si="333"/>
        <v>44857.416666649471</v>
      </c>
      <c r="B7098" s="8">
        <v>16.713445076098473</v>
      </c>
      <c r="C7098">
        <f t="shared" si="331"/>
        <v>10</v>
      </c>
      <c r="D7098">
        <f t="shared" si="332"/>
        <v>10</v>
      </c>
    </row>
    <row r="7099" spans="1:4" x14ac:dyDescent="0.25">
      <c r="A7099" s="7">
        <f t="shared" si="333"/>
        <v>44857.458333316135</v>
      </c>
      <c r="B7099" s="8">
        <v>20.451319140596947</v>
      </c>
      <c r="C7099">
        <f t="shared" si="331"/>
        <v>11</v>
      </c>
      <c r="D7099">
        <f t="shared" si="332"/>
        <v>10</v>
      </c>
    </row>
    <row r="7100" spans="1:4" x14ac:dyDescent="0.25">
      <c r="A7100" s="7">
        <f t="shared" si="333"/>
        <v>44857.4999999828</v>
      </c>
      <c r="B7100" s="8">
        <v>20.451282038432328</v>
      </c>
      <c r="C7100">
        <f t="shared" si="331"/>
        <v>12</v>
      </c>
      <c r="D7100">
        <f t="shared" si="332"/>
        <v>10</v>
      </c>
    </row>
    <row r="7101" spans="1:4" x14ac:dyDescent="0.25">
      <c r="A7101" s="7">
        <f t="shared" si="333"/>
        <v>44857.541666649464</v>
      </c>
      <c r="B7101" s="8">
        <v>20.451298528283271</v>
      </c>
      <c r="C7101">
        <f t="shared" si="331"/>
        <v>13</v>
      </c>
      <c r="D7101">
        <f t="shared" si="332"/>
        <v>10</v>
      </c>
    </row>
    <row r="7102" spans="1:4" x14ac:dyDescent="0.25">
      <c r="A7102" s="7">
        <f t="shared" si="333"/>
        <v>44857.583333316128</v>
      </c>
      <c r="B7102" s="8">
        <v>20.451270701659809</v>
      </c>
      <c r="C7102">
        <f t="shared" si="331"/>
        <v>14</v>
      </c>
      <c r="D7102">
        <f t="shared" si="332"/>
        <v>10</v>
      </c>
    </row>
    <row r="7103" spans="1:4" x14ac:dyDescent="0.25">
      <c r="A7103" s="7">
        <f t="shared" si="333"/>
        <v>44857.624999982792</v>
      </c>
      <c r="B7103" s="8">
        <v>17.783979597273042</v>
      </c>
      <c r="C7103">
        <f t="shared" si="331"/>
        <v>15</v>
      </c>
      <c r="D7103">
        <f t="shared" si="332"/>
        <v>10</v>
      </c>
    </row>
    <row r="7104" spans="1:4" x14ac:dyDescent="0.25">
      <c r="A7104" s="7">
        <f t="shared" si="333"/>
        <v>44857.666666649457</v>
      </c>
      <c r="B7104" s="8">
        <v>12.978216602060543</v>
      </c>
      <c r="C7104">
        <f t="shared" si="331"/>
        <v>16</v>
      </c>
      <c r="D7104">
        <f t="shared" si="332"/>
        <v>10</v>
      </c>
    </row>
    <row r="7105" spans="1:4" x14ac:dyDescent="0.25">
      <c r="A7105" s="7">
        <f t="shared" si="333"/>
        <v>44857.708333316121</v>
      </c>
      <c r="B7105" s="8">
        <v>5.9445799279075473</v>
      </c>
      <c r="C7105">
        <f t="shared" si="331"/>
        <v>17</v>
      </c>
      <c r="D7105">
        <f t="shared" si="332"/>
        <v>10</v>
      </c>
    </row>
    <row r="7106" spans="1:4" x14ac:dyDescent="0.25">
      <c r="A7106" s="7">
        <f t="shared" si="333"/>
        <v>44857.749999982785</v>
      </c>
      <c r="B7106" s="8">
        <v>0.47109133725926938</v>
      </c>
      <c r="C7106">
        <f t="shared" si="331"/>
        <v>18</v>
      </c>
      <c r="D7106">
        <f t="shared" si="332"/>
        <v>10</v>
      </c>
    </row>
    <row r="7107" spans="1:4" x14ac:dyDescent="0.25">
      <c r="A7107" s="7">
        <f t="shared" si="333"/>
        <v>44857.791666649449</v>
      </c>
      <c r="B7107" s="8">
        <v>-4.9800999999999998E-2</v>
      </c>
      <c r="C7107">
        <f t="shared" si="331"/>
        <v>19</v>
      </c>
      <c r="D7107">
        <f t="shared" si="332"/>
        <v>10</v>
      </c>
    </row>
    <row r="7108" spans="1:4" x14ac:dyDescent="0.25">
      <c r="A7108" s="7">
        <f t="shared" si="333"/>
        <v>44857.833333316114</v>
      </c>
      <c r="B7108" s="8">
        <v>-4.9800999999999998E-2</v>
      </c>
      <c r="C7108">
        <f t="shared" si="331"/>
        <v>20</v>
      </c>
      <c r="D7108">
        <f t="shared" si="332"/>
        <v>10</v>
      </c>
    </row>
    <row r="7109" spans="1:4" x14ac:dyDescent="0.25">
      <c r="A7109" s="7">
        <f t="shared" si="333"/>
        <v>44857.874999982778</v>
      </c>
      <c r="B7109" s="8">
        <v>-4.9800999999999998E-2</v>
      </c>
      <c r="C7109">
        <f t="shared" si="331"/>
        <v>21</v>
      </c>
      <c r="D7109">
        <f t="shared" si="332"/>
        <v>10</v>
      </c>
    </row>
    <row r="7110" spans="1:4" x14ac:dyDescent="0.25">
      <c r="A7110" s="7">
        <f t="shared" si="333"/>
        <v>44857.916666649442</v>
      </c>
      <c r="B7110" s="8">
        <v>-4.9800999999999998E-2</v>
      </c>
      <c r="C7110">
        <f t="shared" si="331"/>
        <v>22</v>
      </c>
      <c r="D7110">
        <f t="shared" si="332"/>
        <v>10</v>
      </c>
    </row>
    <row r="7111" spans="1:4" x14ac:dyDescent="0.25">
      <c r="A7111" s="7">
        <f t="shared" si="333"/>
        <v>44857.958333316106</v>
      </c>
      <c r="B7111" s="8">
        <v>-4.9800999999999998E-2</v>
      </c>
      <c r="C7111">
        <f t="shared" si="331"/>
        <v>23</v>
      </c>
      <c r="D7111">
        <f t="shared" si="332"/>
        <v>10</v>
      </c>
    </row>
    <row r="7112" spans="1:4" x14ac:dyDescent="0.25">
      <c r="A7112" s="7">
        <f t="shared" si="333"/>
        <v>44857.999999982771</v>
      </c>
      <c r="B7112" s="8">
        <v>-4.9800999999999998E-2</v>
      </c>
      <c r="C7112">
        <f t="shared" si="331"/>
        <v>0</v>
      </c>
      <c r="D7112">
        <f t="shared" si="332"/>
        <v>10</v>
      </c>
    </row>
    <row r="7113" spans="1:4" x14ac:dyDescent="0.25">
      <c r="A7113" s="7">
        <f t="shared" si="333"/>
        <v>44858.041666649435</v>
      </c>
      <c r="B7113" s="8">
        <v>-4.9800999999999998E-2</v>
      </c>
      <c r="C7113">
        <f t="shared" si="331"/>
        <v>1</v>
      </c>
      <c r="D7113">
        <f t="shared" si="332"/>
        <v>10</v>
      </c>
    </row>
    <row r="7114" spans="1:4" x14ac:dyDescent="0.25">
      <c r="A7114" s="7">
        <f t="shared" si="333"/>
        <v>44858.083333316099</v>
      </c>
      <c r="B7114" s="8">
        <v>-4.9800999999999998E-2</v>
      </c>
      <c r="C7114">
        <f t="shared" ref="C7114:C7177" si="334">HOUR(A7114)</f>
        <v>2</v>
      </c>
      <c r="D7114">
        <f t="shared" ref="D7114:D7177" si="335">MONTH(A7114)</f>
        <v>10</v>
      </c>
    </row>
    <row r="7115" spans="1:4" x14ac:dyDescent="0.25">
      <c r="A7115" s="7">
        <f t="shared" ref="A7115:A7178" si="336">+A7114+1/24</f>
        <v>44858.124999982763</v>
      </c>
      <c r="B7115" s="8">
        <v>-4.9800999999999998E-2</v>
      </c>
      <c r="C7115">
        <f t="shared" si="334"/>
        <v>3</v>
      </c>
      <c r="D7115">
        <f t="shared" si="335"/>
        <v>10</v>
      </c>
    </row>
    <row r="7116" spans="1:4" x14ac:dyDescent="0.25">
      <c r="A7116" s="7">
        <f t="shared" si="336"/>
        <v>44858.166666649427</v>
      </c>
      <c r="B7116" s="8">
        <v>-4.9800999999999998E-2</v>
      </c>
      <c r="C7116">
        <f t="shared" si="334"/>
        <v>4</v>
      </c>
      <c r="D7116">
        <f t="shared" si="335"/>
        <v>10</v>
      </c>
    </row>
    <row r="7117" spans="1:4" x14ac:dyDescent="0.25">
      <c r="A7117" s="7">
        <f t="shared" si="336"/>
        <v>44858.208333316092</v>
      </c>
      <c r="B7117" s="8">
        <v>-4.9800999999999998E-2</v>
      </c>
      <c r="C7117">
        <f t="shared" si="334"/>
        <v>5</v>
      </c>
      <c r="D7117">
        <f t="shared" si="335"/>
        <v>10</v>
      </c>
    </row>
    <row r="7118" spans="1:4" x14ac:dyDescent="0.25">
      <c r="A7118" s="7">
        <f t="shared" si="336"/>
        <v>44858.249999982756</v>
      </c>
      <c r="B7118" s="8">
        <v>-4.9800999999999998E-2</v>
      </c>
      <c r="C7118">
        <f t="shared" si="334"/>
        <v>6</v>
      </c>
      <c r="D7118">
        <f t="shared" si="335"/>
        <v>10</v>
      </c>
    </row>
    <row r="7119" spans="1:4" x14ac:dyDescent="0.25">
      <c r="A7119" s="7">
        <f t="shared" si="336"/>
        <v>44858.29166664942</v>
      </c>
      <c r="B7119" s="8">
        <v>-4.9800999999999998E-2</v>
      </c>
      <c r="C7119">
        <f t="shared" si="334"/>
        <v>7</v>
      </c>
      <c r="D7119">
        <f t="shared" si="335"/>
        <v>10</v>
      </c>
    </row>
    <row r="7120" spans="1:4" x14ac:dyDescent="0.25">
      <c r="A7120" s="7">
        <f t="shared" si="336"/>
        <v>44858.333333316084</v>
      </c>
      <c r="B7120" s="8">
        <v>2.9554368209829551</v>
      </c>
      <c r="C7120">
        <f t="shared" si="334"/>
        <v>8</v>
      </c>
      <c r="D7120">
        <f t="shared" si="335"/>
        <v>10</v>
      </c>
    </row>
    <row r="7121" spans="1:4" x14ac:dyDescent="0.25">
      <c r="A7121" s="7">
        <f t="shared" si="336"/>
        <v>44858.374999982749</v>
      </c>
      <c r="B7121" s="8">
        <v>10.604376823810643</v>
      </c>
      <c r="C7121">
        <f t="shared" si="334"/>
        <v>9</v>
      </c>
      <c r="D7121">
        <f t="shared" si="335"/>
        <v>10</v>
      </c>
    </row>
    <row r="7122" spans="1:4" x14ac:dyDescent="0.25">
      <c r="A7122" s="7">
        <f t="shared" si="336"/>
        <v>44858.416666649413</v>
      </c>
      <c r="B7122" s="8">
        <v>15.896237951255541</v>
      </c>
      <c r="C7122">
        <f t="shared" si="334"/>
        <v>10</v>
      </c>
      <c r="D7122">
        <f t="shared" si="335"/>
        <v>10</v>
      </c>
    </row>
    <row r="7123" spans="1:4" x14ac:dyDescent="0.25">
      <c r="A7123" s="7">
        <f t="shared" si="336"/>
        <v>44858.458333316077</v>
      </c>
      <c r="B7123" s="8">
        <v>20.066747990000284</v>
      </c>
      <c r="C7123">
        <f t="shared" si="334"/>
        <v>11</v>
      </c>
      <c r="D7123">
        <f t="shared" si="335"/>
        <v>10</v>
      </c>
    </row>
    <row r="7124" spans="1:4" x14ac:dyDescent="0.25">
      <c r="A7124" s="7">
        <f t="shared" si="336"/>
        <v>44858.499999982741</v>
      </c>
      <c r="B7124" s="8">
        <v>20.451276885353909</v>
      </c>
      <c r="C7124">
        <f t="shared" si="334"/>
        <v>12</v>
      </c>
      <c r="D7124">
        <f t="shared" si="335"/>
        <v>10</v>
      </c>
    </row>
    <row r="7125" spans="1:4" x14ac:dyDescent="0.25">
      <c r="A7125" s="7">
        <f t="shared" si="336"/>
        <v>44858.541666649406</v>
      </c>
      <c r="B7125" s="8">
        <v>20.45129234458917</v>
      </c>
      <c r="C7125">
        <f t="shared" si="334"/>
        <v>13</v>
      </c>
      <c r="D7125">
        <f t="shared" si="335"/>
        <v>10</v>
      </c>
    </row>
    <row r="7126" spans="1:4" x14ac:dyDescent="0.25">
      <c r="A7126" s="7">
        <f t="shared" si="336"/>
        <v>44858.58333331607</v>
      </c>
      <c r="B7126" s="8">
        <v>20.451307803824424</v>
      </c>
      <c r="C7126">
        <f t="shared" si="334"/>
        <v>14</v>
      </c>
      <c r="D7126">
        <f t="shared" si="335"/>
        <v>10</v>
      </c>
    </row>
    <row r="7127" spans="1:4" x14ac:dyDescent="0.25">
      <c r="A7127" s="7">
        <f t="shared" si="336"/>
        <v>44858.624999982734</v>
      </c>
      <c r="B7127" s="8">
        <v>17.567132904304078</v>
      </c>
      <c r="C7127">
        <f t="shared" si="334"/>
        <v>15</v>
      </c>
      <c r="D7127">
        <f t="shared" si="335"/>
        <v>10</v>
      </c>
    </row>
    <row r="7128" spans="1:4" x14ac:dyDescent="0.25">
      <c r="A7128" s="7">
        <f t="shared" si="336"/>
        <v>44858.666666649398</v>
      </c>
      <c r="B7128" s="8">
        <v>12.57644241446838</v>
      </c>
      <c r="C7128">
        <f t="shared" si="334"/>
        <v>16</v>
      </c>
      <c r="D7128">
        <f t="shared" si="335"/>
        <v>10</v>
      </c>
    </row>
    <row r="7129" spans="1:4" x14ac:dyDescent="0.25">
      <c r="A7129" s="7">
        <f t="shared" si="336"/>
        <v>44858.708333316063</v>
      </c>
      <c r="B7129" s="8">
        <v>6.195688408671769</v>
      </c>
      <c r="C7129">
        <f t="shared" si="334"/>
        <v>17</v>
      </c>
      <c r="D7129">
        <f t="shared" si="335"/>
        <v>10</v>
      </c>
    </row>
    <row r="7130" spans="1:4" x14ac:dyDescent="0.25">
      <c r="A7130" s="7">
        <f t="shared" si="336"/>
        <v>44858.749999982727</v>
      </c>
      <c r="B7130" s="8">
        <v>0.30051516603424627</v>
      </c>
      <c r="C7130">
        <f t="shared" si="334"/>
        <v>18</v>
      </c>
      <c r="D7130">
        <f t="shared" si="335"/>
        <v>10</v>
      </c>
    </row>
    <row r="7131" spans="1:4" x14ac:dyDescent="0.25">
      <c r="A7131" s="7">
        <f t="shared" si="336"/>
        <v>44858.791666649391</v>
      </c>
      <c r="B7131" s="8">
        <v>-4.9800999999999998E-2</v>
      </c>
      <c r="C7131">
        <f t="shared" si="334"/>
        <v>19</v>
      </c>
      <c r="D7131">
        <f t="shared" si="335"/>
        <v>10</v>
      </c>
    </row>
    <row r="7132" spans="1:4" x14ac:dyDescent="0.25">
      <c r="A7132" s="7">
        <f t="shared" si="336"/>
        <v>44858.833333316055</v>
      </c>
      <c r="B7132" s="8">
        <v>-4.9800999999999998E-2</v>
      </c>
      <c r="C7132">
        <f t="shared" si="334"/>
        <v>20</v>
      </c>
      <c r="D7132">
        <f t="shared" si="335"/>
        <v>10</v>
      </c>
    </row>
    <row r="7133" spans="1:4" x14ac:dyDescent="0.25">
      <c r="A7133" s="7">
        <f t="shared" si="336"/>
        <v>44858.87499998272</v>
      </c>
      <c r="B7133" s="8">
        <v>-4.9800999999999998E-2</v>
      </c>
      <c r="C7133">
        <f t="shared" si="334"/>
        <v>21</v>
      </c>
      <c r="D7133">
        <f t="shared" si="335"/>
        <v>10</v>
      </c>
    </row>
    <row r="7134" spans="1:4" x14ac:dyDescent="0.25">
      <c r="A7134" s="7">
        <f t="shared" si="336"/>
        <v>44858.916666649384</v>
      </c>
      <c r="B7134" s="8">
        <v>-4.9800999999999998E-2</v>
      </c>
      <c r="C7134">
        <f t="shared" si="334"/>
        <v>22</v>
      </c>
      <c r="D7134">
        <f t="shared" si="335"/>
        <v>10</v>
      </c>
    </row>
    <row r="7135" spans="1:4" x14ac:dyDescent="0.25">
      <c r="A7135" s="7">
        <f t="shared" si="336"/>
        <v>44858.958333316048</v>
      </c>
      <c r="B7135" s="8">
        <v>-4.9800999999999998E-2</v>
      </c>
      <c r="C7135">
        <f t="shared" si="334"/>
        <v>23</v>
      </c>
      <c r="D7135">
        <f t="shared" si="335"/>
        <v>10</v>
      </c>
    </row>
    <row r="7136" spans="1:4" x14ac:dyDescent="0.25">
      <c r="A7136" s="7">
        <f t="shared" si="336"/>
        <v>44858.999999982712</v>
      </c>
      <c r="B7136" s="8">
        <v>-4.9800999999999998E-2</v>
      </c>
      <c r="C7136">
        <f t="shared" si="334"/>
        <v>0</v>
      </c>
      <c r="D7136">
        <f t="shared" si="335"/>
        <v>10</v>
      </c>
    </row>
    <row r="7137" spans="1:4" x14ac:dyDescent="0.25">
      <c r="A7137" s="7">
        <f t="shared" si="336"/>
        <v>44859.041666649377</v>
      </c>
      <c r="B7137" s="8">
        <v>-4.9800999999999998E-2</v>
      </c>
      <c r="C7137">
        <f t="shared" si="334"/>
        <v>1</v>
      </c>
      <c r="D7137">
        <f t="shared" si="335"/>
        <v>10</v>
      </c>
    </row>
    <row r="7138" spans="1:4" x14ac:dyDescent="0.25">
      <c r="A7138" s="7">
        <f t="shared" si="336"/>
        <v>44859.083333316041</v>
      </c>
      <c r="B7138" s="8">
        <v>-4.9800999999999998E-2</v>
      </c>
      <c r="C7138">
        <f t="shared" si="334"/>
        <v>2</v>
      </c>
      <c r="D7138">
        <f t="shared" si="335"/>
        <v>10</v>
      </c>
    </row>
    <row r="7139" spans="1:4" x14ac:dyDescent="0.25">
      <c r="A7139" s="7">
        <f t="shared" si="336"/>
        <v>44859.124999982705</v>
      </c>
      <c r="B7139" s="8">
        <v>-4.9800999999999998E-2</v>
      </c>
      <c r="C7139">
        <f t="shared" si="334"/>
        <v>3</v>
      </c>
      <c r="D7139">
        <f t="shared" si="335"/>
        <v>10</v>
      </c>
    </row>
    <row r="7140" spans="1:4" x14ac:dyDescent="0.25">
      <c r="A7140" s="7">
        <f t="shared" si="336"/>
        <v>44859.166666649369</v>
      </c>
      <c r="B7140" s="8">
        <v>-4.9800999999999998E-2</v>
      </c>
      <c r="C7140">
        <f t="shared" si="334"/>
        <v>4</v>
      </c>
      <c r="D7140">
        <f t="shared" si="335"/>
        <v>10</v>
      </c>
    </row>
    <row r="7141" spans="1:4" x14ac:dyDescent="0.25">
      <c r="A7141" s="7">
        <f t="shared" si="336"/>
        <v>44859.208333316034</v>
      </c>
      <c r="B7141" s="8">
        <v>-4.9800999999999998E-2</v>
      </c>
      <c r="C7141">
        <f t="shared" si="334"/>
        <v>5</v>
      </c>
      <c r="D7141">
        <f t="shared" si="335"/>
        <v>10</v>
      </c>
    </row>
    <row r="7142" spans="1:4" x14ac:dyDescent="0.25">
      <c r="A7142" s="7">
        <f t="shared" si="336"/>
        <v>44859.249999982698</v>
      </c>
      <c r="B7142" s="8">
        <v>-4.9800999999999998E-2</v>
      </c>
      <c r="C7142">
        <f t="shared" si="334"/>
        <v>6</v>
      </c>
      <c r="D7142">
        <f t="shared" si="335"/>
        <v>10</v>
      </c>
    </row>
    <row r="7143" spans="1:4" x14ac:dyDescent="0.25">
      <c r="A7143" s="7">
        <f t="shared" si="336"/>
        <v>44859.291666649362</v>
      </c>
      <c r="B7143" s="8">
        <v>-4.9800999999999998E-2</v>
      </c>
      <c r="C7143">
        <f t="shared" si="334"/>
        <v>7</v>
      </c>
      <c r="D7143">
        <f t="shared" si="335"/>
        <v>10</v>
      </c>
    </row>
    <row r="7144" spans="1:4" x14ac:dyDescent="0.25">
      <c r="A7144" s="7">
        <f t="shared" si="336"/>
        <v>44859.333333316026</v>
      </c>
      <c r="B7144" s="8">
        <v>2.8007836620740392</v>
      </c>
      <c r="C7144">
        <f t="shared" si="334"/>
        <v>8</v>
      </c>
      <c r="D7144">
        <f t="shared" si="335"/>
        <v>10</v>
      </c>
    </row>
    <row r="7145" spans="1:4" x14ac:dyDescent="0.25">
      <c r="A7145" s="7">
        <f t="shared" si="336"/>
        <v>44859.37499998269</v>
      </c>
      <c r="B7145" s="8">
        <v>10.479033344335887</v>
      </c>
      <c r="C7145">
        <f t="shared" si="334"/>
        <v>9</v>
      </c>
      <c r="D7145">
        <f t="shared" si="335"/>
        <v>10</v>
      </c>
    </row>
    <row r="7146" spans="1:4" x14ac:dyDescent="0.25">
      <c r="A7146" s="7">
        <f t="shared" si="336"/>
        <v>44859.416666649355</v>
      </c>
      <c r="B7146" s="8">
        <v>15.293970880366381</v>
      </c>
      <c r="C7146">
        <f t="shared" si="334"/>
        <v>10</v>
      </c>
      <c r="D7146">
        <f t="shared" si="335"/>
        <v>10</v>
      </c>
    </row>
    <row r="7147" spans="1:4" x14ac:dyDescent="0.25">
      <c r="A7147" s="7">
        <f t="shared" si="336"/>
        <v>44859.458333316019</v>
      </c>
      <c r="B7147" s="8">
        <v>13.263061256621237</v>
      </c>
      <c r="C7147">
        <f t="shared" si="334"/>
        <v>11</v>
      </c>
      <c r="D7147">
        <f t="shared" si="335"/>
        <v>10</v>
      </c>
    </row>
    <row r="7148" spans="1:4" x14ac:dyDescent="0.25">
      <c r="A7148" s="7">
        <f t="shared" si="336"/>
        <v>44859.499999982683</v>
      </c>
      <c r="B7148" s="8">
        <v>12.305790368490541</v>
      </c>
      <c r="C7148">
        <f t="shared" si="334"/>
        <v>12</v>
      </c>
      <c r="D7148">
        <f t="shared" si="335"/>
        <v>10</v>
      </c>
    </row>
    <row r="7149" spans="1:4" x14ac:dyDescent="0.25">
      <c r="A7149" s="7">
        <f t="shared" si="336"/>
        <v>44859.541666649347</v>
      </c>
      <c r="B7149" s="8">
        <v>12.817630188659471</v>
      </c>
      <c r="C7149">
        <f t="shared" si="334"/>
        <v>13</v>
      </c>
      <c r="D7149">
        <f t="shared" si="335"/>
        <v>10</v>
      </c>
    </row>
    <row r="7150" spans="1:4" x14ac:dyDescent="0.25">
      <c r="A7150" s="7">
        <f t="shared" si="336"/>
        <v>44859.583333316012</v>
      </c>
      <c r="B7150" s="8">
        <v>11.504305285905359</v>
      </c>
      <c r="C7150">
        <f t="shared" si="334"/>
        <v>14</v>
      </c>
      <c r="D7150">
        <f t="shared" si="335"/>
        <v>10</v>
      </c>
    </row>
    <row r="7151" spans="1:4" x14ac:dyDescent="0.25">
      <c r="A7151" s="7">
        <f t="shared" si="336"/>
        <v>44859.624999982676</v>
      </c>
      <c r="B7151" s="8">
        <v>16.448888091275165</v>
      </c>
      <c r="C7151">
        <f t="shared" si="334"/>
        <v>15</v>
      </c>
      <c r="D7151">
        <f t="shared" si="335"/>
        <v>10</v>
      </c>
    </row>
    <row r="7152" spans="1:4" x14ac:dyDescent="0.25">
      <c r="A7152" s="7">
        <f t="shared" si="336"/>
        <v>44859.66666664934</v>
      </c>
      <c r="B7152" s="8">
        <v>10.837259896820948</v>
      </c>
      <c r="C7152">
        <f t="shared" si="334"/>
        <v>16</v>
      </c>
      <c r="D7152">
        <f t="shared" si="335"/>
        <v>10</v>
      </c>
    </row>
    <row r="7153" spans="1:4" x14ac:dyDescent="0.25">
      <c r="A7153" s="7">
        <f t="shared" si="336"/>
        <v>44859.708333316004</v>
      </c>
      <c r="B7153" s="8">
        <v>4.4260048198596014</v>
      </c>
      <c r="C7153">
        <f t="shared" si="334"/>
        <v>17</v>
      </c>
      <c r="D7153">
        <f t="shared" si="335"/>
        <v>10</v>
      </c>
    </row>
    <row r="7154" spans="1:4" x14ac:dyDescent="0.25">
      <c r="A7154" s="7">
        <f t="shared" si="336"/>
        <v>44859.749999982669</v>
      </c>
      <c r="B7154" s="8">
        <v>0.1883893327053856</v>
      </c>
      <c r="C7154">
        <f t="shared" si="334"/>
        <v>18</v>
      </c>
      <c r="D7154">
        <f t="shared" si="335"/>
        <v>10</v>
      </c>
    </row>
    <row r="7155" spans="1:4" x14ac:dyDescent="0.25">
      <c r="A7155" s="7">
        <f t="shared" si="336"/>
        <v>44859.791666649333</v>
      </c>
      <c r="B7155" s="8">
        <v>-4.9800999999999998E-2</v>
      </c>
      <c r="C7155">
        <f t="shared" si="334"/>
        <v>19</v>
      </c>
      <c r="D7155">
        <f t="shared" si="335"/>
        <v>10</v>
      </c>
    </row>
    <row r="7156" spans="1:4" x14ac:dyDescent="0.25">
      <c r="A7156" s="7">
        <f t="shared" si="336"/>
        <v>44859.833333315997</v>
      </c>
      <c r="B7156" s="8">
        <v>-4.9800999999999998E-2</v>
      </c>
      <c r="C7156">
        <f t="shared" si="334"/>
        <v>20</v>
      </c>
      <c r="D7156">
        <f t="shared" si="335"/>
        <v>10</v>
      </c>
    </row>
    <row r="7157" spans="1:4" x14ac:dyDescent="0.25">
      <c r="A7157" s="7">
        <f t="shared" si="336"/>
        <v>44859.874999982661</v>
      </c>
      <c r="B7157" s="8">
        <v>-4.9800999999999998E-2</v>
      </c>
      <c r="C7157">
        <f t="shared" si="334"/>
        <v>21</v>
      </c>
      <c r="D7157">
        <f t="shared" si="335"/>
        <v>10</v>
      </c>
    </row>
    <row r="7158" spans="1:4" x14ac:dyDescent="0.25">
      <c r="A7158" s="7">
        <f t="shared" si="336"/>
        <v>44859.916666649326</v>
      </c>
      <c r="B7158" s="8">
        <v>-4.9800999999999998E-2</v>
      </c>
      <c r="C7158">
        <f t="shared" si="334"/>
        <v>22</v>
      </c>
      <c r="D7158">
        <f t="shared" si="335"/>
        <v>10</v>
      </c>
    </row>
    <row r="7159" spans="1:4" x14ac:dyDescent="0.25">
      <c r="A7159" s="7">
        <f t="shared" si="336"/>
        <v>44859.95833331599</v>
      </c>
      <c r="B7159" s="8">
        <v>-4.9800999999999998E-2</v>
      </c>
      <c r="C7159">
        <f t="shared" si="334"/>
        <v>23</v>
      </c>
      <c r="D7159">
        <f t="shared" si="335"/>
        <v>10</v>
      </c>
    </row>
    <row r="7160" spans="1:4" x14ac:dyDescent="0.25">
      <c r="A7160" s="7">
        <f t="shared" si="336"/>
        <v>44859.999999982654</v>
      </c>
      <c r="B7160" s="8">
        <v>-4.9800999999999998E-2</v>
      </c>
      <c r="C7160">
        <f t="shared" si="334"/>
        <v>0</v>
      </c>
      <c r="D7160">
        <f t="shared" si="335"/>
        <v>10</v>
      </c>
    </row>
    <row r="7161" spans="1:4" x14ac:dyDescent="0.25">
      <c r="A7161" s="7">
        <f t="shared" si="336"/>
        <v>44860.041666649318</v>
      </c>
      <c r="B7161" s="8">
        <v>-4.9800999999999998E-2</v>
      </c>
      <c r="C7161">
        <f t="shared" si="334"/>
        <v>1</v>
      </c>
      <c r="D7161">
        <f t="shared" si="335"/>
        <v>10</v>
      </c>
    </row>
    <row r="7162" spans="1:4" x14ac:dyDescent="0.25">
      <c r="A7162" s="7">
        <f t="shared" si="336"/>
        <v>44860.083333315983</v>
      </c>
      <c r="B7162" s="8">
        <v>-4.9800999999999998E-2</v>
      </c>
      <c r="C7162">
        <f t="shared" si="334"/>
        <v>2</v>
      </c>
      <c r="D7162">
        <f t="shared" si="335"/>
        <v>10</v>
      </c>
    </row>
    <row r="7163" spans="1:4" x14ac:dyDescent="0.25">
      <c r="A7163" s="7">
        <f t="shared" si="336"/>
        <v>44860.124999982647</v>
      </c>
      <c r="B7163" s="8">
        <v>-4.9800999999999998E-2</v>
      </c>
      <c r="C7163">
        <f t="shared" si="334"/>
        <v>3</v>
      </c>
      <c r="D7163">
        <f t="shared" si="335"/>
        <v>10</v>
      </c>
    </row>
    <row r="7164" spans="1:4" x14ac:dyDescent="0.25">
      <c r="A7164" s="7">
        <f t="shared" si="336"/>
        <v>44860.166666649311</v>
      </c>
      <c r="B7164" s="8">
        <v>-4.9800999999999998E-2</v>
      </c>
      <c r="C7164">
        <f t="shared" si="334"/>
        <v>4</v>
      </c>
      <c r="D7164">
        <f t="shared" si="335"/>
        <v>10</v>
      </c>
    </row>
    <row r="7165" spans="1:4" x14ac:dyDescent="0.25">
      <c r="A7165" s="7">
        <f t="shared" si="336"/>
        <v>44860.208333315975</v>
      </c>
      <c r="B7165" s="8">
        <v>-4.9800999999999998E-2</v>
      </c>
      <c r="C7165">
        <f t="shared" si="334"/>
        <v>5</v>
      </c>
      <c r="D7165">
        <f t="shared" si="335"/>
        <v>10</v>
      </c>
    </row>
    <row r="7166" spans="1:4" x14ac:dyDescent="0.25">
      <c r="A7166" s="7">
        <f t="shared" si="336"/>
        <v>44860.24999998264</v>
      </c>
      <c r="B7166" s="8">
        <v>-4.9800999999999998E-2</v>
      </c>
      <c r="C7166">
        <f t="shared" si="334"/>
        <v>6</v>
      </c>
      <c r="D7166">
        <f t="shared" si="335"/>
        <v>10</v>
      </c>
    </row>
    <row r="7167" spans="1:4" x14ac:dyDescent="0.25">
      <c r="A7167" s="7">
        <f t="shared" si="336"/>
        <v>44860.291666649304</v>
      </c>
      <c r="B7167" s="8">
        <v>-4.9800999999999998E-2</v>
      </c>
      <c r="C7167">
        <f t="shared" si="334"/>
        <v>7</v>
      </c>
      <c r="D7167">
        <f t="shared" si="335"/>
        <v>10</v>
      </c>
    </row>
    <row r="7168" spans="1:4" x14ac:dyDescent="0.25">
      <c r="A7168" s="7">
        <f t="shared" si="336"/>
        <v>44860.333333315968</v>
      </c>
      <c r="B7168" s="8">
        <v>2.1507186969974073</v>
      </c>
      <c r="C7168">
        <f t="shared" si="334"/>
        <v>8</v>
      </c>
      <c r="D7168">
        <f t="shared" si="335"/>
        <v>10</v>
      </c>
    </row>
    <row r="7169" spans="1:4" x14ac:dyDescent="0.25">
      <c r="A7169" s="7">
        <f t="shared" si="336"/>
        <v>44860.374999982632</v>
      </c>
      <c r="B7169" s="8">
        <v>9.2833109666548292</v>
      </c>
      <c r="C7169">
        <f t="shared" si="334"/>
        <v>9</v>
      </c>
      <c r="D7169">
        <f t="shared" si="335"/>
        <v>10</v>
      </c>
    </row>
    <row r="7170" spans="1:4" x14ac:dyDescent="0.25">
      <c r="A7170" s="7">
        <f t="shared" si="336"/>
        <v>44860.416666649297</v>
      </c>
      <c r="B7170" s="8">
        <v>13.947812623154885</v>
      </c>
      <c r="C7170">
        <f t="shared" si="334"/>
        <v>10</v>
      </c>
      <c r="D7170">
        <f t="shared" si="335"/>
        <v>10</v>
      </c>
    </row>
    <row r="7171" spans="1:4" x14ac:dyDescent="0.25">
      <c r="A7171" s="7">
        <f t="shared" si="336"/>
        <v>44860.458333315961</v>
      </c>
      <c r="B7171" s="8">
        <v>18.201059458386666</v>
      </c>
      <c r="C7171">
        <f t="shared" si="334"/>
        <v>11</v>
      </c>
      <c r="D7171">
        <f t="shared" si="335"/>
        <v>10</v>
      </c>
    </row>
    <row r="7172" spans="1:4" x14ac:dyDescent="0.25">
      <c r="A7172" s="7">
        <f t="shared" si="336"/>
        <v>44860.499999982625</v>
      </c>
      <c r="B7172" s="8">
        <v>19.334719190199525</v>
      </c>
      <c r="C7172">
        <f t="shared" si="334"/>
        <v>12</v>
      </c>
      <c r="D7172">
        <f t="shared" si="335"/>
        <v>10</v>
      </c>
    </row>
    <row r="7173" spans="1:4" x14ac:dyDescent="0.25">
      <c r="A7173" s="7">
        <f t="shared" si="336"/>
        <v>44860.541666649289</v>
      </c>
      <c r="B7173" s="8">
        <v>14.363880419666927</v>
      </c>
      <c r="C7173">
        <f t="shared" si="334"/>
        <v>13</v>
      </c>
      <c r="D7173">
        <f t="shared" si="335"/>
        <v>10</v>
      </c>
    </row>
    <row r="7174" spans="1:4" x14ac:dyDescent="0.25">
      <c r="A7174" s="7">
        <f t="shared" si="336"/>
        <v>44860.583333315953</v>
      </c>
      <c r="B7174" s="8">
        <v>15.691942096084992</v>
      </c>
      <c r="C7174">
        <f t="shared" si="334"/>
        <v>14</v>
      </c>
      <c r="D7174">
        <f t="shared" si="335"/>
        <v>10</v>
      </c>
    </row>
    <row r="7175" spans="1:4" x14ac:dyDescent="0.25">
      <c r="A7175" s="7">
        <f t="shared" si="336"/>
        <v>44860.624999982618</v>
      </c>
      <c r="B7175" s="8">
        <v>12.5441717761744</v>
      </c>
      <c r="C7175">
        <f t="shared" si="334"/>
        <v>15</v>
      </c>
      <c r="D7175">
        <f t="shared" si="335"/>
        <v>10</v>
      </c>
    </row>
    <row r="7176" spans="1:4" x14ac:dyDescent="0.25">
      <c r="A7176" s="7">
        <f t="shared" si="336"/>
        <v>44860.666666649282</v>
      </c>
      <c r="B7176" s="8">
        <v>11.852393671907986</v>
      </c>
      <c r="C7176">
        <f t="shared" si="334"/>
        <v>16</v>
      </c>
      <c r="D7176">
        <f t="shared" si="335"/>
        <v>10</v>
      </c>
    </row>
    <row r="7177" spans="1:4" x14ac:dyDescent="0.25">
      <c r="A7177" s="7">
        <f t="shared" si="336"/>
        <v>44860.708333315946</v>
      </c>
      <c r="B7177" s="8">
        <v>5.8917000677828124</v>
      </c>
      <c r="C7177">
        <f t="shared" si="334"/>
        <v>17</v>
      </c>
      <c r="D7177">
        <f t="shared" si="335"/>
        <v>10</v>
      </c>
    </row>
    <row r="7178" spans="1:4" x14ac:dyDescent="0.25">
      <c r="A7178" s="7">
        <f t="shared" si="336"/>
        <v>44860.74999998261</v>
      </c>
      <c r="B7178" s="8">
        <v>-4.9800999999999998E-2</v>
      </c>
      <c r="C7178">
        <f t="shared" ref="C7178:C7241" si="337">HOUR(A7178)</f>
        <v>18</v>
      </c>
      <c r="D7178">
        <f t="shared" ref="D7178:D7241" si="338">MONTH(A7178)</f>
        <v>10</v>
      </c>
    </row>
    <row r="7179" spans="1:4" x14ac:dyDescent="0.25">
      <c r="A7179" s="7">
        <f t="shared" ref="A7179:A7242" si="339">+A7178+1/24</f>
        <v>44860.791666649275</v>
      </c>
      <c r="B7179" s="8">
        <v>-4.9800999999999998E-2</v>
      </c>
      <c r="C7179">
        <f t="shared" si="337"/>
        <v>19</v>
      </c>
      <c r="D7179">
        <f t="shared" si="338"/>
        <v>10</v>
      </c>
    </row>
    <row r="7180" spans="1:4" x14ac:dyDescent="0.25">
      <c r="A7180" s="7">
        <f t="shared" si="339"/>
        <v>44860.833333315939</v>
      </c>
      <c r="B7180" s="8">
        <v>-4.9800999999999998E-2</v>
      </c>
      <c r="C7180">
        <f t="shared" si="337"/>
        <v>20</v>
      </c>
      <c r="D7180">
        <f t="shared" si="338"/>
        <v>10</v>
      </c>
    </row>
    <row r="7181" spans="1:4" x14ac:dyDescent="0.25">
      <c r="A7181" s="7">
        <f t="shared" si="339"/>
        <v>44860.874999982603</v>
      </c>
      <c r="B7181" s="8">
        <v>-4.9800999999999998E-2</v>
      </c>
      <c r="C7181">
        <f t="shared" si="337"/>
        <v>21</v>
      </c>
      <c r="D7181">
        <f t="shared" si="338"/>
        <v>10</v>
      </c>
    </row>
    <row r="7182" spans="1:4" x14ac:dyDescent="0.25">
      <c r="A7182" s="7">
        <f t="shared" si="339"/>
        <v>44860.916666649267</v>
      </c>
      <c r="B7182" s="8">
        <v>-4.9800999999999998E-2</v>
      </c>
      <c r="C7182">
        <f t="shared" si="337"/>
        <v>22</v>
      </c>
      <c r="D7182">
        <f t="shared" si="338"/>
        <v>10</v>
      </c>
    </row>
    <row r="7183" spans="1:4" x14ac:dyDescent="0.25">
      <c r="A7183" s="7">
        <f t="shared" si="339"/>
        <v>44860.958333315932</v>
      </c>
      <c r="B7183" s="8">
        <v>-4.9800999999999998E-2</v>
      </c>
      <c r="C7183">
        <f t="shared" si="337"/>
        <v>23</v>
      </c>
      <c r="D7183">
        <f t="shared" si="338"/>
        <v>10</v>
      </c>
    </row>
    <row r="7184" spans="1:4" x14ac:dyDescent="0.25">
      <c r="A7184" s="7">
        <f t="shared" si="339"/>
        <v>44860.999999982596</v>
      </c>
      <c r="B7184" s="8">
        <v>-4.9800999999999998E-2</v>
      </c>
      <c r="C7184">
        <f t="shared" si="337"/>
        <v>0</v>
      </c>
      <c r="D7184">
        <f t="shared" si="338"/>
        <v>10</v>
      </c>
    </row>
    <row r="7185" spans="1:4" x14ac:dyDescent="0.25">
      <c r="A7185" s="7">
        <f t="shared" si="339"/>
        <v>44861.04166664926</v>
      </c>
      <c r="B7185" s="8">
        <v>-4.9800999999999998E-2</v>
      </c>
      <c r="C7185">
        <f t="shared" si="337"/>
        <v>1</v>
      </c>
      <c r="D7185">
        <f t="shared" si="338"/>
        <v>10</v>
      </c>
    </row>
    <row r="7186" spans="1:4" x14ac:dyDescent="0.25">
      <c r="A7186" s="7">
        <f t="shared" si="339"/>
        <v>44861.083333315924</v>
      </c>
      <c r="B7186" s="8">
        <v>-4.9800999999999998E-2</v>
      </c>
      <c r="C7186">
        <f t="shared" si="337"/>
        <v>2</v>
      </c>
      <c r="D7186">
        <f t="shared" si="338"/>
        <v>10</v>
      </c>
    </row>
    <row r="7187" spans="1:4" x14ac:dyDescent="0.25">
      <c r="A7187" s="7">
        <f t="shared" si="339"/>
        <v>44861.124999982589</v>
      </c>
      <c r="B7187" s="8">
        <v>-4.9800999999999998E-2</v>
      </c>
      <c r="C7187">
        <f t="shared" si="337"/>
        <v>3</v>
      </c>
      <c r="D7187">
        <f t="shared" si="338"/>
        <v>10</v>
      </c>
    </row>
    <row r="7188" spans="1:4" x14ac:dyDescent="0.25">
      <c r="A7188" s="7">
        <f t="shared" si="339"/>
        <v>44861.166666649253</v>
      </c>
      <c r="B7188" s="8">
        <v>-4.9800999999999998E-2</v>
      </c>
      <c r="C7188">
        <f t="shared" si="337"/>
        <v>4</v>
      </c>
      <c r="D7188">
        <f t="shared" si="338"/>
        <v>10</v>
      </c>
    </row>
    <row r="7189" spans="1:4" x14ac:dyDescent="0.25">
      <c r="A7189" s="7">
        <f t="shared" si="339"/>
        <v>44861.208333315917</v>
      </c>
      <c r="B7189" s="8">
        <v>-4.9800999999999998E-2</v>
      </c>
      <c r="C7189">
        <f t="shared" si="337"/>
        <v>5</v>
      </c>
      <c r="D7189">
        <f t="shared" si="338"/>
        <v>10</v>
      </c>
    </row>
    <row r="7190" spans="1:4" x14ac:dyDescent="0.25">
      <c r="A7190" s="7">
        <f t="shared" si="339"/>
        <v>44861.249999982581</v>
      </c>
      <c r="B7190" s="8">
        <v>-4.9800999999999998E-2</v>
      </c>
      <c r="C7190">
        <f t="shared" si="337"/>
        <v>6</v>
      </c>
      <c r="D7190">
        <f t="shared" si="338"/>
        <v>10</v>
      </c>
    </row>
    <row r="7191" spans="1:4" x14ac:dyDescent="0.25">
      <c r="A7191" s="7">
        <f t="shared" si="339"/>
        <v>44861.291666649246</v>
      </c>
      <c r="B7191" s="8">
        <v>-4.9800999999999998E-2</v>
      </c>
      <c r="C7191">
        <f t="shared" si="337"/>
        <v>7</v>
      </c>
      <c r="D7191">
        <f t="shared" si="338"/>
        <v>10</v>
      </c>
    </row>
    <row r="7192" spans="1:4" x14ac:dyDescent="0.25">
      <c r="A7192" s="7">
        <f t="shared" si="339"/>
        <v>44861.33333331591</v>
      </c>
      <c r="B7192" s="8">
        <v>1.119362000430248</v>
      </c>
      <c r="C7192">
        <f t="shared" si="337"/>
        <v>8</v>
      </c>
      <c r="D7192">
        <f t="shared" si="338"/>
        <v>10</v>
      </c>
    </row>
    <row r="7193" spans="1:4" x14ac:dyDescent="0.25">
      <c r="A7193" s="7">
        <f t="shared" si="339"/>
        <v>44861.374999982574</v>
      </c>
      <c r="B7193" s="8">
        <v>4.3757849788149867</v>
      </c>
      <c r="C7193">
        <f t="shared" si="337"/>
        <v>9</v>
      </c>
      <c r="D7193">
        <f t="shared" si="338"/>
        <v>10</v>
      </c>
    </row>
    <row r="7194" spans="1:4" x14ac:dyDescent="0.25">
      <c r="A7194" s="7">
        <f t="shared" si="339"/>
        <v>44861.416666649238</v>
      </c>
      <c r="B7194" s="8">
        <v>7.0468574121459433</v>
      </c>
      <c r="C7194">
        <f t="shared" si="337"/>
        <v>10</v>
      </c>
      <c r="D7194">
        <f t="shared" si="338"/>
        <v>10</v>
      </c>
    </row>
    <row r="7195" spans="1:4" x14ac:dyDescent="0.25">
      <c r="A7195" s="7">
        <f t="shared" si="339"/>
        <v>44861.458333315903</v>
      </c>
      <c r="B7195" s="8">
        <v>8.8713336837921464</v>
      </c>
      <c r="C7195">
        <f t="shared" si="337"/>
        <v>11</v>
      </c>
      <c r="D7195">
        <f t="shared" si="338"/>
        <v>10</v>
      </c>
    </row>
    <row r="7196" spans="1:4" x14ac:dyDescent="0.25">
      <c r="A7196" s="7">
        <f t="shared" si="339"/>
        <v>44861.499999982567</v>
      </c>
      <c r="B7196" s="8">
        <v>10.41772304791693</v>
      </c>
      <c r="C7196">
        <f t="shared" si="337"/>
        <v>12</v>
      </c>
      <c r="D7196">
        <f t="shared" si="338"/>
        <v>10</v>
      </c>
    </row>
    <row r="7197" spans="1:4" x14ac:dyDescent="0.25">
      <c r="A7197" s="7">
        <f t="shared" si="339"/>
        <v>44861.541666649231</v>
      </c>
      <c r="B7197" s="8">
        <v>9.5696902079688346</v>
      </c>
      <c r="C7197">
        <f t="shared" si="337"/>
        <v>13</v>
      </c>
      <c r="D7197">
        <f t="shared" si="338"/>
        <v>10</v>
      </c>
    </row>
    <row r="7198" spans="1:4" x14ac:dyDescent="0.25">
      <c r="A7198" s="7">
        <f t="shared" si="339"/>
        <v>44861.583333315895</v>
      </c>
      <c r="B7198" s="8">
        <v>7.9536003051425421</v>
      </c>
      <c r="C7198">
        <f t="shared" si="337"/>
        <v>14</v>
      </c>
      <c r="D7198">
        <f t="shared" si="338"/>
        <v>10</v>
      </c>
    </row>
    <row r="7199" spans="1:4" x14ac:dyDescent="0.25">
      <c r="A7199" s="7">
        <f t="shared" si="339"/>
        <v>44861.62499998256</v>
      </c>
      <c r="B7199" s="8">
        <v>7.5045569292087402</v>
      </c>
      <c r="C7199">
        <f t="shared" si="337"/>
        <v>15</v>
      </c>
      <c r="D7199">
        <f t="shared" si="338"/>
        <v>10</v>
      </c>
    </row>
    <row r="7200" spans="1:4" x14ac:dyDescent="0.25">
      <c r="A7200" s="7">
        <f t="shared" si="339"/>
        <v>44861.666666649224</v>
      </c>
      <c r="B7200" s="8">
        <v>5.3400630229804529</v>
      </c>
      <c r="C7200">
        <f t="shared" si="337"/>
        <v>16</v>
      </c>
      <c r="D7200">
        <f t="shared" si="338"/>
        <v>10</v>
      </c>
    </row>
    <row r="7201" spans="1:4" x14ac:dyDescent="0.25">
      <c r="A7201" s="7">
        <f t="shared" si="339"/>
        <v>44861.708333315888</v>
      </c>
      <c r="B7201" s="8">
        <v>2.7641988665272961</v>
      </c>
      <c r="C7201">
        <f t="shared" si="337"/>
        <v>17</v>
      </c>
      <c r="D7201">
        <f t="shared" si="338"/>
        <v>10</v>
      </c>
    </row>
    <row r="7202" spans="1:4" x14ac:dyDescent="0.25">
      <c r="A7202" s="7">
        <f t="shared" si="339"/>
        <v>44861.749999982552</v>
      </c>
      <c r="B7202" s="8">
        <v>-4.9800999999999998E-2</v>
      </c>
      <c r="C7202">
        <f t="shared" si="337"/>
        <v>18</v>
      </c>
      <c r="D7202">
        <f t="shared" si="338"/>
        <v>10</v>
      </c>
    </row>
    <row r="7203" spans="1:4" x14ac:dyDescent="0.25">
      <c r="A7203" s="7">
        <f t="shared" si="339"/>
        <v>44861.791666649216</v>
      </c>
      <c r="B7203" s="8">
        <v>-4.9800999999999998E-2</v>
      </c>
      <c r="C7203">
        <f t="shared" si="337"/>
        <v>19</v>
      </c>
      <c r="D7203">
        <f t="shared" si="338"/>
        <v>10</v>
      </c>
    </row>
    <row r="7204" spans="1:4" x14ac:dyDescent="0.25">
      <c r="A7204" s="7">
        <f t="shared" si="339"/>
        <v>44861.833333315881</v>
      </c>
      <c r="B7204" s="8">
        <v>-4.9800999999999998E-2</v>
      </c>
      <c r="C7204">
        <f t="shared" si="337"/>
        <v>20</v>
      </c>
      <c r="D7204">
        <f t="shared" si="338"/>
        <v>10</v>
      </c>
    </row>
    <row r="7205" spans="1:4" x14ac:dyDescent="0.25">
      <c r="A7205" s="7">
        <f t="shared" si="339"/>
        <v>44861.874999982545</v>
      </c>
      <c r="B7205" s="8">
        <v>-4.9800999999999998E-2</v>
      </c>
      <c r="C7205">
        <f t="shared" si="337"/>
        <v>21</v>
      </c>
      <c r="D7205">
        <f t="shared" si="338"/>
        <v>10</v>
      </c>
    </row>
    <row r="7206" spans="1:4" x14ac:dyDescent="0.25">
      <c r="A7206" s="7">
        <f t="shared" si="339"/>
        <v>44861.916666649209</v>
      </c>
      <c r="B7206" s="8">
        <v>-4.9800999999999998E-2</v>
      </c>
      <c r="C7206">
        <f t="shared" si="337"/>
        <v>22</v>
      </c>
      <c r="D7206">
        <f t="shared" si="338"/>
        <v>10</v>
      </c>
    </row>
    <row r="7207" spans="1:4" x14ac:dyDescent="0.25">
      <c r="A7207" s="7">
        <f t="shared" si="339"/>
        <v>44861.958333315873</v>
      </c>
      <c r="B7207" s="8">
        <v>-4.9800999999999998E-2</v>
      </c>
      <c r="C7207">
        <f t="shared" si="337"/>
        <v>23</v>
      </c>
      <c r="D7207">
        <f t="shared" si="338"/>
        <v>10</v>
      </c>
    </row>
    <row r="7208" spans="1:4" x14ac:dyDescent="0.25">
      <c r="A7208" s="7">
        <f t="shared" si="339"/>
        <v>44861.999999982538</v>
      </c>
      <c r="B7208" s="8">
        <v>-4.9800999999999998E-2</v>
      </c>
      <c r="C7208">
        <f t="shared" si="337"/>
        <v>0</v>
      </c>
      <c r="D7208">
        <f t="shared" si="338"/>
        <v>10</v>
      </c>
    </row>
    <row r="7209" spans="1:4" x14ac:dyDescent="0.25">
      <c r="A7209" s="7">
        <f t="shared" si="339"/>
        <v>44862.041666649202</v>
      </c>
      <c r="B7209" s="8">
        <v>-4.9800999999999998E-2</v>
      </c>
      <c r="C7209">
        <f t="shared" si="337"/>
        <v>1</v>
      </c>
      <c r="D7209">
        <f t="shared" si="338"/>
        <v>10</v>
      </c>
    </row>
    <row r="7210" spans="1:4" x14ac:dyDescent="0.25">
      <c r="A7210" s="7">
        <f t="shared" si="339"/>
        <v>44862.083333315866</v>
      </c>
      <c r="B7210" s="8">
        <v>-4.9800999999999998E-2</v>
      </c>
      <c r="C7210">
        <f t="shared" si="337"/>
        <v>2</v>
      </c>
      <c r="D7210">
        <f t="shared" si="338"/>
        <v>10</v>
      </c>
    </row>
    <row r="7211" spans="1:4" x14ac:dyDescent="0.25">
      <c r="A7211" s="7">
        <f t="shared" si="339"/>
        <v>44862.12499998253</v>
      </c>
      <c r="B7211" s="8">
        <v>-4.9800999999999998E-2</v>
      </c>
      <c r="C7211">
        <f t="shared" si="337"/>
        <v>3</v>
      </c>
      <c r="D7211">
        <f t="shared" si="338"/>
        <v>10</v>
      </c>
    </row>
    <row r="7212" spans="1:4" x14ac:dyDescent="0.25">
      <c r="A7212" s="7">
        <f t="shared" si="339"/>
        <v>44862.166666649195</v>
      </c>
      <c r="B7212" s="8">
        <v>-4.9800999999999998E-2</v>
      </c>
      <c r="C7212">
        <f t="shared" si="337"/>
        <v>4</v>
      </c>
      <c r="D7212">
        <f t="shared" si="338"/>
        <v>10</v>
      </c>
    </row>
    <row r="7213" spans="1:4" x14ac:dyDescent="0.25">
      <c r="A7213" s="7">
        <f t="shared" si="339"/>
        <v>44862.208333315859</v>
      </c>
      <c r="B7213" s="8">
        <v>-4.9800999999999998E-2</v>
      </c>
      <c r="C7213">
        <f t="shared" si="337"/>
        <v>5</v>
      </c>
      <c r="D7213">
        <f t="shared" si="338"/>
        <v>10</v>
      </c>
    </row>
    <row r="7214" spans="1:4" x14ac:dyDescent="0.25">
      <c r="A7214" s="7">
        <f t="shared" si="339"/>
        <v>44862.249999982523</v>
      </c>
      <c r="B7214" s="8">
        <v>-4.9800999999999998E-2</v>
      </c>
      <c r="C7214">
        <f t="shared" si="337"/>
        <v>6</v>
      </c>
      <c r="D7214">
        <f t="shared" si="338"/>
        <v>10</v>
      </c>
    </row>
    <row r="7215" spans="1:4" x14ac:dyDescent="0.25">
      <c r="A7215" s="7">
        <f t="shared" si="339"/>
        <v>44862.291666649187</v>
      </c>
      <c r="B7215" s="8">
        <v>-4.9800999999999998E-2</v>
      </c>
      <c r="C7215">
        <f t="shared" si="337"/>
        <v>7</v>
      </c>
      <c r="D7215">
        <f t="shared" si="338"/>
        <v>10</v>
      </c>
    </row>
    <row r="7216" spans="1:4" x14ac:dyDescent="0.25">
      <c r="A7216" s="7">
        <f t="shared" si="339"/>
        <v>44862.333333315852</v>
      </c>
      <c r="B7216" s="8">
        <v>1.4981926216676451</v>
      </c>
      <c r="C7216">
        <f t="shared" si="337"/>
        <v>8</v>
      </c>
      <c r="D7216">
        <f t="shared" si="338"/>
        <v>10</v>
      </c>
    </row>
    <row r="7217" spans="1:4" x14ac:dyDescent="0.25">
      <c r="A7217" s="7">
        <f t="shared" si="339"/>
        <v>44862.374999982516</v>
      </c>
      <c r="B7217" s="8">
        <v>3.8912739947357804</v>
      </c>
      <c r="C7217">
        <f t="shared" si="337"/>
        <v>9</v>
      </c>
      <c r="D7217">
        <f t="shared" si="338"/>
        <v>10</v>
      </c>
    </row>
    <row r="7218" spans="1:4" x14ac:dyDescent="0.25">
      <c r="A7218" s="7">
        <f t="shared" si="339"/>
        <v>44862.41666664918</v>
      </c>
      <c r="B7218" s="8">
        <v>1.6142646824501223</v>
      </c>
      <c r="C7218">
        <f t="shared" si="337"/>
        <v>10</v>
      </c>
      <c r="D7218">
        <f t="shared" si="338"/>
        <v>10</v>
      </c>
    </row>
    <row r="7219" spans="1:4" x14ac:dyDescent="0.25">
      <c r="A7219" s="7">
        <f t="shared" si="339"/>
        <v>44862.458333315844</v>
      </c>
      <c r="B7219" s="8">
        <v>1.9717141507095282</v>
      </c>
      <c r="C7219">
        <f t="shared" si="337"/>
        <v>11</v>
      </c>
      <c r="D7219">
        <f t="shared" si="338"/>
        <v>10</v>
      </c>
    </row>
    <row r="7220" spans="1:4" x14ac:dyDescent="0.25">
      <c r="A7220" s="7">
        <f t="shared" si="339"/>
        <v>44862.499999982509</v>
      </c>
      <c r="B7220" s="8">
        <v>2.3058232655758673</v>
      </c>
      <c r="C7220">
        <f t="shared" si="337"/>
        <v>12</v>
      </c>
      <c r="D7220">
        <f t="shared" si="338"/>
        <v>10</v>
      </c>
    </row>
    <row r="7221" spans="1:4" x14ac:dyDescent="0.25">
      <c r="A7221" s="7">
        <f t="shared" si="339"/>
        <v>44862.541666649173</v>
      </c>
      <c r="B7221" s="8">
        <v>2.3055140808707004</v>
      </c>
      <c r="C7221">
        <f t="shared" si="337"/>
        <v>13</v>
      </c>
      <c r="D7221">
        <f t="shared" si="338"/>
        <v>10</v>
      </c>
    </row>
    <row r="7222" spans="1:4" x14ac:dyDescent="0.25">
      <c r="A7222" s="7">
        <f t="shared" si="339"/>
        <v>44862.583333315837</v>
      </c>
      <c r="B7222" s="8">
        <v>2.5987664981805705</v>
      </c>
      <c r="C7222">
        <f t="shared" si="337"/>
        <v>14</v>
      </c>
      <c r="D7222">
        <f t="shared" si="338"/>
        <v>10</v>
      </c>
    </row>
    <row r="7223" spans="1:4" x14ac:dyDescent="0.25">
      <c r="A7223" s="7">
        <f t="shared" si="339"/>
        <v>44862.624999982501</v>
      </c>
      <c r="B7223" s="8">
        <v>2.6118089396602042</v>
      </c>
      <c r="C7223">
        <f t="shared" si="337"/>
        <v>15</v>
      </c>
      <c r="D7223">
        <f t="shared" si="338"/>
        <v>10</v>
      </c>
    </row>
    <row r="7224" spans="1:4" x14ac:dyDescent="0.25">
      <c r="A7224" s="7">
        <f t="shared" si="339"/>
        <v>44862.666666649166</v>
      </c>
      <c r="B7224" s="8">
        <v>1.1419737085348043</v>
      </c>
      <c r="C7224">
        <f t="shared" si="337"/>
        <v>16</v>
      </c>
      <c r="D7224">
        <f t="shared" si="338"/>
        <v>10</v>
      </c>
    </row>
    <row r="7225" spans="1:4" x14ac:dyDescent="0.25">
      <c r="A7225" s="7">
        <f t="shared" si="339"/>
        <v>44862.70833331583</v>
      </c>
      <c r="B7225" s="8">
        <v>0.96107386000425066</v>
      </c>
      <c r="C7225">
        <f t="shared" si="337"/>
        <v>17</v>
      </c>
      <c r="D7225">
        <f t="shared" si="338"/>
        <v>10</v>
      </c>
    </row>
    <row r="7226" spans="1:4" x14ac:dyDescent="0.25">
      <c r="A7226" s="7">
        <f t="shared" si="339"/>
        <v>44862.749999982494</v>
      </c>
      <c r="B7226" s="8">
        <v>-4.9800999999999998E-2</v>
      </c>
      <c r="C7226">
        <f t="shared" si="337"/>
        <v>18</v>
      </c>
      <c r="D7226">
        <f t="shared" si="338"/>
        <v>10</v>
      </c>
    </row>
    <row r="7227" spans="1:4" x14ac:dyDescent="0.25">
      <c r="A7227" s="7">
        <f t="shared" si="339"/>
        <v>44862.791666649158</v>
      </c>
      <c r="B7227" s="8">
        <v>-4.9800999999999998E-2</v>
      </c>
      <c r="C7227">
        <f t="shared" si="337"/>
        <v>19</v>
      </c>
      <c r="D7227">
        <f t="shared" si="338"/>
        <v>10</v>
      </c>
    </row>
    <row r="7228" spans="1:4" x14ac:dyDescent="0.25">
      <c r="A7228" s="7">
        <f t="shared" si="339"/>
        <v>44862.833333315823</v>
      </c>
      <c r="B7228" s="8">
        <v>-4.9800999999999998E-2</v>
      </c>
      <c r="C7228">
        <f t="shared" si="337"/>
        <v>20</v>
      </c>
      <c r="D7228">
        <f t="shared" si="338"/>
        <v>10</v>
      </c>
    </row>
    <row r="7229" spans="1:4" x14ac:dyDescent="0.25">
      <c r="A7229" s="7">
        <f t="shared" si="339"/>
        <v>44862.874999982487</v>
      </c>
      <c r="B7229" s="8">
        <v>-4.9800999999999998E-2</v>
      </c>
      <c r="C7229">
        <f t="shared" si="337"/>
        <v>21</v>
      </c>
      <c r="D7229">
        <f t="shared" si="338"/>
        <v>10</v>
      </c>
    </row>
    <row r="7230" spans="1:4" x14ac:dyDescent="0.25">
      <c r="A7230" s="7">
        <f t="shared" si="339"/>
        <v>44862.916666649151</v>
      </c>
      <c r="B7230" s="8">
        <v>-4.9800999999999998E-2</v>
      </c>
      <c r="C7230">
        <f t="shared" si="337"/>
        <v>22</v>
      </c>
      <c r="D7230">
        <f t="shared" si="338"/>
        <v>10</v>
      </c>
    </row>
    <row r="7231" spans="1:4" x14ac:dyDescent="0.25">
      <c r="A7231" s="7">
        <f t="shared" si="339"/>
        <v>44862.958333315815</v>
      </c>
      <c r="B7231" s="8">
        <v>-4.9800999999999998E-2</v>
      </c>
      <c r="C7231">
        <f t="shared" si="337"/>
        <v>23</v>
      </c>
      <c r="D7231">
        <f t="shared" si="338"/>
        <v>10</v>
      </c>
    </row>
    <row r="7232" spans="1:4" x14ac:dyDescent="0.25">
      <c r="A7232" s="7">
        <f t="shared" si="339"/>
        <v>44862.999999982479</v>
      </c>
      <c r="B7232" s="8">
        <v>-4.9800999999999998E-2</v>
      </c>
      <c r="C7232">
        <f t="shared" si="337"/>
        <v>0</v>
      </c>
      <c r="D7232">
        <f t="shared" si="338"/>
        <v>10</v>
      </c>
    </row>
    <row r="7233" spans="1:4" x14ac:dyDescent="0.25">
      <c r="A7233" s="7">
        <f t="shared" si="339"/>
        <v>44863.041666649144</v>
      </c>
      <c r="B7233" s="8">
        <v>-4.9800999999999998E-2</v>
      </c>
      <c r="C7233">
        <f t="shared" si="337"/>
        <v>1</v>
      </c>
      <c r="D7233">
        <f t="shared" si="338"/>
        <v>10</v>
      </c>
    </row>
    <row r="7234" spans="1:4" x14ac:dyDescent="0.25">
      <c r="A7234" s="7">
        <f t="shared" si="339"/>
        <v>44863.083333315808</v>
      </c>
      <c r="B7234" s="8">
        <v>-4.9800999999999998E-2</v>
      </c>
      <c r="C7234">
        <f t="shared" si="337"/>
        <v>2</v>
      </c>
      <c r="D7234">
        <f t="shared" si="338"/>
        <v>10</v>
      </c>
    </row>
    <row r="7235" spans="1:4" x14ac:dyDescent="0.25">
      <c r="A7235" s="7">
        <f t="shared" si="339"/>
        <v>44863.124999982472</v>
      </c>
      <c r="B7235" s="8">
        <v>-4.9800999999999998E-2</v>
      </c>
      <c r="C7235">
        <f t="shared" si="337"/>
        <v>3</v>
      </c>
      <c r="D7235">
        <f t="shared" si="338"/>
        <v>10</v>
      </c>
    </row>
    <row r="7236" spans="1:4" x14ac:dyDescent="0.25">
      <c r="A7236" s="7">
        <f t="shared" si="339"/>
        <v>44863.166666649136</v>
      </c>
      <c r="B7236" s="8">
        <v>-4.9800999999999998E-2</v>
      </c>
      <c r="C7236">
        <f t="shared" si="337"/>
        <v>4</v>
      </c>
      <c r="D7236">
        <f t="shared" si="338"/>
        <v>10</v>
      </c>
    </row>
    <row r="7237" spans="1:4" x14ac:dyDescent="0.25">
      <c r="A7237" s="7">
        <f t="shared" si="339"/>
        <v>44863.208333315801</v>
      </c>
      <c r="B7237" s="8">
        <v>-4.9800999999999998E-2</v>
      </c>
      <c r="C7237">
        <f t="shared" si="337"/>
        <v>5</v>
      </c>
      <c r="D7237">
        <f t="shared" si="338"/>
        <v>10</v>
      </c>
    </row>
    <row r="7238" spans="1:4" x14ac:dyDescent="0.25">
      <c r="A7238" s="7">
        <f t="shared" si="339"/>
        <v>44863.249999982465</v>
      </c>
      <c r="B7238" s="8">
        <v>-4.9800999999999998E-2</v>
      </c>
      <c r="C7238">
        <f t="shared" si="337"/>
        <v>6</v>
      </c>
      <c r="D7238">
        <f t="shared" si="338"/>
        <v>10</v>
      </c>
    </row>
    <row r="7239" spans="1:4" x14ac:dyDescent="0.25">
      <c r="A7239" s="7">
        <f t="shared" si="339"/>
        <v>44863.291666649129</v>
      </c>
      <c r="B7239" s="8">
        <v>-4.9800999999999998E-2</v>
      </c>
      <c r="C7239">
        <f t="shared" si="337"/>
        <v>7</v>
      </c>
      <c r="D7239">
        <f t="shared" si="338"/>
        <v>10</v>
      </c>
    </row>
    <row r="7240" spans="1:4" x14ac:dyDescent="0.25">
      <c r="A7240" s="7">
        <f t="shared" si="339"/>
        <v>44863.333333315793</v>
      </c>
      <c r="B7240" s="8">
        <v>0.7775253291660984</v>
      </c>
      <c r="C7240">
        <f t="shared" si="337"/>
        <v>8</v>
      </c>
      <c r="D7240">
        <f t="shared" si="338"/>
        <v>10</v>
      </c>
    </row>
    <row r="7241" spans="1:4" x14ac:dyDescent="0.25">
      <c r="A7241" s="7">
        <f t="shared" si="339"/>
        <v>44863.374999982458</v>
      </c>
      <c r="B7241" s="8">
        <v>2.1497262140938211</v>
      </c>
      <c r="C7241">
        <f t="shared" si="337"/>
        <v>9</v>
      </c>
      <c r="D7241">
        <f t="shared" si="338"/>
        <v>10</v>
      </c>
    </row>
    <row r="7242" spans="1:4" x14ac:dyDescent="0.25">
      <c r="A7242" s="7">
        <f t="shared" si="339"/>
        <v>44863.416666649122</v>
      </c>
      <c r="B7242" s="8">
        <v>2.2301461865234762</v>
      </c>
      <c r="C7242">
        <f t="shared" ref="C7242:C7305" si="340">HOUR(A7242)</f>
        <v>10</v>
      </c>
      <c r="D7242">
        <f t="shared" ref="D7242:D7305" si="341">MONTH(A7242)</f>
        <v>10</v>
      </c>
    </row>
    <row r="7243" spans="1:4" x14ac:dyDescent="0.25">
      <c r="A7243" s="7">
        <f t="shared" ref="A7243:A7306" si="342">+A7242+1/24</f>
        <v>44863.458333315786</v>
      </c>
      <c r="B7243" s="8">
        <v>4.5879361867281512</v>
      </c>
      <c r="C7243">
        <f t="shared" si="340"/>
        <v>11</v>
      </c>
      <c r="D7243">
        <f t="shared" si="341"/>
        <v>10</v>
      </c>
    </row>
    <row r="7244" spans="1:4" x14ac:dyDescent="0.25">
      <c r="A7244" s="7">
        <f t="shared" si="342"/>
        <v>44863.49999998245</v>
      </c>
      <c r="B7244" s="8">
        <v>6.3828801659524741</v>
      </c>
      <c r="C7244">
        <f t="shared" si="340"/>
        <v>12</v>
      </c>
      <c r="D7244">
        <f t="shared" si="341"/>
        <v>10</v>
      </c>
    </row>
    <row r="7245" spans="1:4" x14ac:dyDescent="0.25">
      <c r="A7245" s="7">
        <f t="shared" si="342"/>
        <v>44863.541666649115</v>
      </c>
      <c r="B7245" s="8">
        <v>11.890392472173028</v>
      </c>
      <c r="C7245">
        <f t="shared" si="340"/>
        <v>13</v>
      </c>
      <c r="D7245">
        <f t="shared" si="341"/>
        <v>10</v>
      </c>
    </row>
    <row r="7246" spans="1:4" x14ac:dyDescent="0.25">
      <c r="A7246" s="7">
        <f t="shared" si="342"/>
        <v>44863.583333315779</v>
      </c>
      <c r="B7246" s="8">
        <v>15.626137284668586</v>
      </c>
      <c r="C7246">
        <f t="shared" si="340"/>
        <v>14</v>
      </c>
      <c r="D7246">
        <f t="shared" si="341"/>
        <v>10</v>
      </c>
    </row>
    <row r="7247" spans="1:4" x14ac:dyDescent="0.25">
      <c r="A7247" s="7">
        <f t="shared" si="342"/>
        <v>44863.624999982443</v>
      </c>
      <c r="B7247" s="8">
        <v>8.803632539517384</v>
      </c>
      <c r="C7247">
        <f t="shared" si="340"/>
        <v>15</v>
      </c>
      <c r="D7247">
        <f t="shared" si="341"/>
        <v>10</v>
      </c>
    </row>
    <row r="7248" spans="1:4" x14ac:dyDescent="0.25">
      <c r="A7248" s="7">
        <f t="shared" si="342"/>
        <v>44863.666666649107</v>
      </c>
      <c r="B7248" s="8">
        <v>9.0242698369717012</v>
      </c>
      <c r="C7248">
        <f t="shared" si="340"/>
        <v>16</v>
      </c>
      <c r="D7248">
        <f t="shared" si="341"/>
        <v>10</v>
      </c>
    </row>
    <row r="7249" spans="1:4" x14ac:dyDescent="0.25">
      <c r="A7249" s="7">
        <f t="shared" si="342"/>
        <v>44863.708333315772</v>
      </c>
      <c r="B7249" s="8">
        <v>4.5572300230423197</v>
      </c>
      <c r="C7249">
        <f t="shared" si="340"/>
        <v>17</v>
      </c>
      <c r="D7249">
        <f t="shared" si="341"/>
        <v>10</v>
      </c>
    </row>
    <row r="7250" spans="1:4" x14ac:dyDescent="0.25">
      <c r="A7250" s="7">
        <f t="shared" si="342"/>
        <v>44863.749999982436</v>
      </c>
      <c r="B7250" s="8">
        <v>-4.9800999999999998E-2</v>
      </c>
      <c r="C7250">
        <f t="shared" si="340"/>
        <v>18</v>
      </c>
      <c r="D7250">
        <f t="shared" si="341"/>
        <v>10</v>
      </c>
    </row>
    <row r="7251" spans="1:4" x14ac:dyDescent="0.25">
      <c r="A7251" s="7">
        <f t="shared" si="342"/>
        <v>44863.7916666491</v>
      </c>
      <c r="B7251" s="8">
        <v>-4.9800999999999998E-2</v>
      </c>
      <c r="C7251">
        <f t="shared" si="340"/>
        <v>19</v>
      </c>
      <c r="D7251">
        <f t="shared" si="341"/>
        <v>10</v>
      </c>
    </row>
    <row r="7252" spans="1:4" x14ac:dyDescent="0.25">
      <c r="A7252" s="7">
        <f t="shared" si="342"/>
        <v>44863.833333315764</v>
      </c>
      <c r="B7252" s="8">
        <v>-4.9800999999999998E-2</v>
      </c>
      <c r="C7252">
        <f t="shared" si="340"/>
        <v>20</v>
      </c>
      <c r="D7252">
        <f t="shared" si="341"/>
        <v>10</v>
      </c>
    </row>
    <row r="7253" spans="1:4" x14ac:dyDescent="0.25">
      <c r="A7253" s="7">
        <f t="shared" si="342"/>
        <v>44863.874999982429</v>
      </c>
      <c r="B7253" s="8">
        <v>-4.9800999999999998E-2</v>
      </c>
      <c r="C7253">
        <f t="shared" si="340"/>
        <v>21</v>
      </c>
      <c r="D7253">
        <f t="shared" si="341"/>
        <v>10</v>
      </c>
    </row>
    <row r="7254" spans="1:4" x14ac:dyDescent="0.25">
      <c r="A7254" s="7">
        <f t="shared" si="342"/>
        <v>44863.916666649093</v>
      </c>
      <c r="B7254" s="8">
        <v>-4.9800999999999998E-2</v>
      </c>
      <c r="C7254">
        <f t="shared" si="340"/>
        <v>22</v>
      </c>
      <c r="D7254">
        <f t="shared" si="341"/>
        <v>10</v>
      </c>
    </row>
    <row r="7255" spans="1:4" x14ac:dyDescent="0.25">
      <c r="A7255" s="7">
        <f t="shared" si="342"/>
        <v>44863.958333315757</v>
      </c>
      <c r="B7255" s="8">
        <v>-4.9800999999999998E-2</v>
      </c>
      <c r="C7255">
        <f t="shared" si="340"/>
        <v>23</v>
      </c>
      <c r="D7255">
        <f t="shared" si="341"/>
        <v>10</v>
      </c>
    </row>
    <row r="7256" spans="1:4" x14ac:dyDescent="0.25">
      <c r="A7256" s="7">
        <f t="shared" si="342"/>
        <v>44863.999999982421</v>
      </c>
      <c r="B7256" s="8">
        <v>-4.9800999999999998E-2</v>
      </c>
      <c r="C7256">
        <f t="shared" si="340"/>
        <v>0</v>
      </c>
      <c r="D7256">
        <f t="shared" si="341"/>
        <v>10</v>
      </c>
    </row>
    <row r="7257" spans="1:4" x14ac:dyDescent="0.25">
      <c r="A7257" s="7">
        <f t="shared" si="342"/>
        <v>44864.041666649086</v>
      </c>
      <c r="B7257" s="8">
        <v>-4.9800999999999998E-2</v>
      </c>
      <c r="C7257">
        <f t="shared" si="340"/>
        <v>1</v>
      </c>
      <c r="D7257">
        <f t="shared" si="341"/>
        <v>10</v>
      </c>
    </row>
    <row r="7258" spans="1:4" x14ac:dyDescent="0.25">
      <c r="A7258" s="7">
        <f t="shared" si="342"/>
        <v>44864.08333331575</v>
      </c>
      <c r="B7258" s="8">
        <v>-4.9800999999999998E-2</v>
      </c>
      <c r="C7258">
        <f t="shared" si="340"/>
        <v>2</v>
      </c>
      <c r="D7258">
        <f t="shared" si="341"/>
        <v>10</v>
      </c>
    </row>
    <row r="7259" spans="1:4" x14ac:dyDescent="0.25">
      <c r="A7259" s="7">
        <f t="shared" si="342"/>
        <v>44864.124999982414</v>
      </c>
      <c r="B7259" s="8">
        <v>-4.9800999999999998E-2</v>
      </c>
      <c r="C7259">
        <f t="shared" si="340"/>
        <v>3</v>
      </c>
      <c r="D7259">
        <f t="shared" si="341"/>
        <v>10</v>
      </c>
    </row>
    <row r="7260" spans="1:4" x14ac:dyDescent="0.25">
      <c r="A7260" s="7">
        <f t="shared" si="342"/>
        <v>44864.166666649078</v>
      </c>
      <c r="B7260" s="8">
        <v>-4.9800999999999998E-2</v>
      </c>
      <c r="C7260">
        <f t="shared" si="340"/>
        <v>4</v>
      </c>
      <c r="D7260">
        <f t="shared" si="341"/>
        <v>10</v>
      </c>
    </row>
    <row r="7261" spans="1:4" x14ac:dyDescent="0.25">
      <c r="A7261" s="7">
        <f t="shared" si="342"/>
        <v>44864.208333315742</v>
      </c>
      <c r="B7261" s="8">
        <v>-4.9800999999999998E-2</v>
      </c>
      <c r="C7261">
        <f t="shared" si="340"/>
        <v>5</v>
      </c>
      <c r="D7261">
        <f t="shared" si="341"/>
        <v>10</v>
      </c>
    </row>
    <row r="7262" spans="1:4" x14ac:dyDescent="0.25">
      <c r="A7262" s="7">
        <f t="shared" si="342"/>
        <v>44864.249999982407</v>
      </c>
      <c r="B7262" s="8">
        <v>-4.9800999999999998E-2</v>
      </c>
      <c r="C7262">
        <f t="shared" si="340"/>
        <v>6</v>
      </c>
      <c r="D7262">
        <f t="shared" si="341"/>
        <v>10</v>
      </c>
    </row>
    <row r="7263" spans="1:4" x14ac:dyDescent="0.25">
      <c r="A7263" s="7">
        <f t="shared" si="342"/>
        <v>44864.291666649071</v>
      </c>
      <c r="B7263" s="8">
        <v>-4.9800999999999998E-2</v>
      </c>
      <c r="C7263">
        <f t="shared" si="340"/>
        <v>7</v>
      </c>
      <c r="D7263">
        <f t="shared" si="341"/>
        <v>10</v>
      </c>
    </row>
    <row r="7264" spans="1:4" x14ac:dyDescent="0.25">
      <c r="A7264" s="7">
        <f t="shared" si="342"/>
        <v>44864.333333315735</v>
      </c>
      <c r="B7264" s="8">
        <v>0.26468684239947893</v>
      </c>
      <c r="C7264">
        <f t="shared" si="340"/>
        <v>8</v>
      </c>
      <c r="D7264">
        <f t="shared" si="341"/>
        <v>10</v>
      </c>
    </row>
    <row r="7265" spans="1:4" x14ac:dyDescent="0.25">
      <c r="A7265" s="7">
        <f t="shared" si="342"/>
        <v>44864.374999982399</v>
      </c>
      <c r="B7265" s="8">
        <v>1.3282935649469378</v>
      </c>
      <c r="C7265">
        <f t="shared" si="340"/>
        <v>9</v>
      </c>
      <c r="D7265">
        <f t="shared" si="341"/>
        <v>10</v>
      </c>
    </row>
    <row r="7266" spans="1:4" x14ac:dyDescent="0.25">
      <c r="A7266" s="7">
        <f t="shared" si="342"/>
        <v>44864.416666649064</v>
      </c>
      <c r="B7266" s="8">
        <v>2.9472671304567557</v>
      </c>
      <c r="C7266">
        <f t="shared" si="340"/>
        <v>10</v>
      </c>
      <c r="D7266">
        <f t="shared" si="341"/>
        <v>10</v>
      </c>
    </row>
    <row r="7267" spans="1:4" x14ac:dyDescent="0.25">
      <c r="A7267" s="7">
        <f t="shared" si="342"/>
        <v>44864.458333315728</v>
      </c>
      <c r="B7267" s="8">
        <v>1.9320725490443662</v>
      </c>
      <c r="C7267">
        <f t="shared" si="340"/>
        <v>11</v>
      </c>
      <c r="D7267">
        <f t="shared" si="341"/>
        <v>10</v>
      </c>
    </row>
    <row r="7268" spans="1:4" x14ac:dyDescent="0.25">
      <c r="A7268" s="7">
        <f t="shared" si="342"/>
        <v>44864.499999982392</v>
      </c>
      <c r="B7268" s="8">
        <v>2.4175461281723267</v>
      </c>
      <c r="C7268">
        <f t="shared" si="340"/>
        <v>12</v>
      </c>
      <c r="D7268">
        <f t="shared" si="341"/>
        <v>10</v>
      </c>
    </row>
    <row r="7269" spans="1:4" x14ac:dyDescent="0.25">
      <c r="A7269" s="7">
        <f t="shared" si="342"/>
        <v>44864.541666649056</v>
      </c>
      <c r="B7269" s="8">
        <v>2.3163355455515497</v>
      </c>
      <c r="C7269">
        <f t="shared" si="340"/>
        <v>13</v>
      </c>
      <c r="D7269">
        <f t="shared" si="341"/>
        <v>10</v>
      </c>
    </row>
    <row r="7270" spans="1:4" x14ac:dyDescent="0.25">
      <c r="A7270" s="7">
        <f t="shared" si="342"/>
        <v>44864.583333315721</v>
      </c>
      <c r="B7270" s="8">
        <v>2.0868308307530388</v>
      </c>
      <c r="C7270">
        <f t="shared" si="340"/>
        <v>14</v>
      </c>
      <c r="D7270">
        <f t="shared" si="341"/>
        <v>10</v>
      </c>
    </row>
    <row r="7271" spans="1:4" x14ac:dyDescent="0.25">
      <c r="A7271" s="7">
        <f t="shared" si="342"/>
        <v>44864.624999982385</v>
      </c>
      <c r="B7271" s="8">
        <v>10.451578773132731</v>
      </c>
      <c r="C7271">
        <f t="shared" si="340"/>
        <v>15</v>
      </c>
      <c r="D7271">
        <f t="shared" si="341"/>
        <v>10</v>
      </c>
    </row>
    <row r="7272" spans="1:4" x14ac:dyDescent="0.25">
      <c r="A7272" s="7">
        <f t="shared" si="342"/>
        <v>44864.666666649049</v>
      </c>
      <c r="B7272" s="8">
        <v>9.7432644402182955</v>
      </c>
      <c r="C7272">
        <f t="shared" si="340"/>
        <v>16</v>
      </c>
      <c r="D7272">
        <f t="shared" si="341"/>
        <v>10</v>
      </c>
    </row>
    <row r="7273" spans="1:4" x14ac:dyDescent="0.25">
      <c r="A7273" s="7">
        <f t="shared" si="342"/>
        <v>44864.708333315713</v>
      </c>
      <c r="B7273" s="8">
        <v>3.5527600284364937</v>
      </c>
      <c r="C7273">
        <f t="shared" si="340"/>
        <v>17</v>
      </c>
      <c r="D7273">
        <f t="shared" si="341"/>
        <v>10</v>
      </c>
    </row>
    <row r="7274" spans="1:4" x14ac:dyDescent="0.25">
      <c r="A7274" s="7">
        <f t="shared" si="342"/>
        <v>44864.749999982378</v>
      </c>
      <c r="B7274" s="8">
        <v>-4.9800999999999998E-2</v>
      </c>
      <c r="C7274">
        <f t="shared" si="340"/>
        <v>18</v>
      </c>
      <c r="D7274">
        <f t="shared" si="341"/>
        <v>10</v>
      </c>
    </row>
    <row r="7275" spans="1:4" x14ac:dyDescent="0.25">
      <c r="A7275" s="7">
        <f t="shared" si="342"/>
        <v>44864.791666649042</v>
      </c>
      <c r="B7275" s="8">
        <v>-4.9800999999999998E-2</v>
      </c>
      <c r="C7275">
        <f t="shared" si="340"/>
        <v>19</v>
      </c>
      <c r="D7275">
        <f t="shared" si="341"/>
        <v>10</v>
      </c>
    </row>
    <row r="7276" spans="1:4" x14ac:dyDescent="0.25">
      <c r="A7276" s="7">
        <f t="shared" si="342"/>
        <v>44864.833333315706</v>
      </c>
      <c r="B7276" s="8">
        <v>-4.9800999999999998E-2</v>
      </c>
      <c r="C7276">
        <f t="shared" si="340"/>
        <v>20</v>
      </c>
      <c r="D7276">
        <f t="shared" si="341"/>
        <v>10</v>
      </c>
    </row>
    <row r="7277" spans="1:4" x14ac:dyDescent="0.25">
      <c r="A7277" s="7">
        <f t="shared" si="342"/>
        <v>44864.87499998237</v>
      </c>
      <c r="B7277" s="8">
        <v>-4.9800999999999998E-2</v>
      </c>
      <c r="C7277">
        <f t="shared" si="340"/>
        <v>21</v>
      </c>
      <c r="D7277">
        <f t="shared" si="341"/>
        <v>10</v>
      </c>
    </row>
    <row r="7278" spans="1:4" x14ac:dyDescent="0.25">
      <c r="A7278" s="7">
        <f t="shared" si="342"/>
        <v>44864.916666649035</v>
      </c>
      <c r="B7278" s="8">
        <v>-4.9800999999999998E-2</v>
      </c>
      <c r="C7278">
        <f t="shared" si="340"/>
        <v>22</v>
      </c>
      <c r="D7278">
        <f t="shared" si="341"/>
        <v>10</v>
      </c>
    </row>
    <row r="7279" spans="1:4" x14ac:dyDescent="0.25">
      <c r="A7279" s="7">
        <f t="shared" si="342"/>
        <v>44864.958333315699</v>
      </c>
      <c r="B7279" s="8">
        <v>-4.9800999999999998E-2</v>
      </c>
      <c r="C7279">
        <f t="shared" si="340"/>
        <v>23</v>
      </c>
      <c r="D7279">
        <f t="shared" si="341"/>
        <v>10</v>
      </c>
    </row>
    <row r="7280" spans="1:4" x14ac:dyDescent="0.25">
      <c r="A7280" s="7">
        <f t="shared" si="342"/>
        <v>44864.999999982363</v>
      </c>
      <c r="B7280" s="8">
        <v>-4.9800999999999998E-2</v>
      </c>
      <c r="C7280">
        <f t="shared" si="340"/>
        <v>0</v>
      </c>
      <c r="D7280">
        <f t="shared" si="341"/>
        <v>10</v>
      </c>
    </row>
    <row r="7281" spans="1:4" x14ac:dyDescent="0.25">
      <c r="A7281" s="7">
        <f t="shared" si="342"/>
        <v>44865.041666649027</v>
      </c>
      <c r="B7281" s="8">
        <v>-4.9800999999999998E-2</v>
      </c>
      <c r="C7281">
        <f t="shared" si="340"/>
        <v>1</v>
      </c>
      <c r="D7281">
        <f t="shared" si="341"/>
        <v>10</v>
      </c>
    </row>
    <row r="7282" spans="1:4" x14ac:dyDescent="0.25">
      <c r="A7282" s="7">
        <f t="shared" si="342"/>
        <v>44865.083333315692</v>
      </c>
      <c r="B7282" s="8">
        <v>-4.9800999999999998E-2</v>
      </c>
      <c r="C7282">
        <f t="shared" si="340"/>
        <v>2</v>
      </c>
      <c r="D7282">
        <f t="shared" si="341"/>
        <v>10</v>
      </c>
    </row>
    <row r="7283" spans="1:4" x14ac:dyDescent="0.25">
      <c r="A7283" s="7">
        <f t="shared" si="342"/>
        <v>44865.124999982356</v>
      </c>
      <c r="B7283" s="8">
        <v>-4.9800999999999998E-2</v>
      </c>
      <c r="C7283">
        <f t="shared" si="340"/>
        <v>3</v>
      </c>
      <c r="D7283">
        <f t="shared" si="341"/>
        <v>10</v>
      </c>
    </row>
    <row r="7284" spans="1:4" x14ac:dyDescent="0.25">
      <c r="A7284" s="7">
        <f t="shared" si="342"/>
        <v>44865.16666664902</v>
      </c>
      <c r="B7284" s="8">
        <v>-4.9800999999999998E-2</v>
      </c>
      <c r="C7284">
        <f t="shared" si="340"/>
        <v>4</v>
      </c>
      <c r="D7284">
        <f t="shared" si="341"/>
        <v>10</v>
      </c>
    </row>
    <row r="7285" spans="1:4" x14ac:dyDescent="0.25">
      <c r="A7285" s="7">
        <f t="shared" si="342"/>
        <v>44865.208333315684</v>
      </c>
      <c r="B7285" s="8">
        <v>-4.9800999999999998E-2</v>
      </c>
      <c r="C7285">
        <f t="shared" si="340"/>
        <v>5</v>
      </c>
      <c r="D7285">
        <f t="shared" si="341"/>
        <v>10</v>
      </c>
    </row>
    <row r="7286" spans="1:4" x14ac:dyDescent="0.25">
      <c r="A7286" s="7">
        <f t="shared" si="342"/>
        <v>44865.249999982349</v>
      </c>
      <c r="B7286" s="8">
        <v>-4.9800999999999998E-2</v>
      </c>
      <c r="C7286">
        <f t="shared" si="340"/>
        <v>6</v>
      </c>
      <c r="D7286">
        <f t="shared" si="341"/>
        <v>10</v>
      </c>
    </row>
    <row r="7287" spans="1:4" x14ac:dyDescent="0.25">
      <c r="A7287" s="7">
        <f t="shared" si="342"/>
        <v>44865.291666649013</v>
      </c>
      <c r="B7287" s="8">
        <v>-4.9800999999999998E-2</v>
      </c>
      <c r="C7287">
        <f t="shared" si="340"/>
        <v>7</v>
      </c>
      <c r="D7287">
        <f t="shared" si="341"/>
        <v>10</v>
      </c>
    </row>
    <row r="7288" spans="1:4" x14ac:dyDescent="0.25">
      <c r="A7288" s="7">
        <f t="shared" si="342"/>
        <v>44865.333333315677</v>
      </c>
      <c r="B7288" s="8">
        <v>-4.9800999999999998E-2</v>
      </c>
      <c r="C7288">
        <f t="shared" si="340"/>
        <v>8</v>
      </c>
      <c r="D7288">
        <f t="shared" si="341"/>
        <v>10</v>
      </c>
    </row>
    <row r="7289" spans="1:4" x14ac:dyDescent="0.25">
      <c r="A7289" s="7">
        <f t="shared" si="342"/>
        <v>44865.374999982341</v>
      </c>
      <c r="B7289" s="8">
        <v>0.79096249645266203</v>
      </c>
      <c r="C7289">
        <f t="shared" si="340"/>
        <v>9</v>
      </c>
      <c r="D7289">
        <f t="shared" si="341"/>
        <v>10</v>
      </c>
    </row>
    <row r="7290" spans="1:4" x14ac:dyDescent="0.25">
      <c r="A7290" s="7">
        <f t="shared" si="342"/>
        <v>44865.416666649005</v>
      </c>
      <c r="B7290" s="8">
        <v>3.6370427484493701</v>
      </c>
      <c r="C7290">
        <f t="shared" si="340"/>
        <v>10</v>
      </c>
      <c r="D7290">
        <f t="shared" si="341"/>
        <v>10</v>
      </c>
    </row>
    <row r="7291" spans="1:4" x14ac:dyDescent="0.25">
      <c r="A7291" s="7">
        <f t="shared" si="342"/>
        <v>44865.45833331567</v>
      </c>
      <c r="B7291" s="8">
        <v>1.9008500469009053</v>
      </c>
      <c r="C7291">
        <f t="shared" si="340"/>
        <v>11</v>
      </c>
      <c r="D7291">
        <f t="shared" si="341"/>
        <v>10</v>
      </c>
    </row>
    <row r="7292" spans="1:4" x14ac:dyDescent="0.25">
      <c r="A7292" s="7">
        <f t="shared" si="342"/>
        <v>44865.499999982334</v>
      </c>
      <c r="B7292" s="8">
        <v>3.8225370816987074</v>
      </c>
      <c r="C7292">
        <f t="shared" si="340"/>
        <v>12</v>
      </c>
      <c r="D7292">
        <f t="shared" si="341"/>
        <v>10</v>
      </c>
    </row>
    <row r="7293" spans="1:4" x14ac:dyDescent="0.25">
      <c r="A7293" s="7">
        <f t="shared" si="342"/>
        <v>44865.541666648998</v>
      </c>
      <c r="B7293" s="8">
        <v>6.6274926760611361</v>
      </c>
      <c r="C7293">
        <f t="shared" si="340"/>
        <v>13</v>
      </c>
      <c r="D7293">
        <f t="shared" si="341"/>
        <v>10</v>
      </c>
    </row>
    <row r="7294" spans="1:4" x14ac:dyDescent="0.25">
      <c r="A7294" s="7">
        <f t="shared" si="342"/>
        <v>44865.583333315662</v>
      </c>
      <c r="B7294" s="8">
        <v>5.1696362910295948</v>
      </c>
      <c r="C7294">
        <f t="shared" si="340"/>
        <v>14</v>
      </c>
      <c r="D7294">
        <f t="shared" si="341"/>
        <v>10</v>
      </c>
    </row>
    <row r="7295" spans="1:4" x14ac:dyDescent="0.25">
      <c r="A7295" s="7">
        <f t="shared" si="342"/>
        <v>44865.624999982327</v>
      </c>
      <c r="B7295" s="8">
        <v>4.9727340727752738</v>
      </c>
      <c r="C7295">
        <f t="shared" si="340"/>
        <v>15</v>
      </c>
      <c r="D7295">
        <f t="shared" si="341"/>
        <v>10</v>
      </c>
    </row>
    <row r="7296" spans="1:4" x14ac:dyDescent="0.25">
      <c r="A7296" s="7">
        <f t="shared" si="342"/>
        <v>44865.666666648991</v>
      </c>
      <c r="B7296" s="8">
        <v>4.5299444728113194</v>
      </c>
      <c r="C7296">
        <f t="shared" si="340"/>
        <v>16</v>
      </c>
      <c r="D7296">
        <f t="shared" si="341"/>
        <v>10</v>
      </c>
    </row>
    <row r="7297" spans="1:4" x14ac:dyDescent="0.25">
      <c r="A7297" s="7">
        <f t="shared" si="342"/>
        <v>44865.708333315655</v>
      </c>
      <c r="B7297" s="8">
        <v>1.9104966097021197</v>
      </c>
      <c r="C7297">
        <f t="shared" si="340"/>
        <v>17</v>
      </c>
      <c r="D7297">
        <f t="shared" si="341"/>
        <v>10</v>
      </c>
    </row>
    <row r="7298" spans="1:4" x14ac:dyDescent="0.25">
      <c r="A7298" s="7">
        <f t="shared" si="342"/>
        <v>44865.749999982319</v>
      </c>
      <c r="B7298" s="8">
        <v>-4.9800999999999998E-2</v>
      </c>
      <c r="C7298">
        <f t="shared" si="340"/>
        <v>18</v>
      </c>
      <c r="D7298">
        <f t="shared" si="341"/>
        <v>10</v>
      </c>
    </row>
    <row r="7299" spans="1:4" x14ac:dyDescent="0.25">
      <c r="A7299" s="7">
        <f t="shared" si="342"/>
        <v>44865.791666648984</v>
      </c>
      <c r="B7299" s="8">
        <v>-4.9800999999999998E-2</v>
      </c>
      <c r="C7299">
        <f t="shared" si="340"/>
        <v>19</v>
      </c>
      <c r="D7299">
        <f t="shared" si="341"/>
        <v>10</v>
      </c>
    </row>
    <row r="7300" spans="1:4" x14ac:dyDescent="0.25">
      <c r="A7300" s="7">
        <f t="shared" si="342"/>
        <v>44865.833333315648</v>
      </c>
      <c r="B7300" s="8">
        <v>-4.9800999999999998E-2</v>
      </c>
      <c r="C7300">
        <f t="shared" si="340"/>
        <v>20</v>
      </c>
      <c r="D7300">
        <f t="shared" si="341"/>
        <v>10</v>
      </c>
    </row>
    <row r="7301" spans="1:4" x14ac:dyDescent="0.25">
      <c r="A7301" s="7">
        <f t="shared" si="342"/>
        <v>44865.874999982312</v>
      </c>
      <c r="B7301" s="8">
        <v>-4.9800999999999998E-2</v>
      </c>
      <c r="C7301">
        <f t="shared" si="340"/>
        <v>21</v>
      </c>
      <c r="D7301">
        <f t="shared" si="341"/>
        <v>10</v>
      </c>
    </row>
    <row r="7302" spans="1:4" x14ac:dyDescent="0.25">
      <c r="A7302" s="7">
        <f t="shared" si="342"/>
        <v>44865.916666648976</v>
      </c>
      <c r="B7302" s="8">
        <v>-4.9800999999999998E-2</v>
      </c>
      <c r="C7302">
        <f t="shared" si="340"/>
        <v>22</v>
      </c>
      <c r="D7302">
        <f t="shared" si="341"/>
        <v>10</v>
      </c>
    </row>
    <row r="7303" spans="1:4" x14ac:dyDescent="0.25">
      <c r="A7303" s="7">
        <f t="shared" si="342"/>
        <v>44865.958333315641</v>
      </c>
      <c r="B7303" s="8">
        <v>-4.9800999999999998E-2</v>
      </c>
      <c r="C7303">
        <f t="shared" si="340"/>
        <v>23</v>
      </c>
      <c r="D7303">
        <f t="shared" si="341"/>
        <v>10</v>
      </c>
    </row>
    <row r="7304" spans="1:4" x14ac:dyDescent="0.25">
      <c r="A7304" s="7">
        <f t="shared" si="342"/>
        <v>44865.999999982305</v>
      </c>
      <c r="B7304" s="8">
        <v>-4.9800999999999998E-2</v>
      </c>
      <c r="C7304">
        <f t="shared" si="340"/>
        <v>0</v>
      </c>
      <c r="D7304">
        <f t="shared" si="341"/>
        <v>11</v>
      </c>
    </row>
    <row r="7305" spans="1:4" x14ac:dyDescent="0.25">
      <c r="A7305" s="7">
        <f t="shared" si="342"/>
        <v>44866.041666648969</v>
      </c>
      <c r="B7305" s="8">
        <v>-4.9800999999999998E-2</v>
      </c>
      <c r="C7305">
        <f t="shared" si="340"/>
        <v>1</v>
      </c>
      <c r="D7305">
        <f t="shared" si="341"/>
        <v>11</v>
      </c>
    </row>
    <row r="7306" spans="1:4" x14ac:dyDescent="0.25">
      <c r="A7306" s="7">
        <f t="shared" si="342"/>
        <v>44866.083333315633</v>
      </c>
      <c r="B7306" s="8">
        <v>-4.9800999999999998E-2</v>
      </c>
      <c r="C7306">
        <f t="shared" ref="C7306:C7369" si="343">HOUR(A7306)</f>
        <v>2</v>
      </c>
      <c r="D7306">
        <f t="shared" ref="D7306:D7369" si="344">MONTH(A7306)</f>
        <v>11</v>
      </c>
    </row>
    <row r="7307" spans="1:4" x14ac:dyDescent="0.25">
      <c r="A7307" s="7">
        <f t="shared" ref="A7307:A7370" si="345">+A7306+1/24</f>
        <v>44866.124999982298</v>
      </c>
      <c r="B7307" s="8">
        <v>-4.9800999999999998E-2</v>
      </c>
      <c r="C7307">
        <f t="shared" si="343"/>
        <v>3</v>
      </c>
      <c r="D7307">
        <f t="shared" si="344"/>
        <v>11</v>
      </c>
    </row>
    <row r="7308" spans="1:4" x14ac:dyDescent="0.25">
      <c r="A7308" s="7">
        <f t="shared" si="345"/>
        <v>44866.166666648962</v>
      </c>
      <c r="B7308" s="8">
        <v>-4.9800999999999998E-2</v>
      </c>
      <c r="C7308">
        <f t="shared" si="343"/>
        <v>4</v>
      </c>
      <c r="D7308">
        <f t="shared" si="344"/>
        <v>11</v>
      </c>
    </row>
    <row r="7309" spans="1:4" x14ac:dyDescent="0.25">
      <c r="A7309" s="7">
        <f t="shared" si="345"/>
        <v>44866.208333315626</v>
      </c>
      <c r="B7309" s="8">
        <v>-4.9800999999999998E-2</v>
      </c>
      <c r="C7309">
        <f t="shared" si="343"/>
        <v>5</v>
      </c>
      <c r="D7309">
        <f t="shared" si="344"/>
        <v>11</v>
      </c>
    </row>
    <row r="7310" spans="1:4" x14ac:dyDescent="0.25">
      <c r="A7310" s="7">
        <f t="shared" si="345"/>
        <v>44866.24999998229</v>
      </c>
      <c r="B7310" s="8">
        <v>-4.9800999999999998E-2</v>
      </c>
      <c r="C7310">
        <f t="shared" si="343"/>
        <v>6</v>
      </c>
      <c r="D7310">
        <f t="shared" si="344"/>
        <v>11</v>
      </c>
    </row>
    <row r="7311" spans="1:4" x14ac:dyDescent="0.25">
      <c r="A7311" s="7">
        <f t="shared" si="345"/>
        <v>44866.291666648955</v>
      </c>
      <c r="B7311" s="8">
        <v>-4.9800999999999998E-2</v>
      </c>
      <c r="C7311">
        <f t="shared" si="343"/>
        <v>7</v>
      </c>
      <c r="D7311">
        <f t="shared" si="344"/>
        <v>11</v>
      </c>
    </row>
    <row r="7312" spans="1:4" x14ac:dyDescent="0.25">
      <c r="A7312" s="7">
        <f t="shared" si="345"/>
        <v>44866.333333315619</v>
      </c>
      <c r="B7312" s="8">
        <v>-4.9800999999999998E-2</v>
      </c>
      <c r="C7312">
        <f t="shared" si="343"/>
        <v>8</v>
      </c>
      <c r="D7312">
        <f t="shared" si="344"/>
        <v>11</v>
      </c>
    </row>
    <row r="7313" spans="1:4" x14ac:dyDescent="0.25">
      <c r="A7313" s="7">
        <f t="shared" si="345"/>
        <v>44866.374999982283</v>
      </c>
      <c r="B7313" s="8">
        <v>1.5597512964664213</v>
      </c>
      <c r="C7313">
        <f t="shared" si="343"/>
        <v>9</v>
      </c>
      <c r="D7313">
        <f t="shared" si="344"/>
        <v>11</v>
      </c>
    </row>
    <row r="7314" spans="1:4" x14ac:dyDescent="0.25">
      <c r="A7314" s="7">
        <f t="shared" si="345"/>
        <v>44866.416666648947</v>
      </c>
      <c r="B7314" s="8">
        <v>2.7225207682707668</v>
      </c>
      <c r="C7314">
        <f t="shared" si="343"/>
        <v>10</v>
      </c>
      <c r="D7314">
        <f t="shared" si="344"/>
        <v>11</v>
      </c>
    </row>
    <row r="7315" spans="1:4" x14ac:dyDescent="0.25">
      <c r="A7315" s="7">
        <f t="shared" si="345"/>
        <v>44866.458333315612</v>
      </c>
      <c r="B7315" s="8">
        <v>3.180277999811862</v>
      </c>
      <c r="C7315">
        <f t="shared" si="343"/>
        <v>11</v>
      </c>
      <c r="D7315">
        <f t="shared" si="344"/>
        <v>11</v>
      </c>
    </row>
    <row r="7316" spans="1:4" x14ac:dyDescent="0.25">
      <c r="A7316" s="7">
        <f t="shared" si="345"/>
        <v>44866.499999982276</v>
      </c>
      <c r="B7316" s="8">
        <v>2.918159451696638</v>
      </c>
      <c r="C7316">
        <f t="shared" si="343"/>
        <v>12</v>
      </c>
      <c r="D7316">
        <f t="shared" si="344"/>
        <v>11</v>
      </c>
    </row>
    <row r="7317" spans="1:4" x14ac:dyDescent="0.25">
      <c r="A7317" s="7">
        <f t="shared" si="345"/>
        <v>44866.54166664894</v>
      </c>
      <c r="B7317" s="8">
        <v>2.4272060889774321</v>
      </c>
      <c r="C7317">
        <f t="shared" si="343"/>
        <v>13</v>
      </c>
      <c r="D7317">
        <f t="shared" si="344"/>
        <v>11</v>
      </c>
    </row>
    <row r="7318" spans="1:4" x14ac:dyDescent="0.25">
      <c r="A7318" s="7">
        <f t="shared" si="345"/>
        <v>44866.583333315604</v>
      </c>
      <c r="B7318" s="8">
        <v>3.2216974135317344</v>
      </c>
      <c r="C7318">
        <f t="shared" si="343"/>
        <v>14</v>
      </c>
      <c r="D7318">
        <f t="shared" si="344"/>
        <v>11</v>
      </c>
    </row>
    <row r="7319" spans="1:4" x14ac:dyDescent="0.25">
      <c r="A7319" s="7">
        <f t="shared" si="345"/>
        <v>44866.624999982268</v>
      </c>
      <c r="B7319" s="8">
        <v>3.1496151219847537</v>
      </c>
      <c r="C7319">
        <f t="shared" si="343"/>
        <v>15</v>
      </c>
      <c r="D7319">
        <f t="shared" si="344"/>
        <v>11</v>
      </c>
    </row>
    <row r="7320" spans="1:4" x14ac:dyDescent="0.25">
      <c r="A7320" s="7">
        <f t="shared" si="345"/>
        <v>44866.666666648933</v>
      </c>
      <c r="B7320" s="8">
        <v>2.7023629561095537</v>
      </c>
      <c r="C7320">
        <f t="shared" si="343"/>
        <v>16</v>
      </c>
      <c r="D7320">
        <f t="shared" si="344"/>
        <v>11</v>
      </c>
    </row>
    <row r="7321" spans="1:4" x14ac:dyDescent="0.25">
      <c r="A7321" s="7">
        <f t="shared" si="345"/>
        <v>44866.708333315597</v>
      </c>
      <c r="B7321" s="8">
        <v>1.011096853453241</v>
      </c>
      <c r="C7321">
        <f t="shared" si="343"/>
        <v>17</v>
      </c>
      <c r="D7321">
        <f t="shared" si="344"/>
        <v>11</v>
      </c>
    </row>
    <row r="7322" spans="1:4" x14ac:dyDescent="0.25">
      <c r="A7322" s="7">
        <f t="shared" si="345"/>
        <v>44866.749999982261</v>
      </c>
      <c r="B7322" s="8">
        <v>-4.9800999999999998E-2</v>
      </c>
      <c r="C7322">
        <f t="shared" si="343"/>
        <v>18</v>
      </c>
      <c r="D7322">
        <f t="shared" si="344"/>
        <v>11</v>
      </c>
    </row>
    <row r="7323" spans="1:4" x14ac:dyDescent="0.25">
      <c r="A7323" s="7">
        <f t="shared" si="345"/>
        <v>44866.791666648925</v>
      </c>
      <c r="B7323" s="8">
        <v>-4.9800999999999998E-2</v>
      </c>
      <c r="C7323">
        <f t="shared" si="343"/>
        <v>19</v>
      </c>
      <c r="D7323">
        <f t="shared" si="344"/>
        <v>11</v>
      </c>
    </row>
    <row r="7324" spans="1:4" x14ac:dyDescent="0.25">
      <c r="A7324" s="7">
        <f t="shared" si="345"/>
        <v>44866.83333331559</v>
      </c>
      <c r="B7324" s="8">
        <v>-4.9800999999999998E-2</v>
      </c>
      <c r="C7324">
        <f t="shared" si="343"/>
        <v>20</v>
      </c>
      <c r="D7324">
        <f t="shared" si="344"/>
        <v>11</v>
      </c>
    </row>
    <row r="7325" spans="1:4" x14ac:dyDescent="0.25">
      <c r="A7325" s="7">
        <f t="shared" si="345"/>
        <v>44866.874999982254</v>
      </c>
      <c r="B7325" s="8">
        <v>-4.9800999999999998E-2</v>
      </c>
      <c r="C7325">
        <f t="shared" si="343"/>
        <v>21</v>
      </c>
      <c r="D7325">
        <f t="shared" si="344"/>
        <v>11</v>
      </c>
    </row>
    <row r="7326" spans="1:4" x14ac:dyDescent="0.25">
      <c r="A7326" s="7">
        <f t="shared" si="345"/>
        <v>44866.916666648918</v>
      </c>
      <c r="B7326" s="8">
        <v>-4.9800999999999998E-2</v>
      </c>
      <c r="C7326">
        <f t="shared" si="343"/>
        <v>22</v>
      </c>
      <c r="D7326">
        <f t="shared" si="344"/>
        <v>11</v>
      </c>
    </row>
    <row r="7327" spans="1:4" x14ac:dyDescent="0.25">
      <c r="A7327" s="7">
        <f t="shared" si="345"/>
        <v>44866.958333315582</v>
      </c>
      <c r="B7327" s="8">
        <v>-4.9800999999999998E-2</v>
      </c>
      <c r="C7327">
        <f t="shared" si="343"/>
        <v>23</v>
      </c>
      <c r="D7327">
        <f t="shared" si="344"/>
        <v>11</v>
      </c>
    </row>
    <row r="7328" spans="1:4" x14ac:dyDescent="0.25">
      <c r="A7328" s="7">
        <f t="shared" si="345"/>
        <v>44866.999999982247</v>
      </c>
      <c r="B7328" s="8">
        <v>-4.9800999999999998E-2</v>
      </c>
      <c r="C7328">
        <f t="shared" si="343"/>
        <v>0</v>
      </c>
      <c r="D7328">
        <f t="shared" si="344"/>
        <v>11</v>
      </c>
    </row>
    <row r="7329" spans="1:4" x14ac:dyDescent="0.25">
      <c r="A7329" s="7">
        <f t="shared" si="345"/>
        <v>44867.041666648911</v>
      </c>
      <c r="B7329" s="8">
        <v>-4.9800999999999998E-2</v>
      </c>
      <c r="C7329">
        <f t="shared" si="343"/>
        <v>1</v>
      </c>
      <c r="D7329">
        <f t="shared" si="344"/>
        <v>11</v>
      </c>
    </row>
    <row r="7330" spans="1:4" x14ac:dyDescent="0.25">
      <c r="A7330" s="7">
        <f t="shared" si="345"/>
        <v>44867.083333315575</v>
      </c>
      <c r="B7330" s="8">
        <v>-4.9800999999999998E-2</v>
      </c>
      <c r="C7330">
        <f t="shared" si="343"/>
        <v>2</v>
      </c>
      <c r="D7330">
        <f t="shared" si="344"/>
        <v>11</v>
      </c>
    </row>
    <row r="7331" spans="1:4" x14ac:dyDescent="0.25">
      <c r="A7331" s="7">
        <f t="shared" si="345"/>
        <v>44867.124999982239</v>
      </c>
      <c r="B7331" s="8">
        <v>-4.9800999999999998E-2</v>
      </c>
      <c r="C7331">
        <f t="shared" si="343"/>
        <v>3</v>
      </c>
      <c r="D7331">
        <f t="shared" si="344"/>
        <v>11</v>
      </c>
    </row>
    <row r="7332" spans="1:4" x14ac:dyDescent="0.25">
      <c r="A7332" s="7">
        <f t="shared" si="345"/>
        <v>44867.166666648904</v>
      </c>
      <c r="B7332" s="8">
        <v>-4.9800999999999998E-2</v>
      </c>
      <c r="C7332">
        <f t="shared" si="343"/>
        <v>4</v>
      </c>
      <c r="D7332">
        <f t="shared" si="344"/>
        <v>11</v>
      </c>
    </row>
    <row r="7333" spans="1:4" x14ac:dyDescent="0.25">
      <c r="A7333" s="7">
        <f t="shared" si="345"/>
        <v>44867.208333315568</v>
      </c>
      <c r="B7333" s="8">
        <v>-4.9800999999999998E-2</v>
      </c>
      <c r="C7333">
        <f t="shared" si="343"/>
        <v>5</v>
      </c>
      <c r="D7333">
        <f t="shared" si="344"/>
        <v>11</v>
      </c>
    </row>
    <row r="7334" spans="1:4" x14ac:dyDescent="0.25">
      <c r="A7334" s="7">
        <f t="shared" si="345"/>
        <v>44867.249999982232</v>
      </c>
      <c r="B7334" s="8">
        <v>-4.9800999999999998E-2</v>
      </c>
      <c r="C7334">
        <f t="shared" si="343"/>
        <v>6</v>
      </c>
      <c r="D7334">
        <f t="shared" si="344"/>
        <v>11</v>
      </c>
    </row>
    <row r="7335" spans="1:4" x14ac:dyDescent="0.25">
      <c r="A7335" s="7">
        <f t="shared" si="345"/>
        <v>44867.291666648896</v>
      </c>
      <c r="B7335" s="8">
        <v>-4.9800999999999998E-2</v>
      </c>
      <c r="C7335">
        <f t="shared" si="343"/>
        <v>7</v>
      </c>
      <c r="D7335">
        <f t="shared" si="344"/>
        <v>11</v>
      </c>
    </row>
    <row r="7336" spans="1:4" x14ac:dyDescent="0.25">
      <c r="A7336" s="7">
        <f t="shared" si="345"/>
        <v>44867.333333315561</v>
      </c>
      <c r="B7336" s="8">
        <v>0.22026627580811695</v>
      </c>
      <c r="C7336">
        <f t="shared" si="343"/>
        <v>8</v>
      </c>
      <c r="D7336">
        <f t="shared" si="344"/>
        <v>11</v>
      </c>
    </row>
    <row r="7337" spans="1:4" x14ac:dyDescent="0.25">
      <c r="A7337" s="7">
        <f t="shared" si="345"/>
        <v>44867.374999982225</v>
      </c>
      <c r="B7337" s="8">
        <v>2.3980994408329983</v>
      </c>
      <c r="C7337">
        <f t="shared" si="343"/>
        <v>9</v>
      </c>
      <c r="D7337">
        <f t="shared" si="344"/>
        <v>11</v>
      </c>
    </row>
    <row r="7338" spans="1:4" x14ac:dyDescent="0.25">
      <c r="A7338" s="7">
        <f t="shared" si="345"/>
        <v>44867.416666648889</v>
      </c>
      <c r="B7338" s="8">
        <v>7.9994451826090405</v>
      </c>
      <c r="C7338">
        <f t="shared" si="343"/>
        <v>10</v>
      </c>
      <c r="D7338">
        <f t="shared" si="344"/>
        <v>11</v>
      </c>
    </row>
    <row r="7339" spans="1:4" x14ac:dyDescent="0.25">
      <c r="A7339" s="7">
        <f t="shared" si="345"/>
        <v>44867.458333315553</v>
      </c>
      <c r="B7339" s="8">
        <v>2.9556326379628941</v>
      </c>
      <c r="C7339">
        <f t="shared" si="343"/>
        <v>11</v>
      </c>
      <c r="D7339">
        <f t="shared" si="344"/>
        <v>11</v>
      </c>
    </row>
    <row r="7340" spans="1:4" x14ac:dyDescent="0.25">
      <c r="A7340" s="7">
        <f t="shared" si="345"/>
        <v>44867.499999982218</v>
      </c>
      <c r="B7340" s="8">
        <v>10.471115124036556</v>
      </c>
      <c r="C7340">
        <f t="shared" si="343"/>
        <v>12</v>
      </c>
      <c r="D7340">
        <f t="shared" si="344"/>
        <v>11</v>
      </c>
    </row>
    <row r="7341" spans="1:4" x14ac:dyDescent="0.25">
      <c r="A7341" s="7">
        <f t="shared" si="345"/>
        <v>44867.541666648882</v>
      </c>
      <c r="B7341" s="8">
        <v>18.123580863118832</v>
      </c>
      <c r="C7341">
        <f t="shared" si="343"/>
        <v>13</v>
      </c>
      <c r="D7341">
        <f t="shared" si="344"/>
        <v>11</v>
      </c>
    </row>
    <row r="7342" spans="1:4" x14ac:dyDescent="0.25">
      <c r="A7342" s="7">
        <f t="shared" si="345"/>
        <v>44867.583333315546</v>
      </c>
      <c r="B7342" s="8">
        <v>16.695991599491787</v>
      </c>
      <c r="C7342">
        <f t="shared" si="343"/>
        <v>14</v>
      </c>
      <c r="D7342">
        <f t="shared" si="344"/>
        <v>11</v>
      </c>
    </row>
    <row r="7343" spans="1:4" x14ac:dyDescent="0.25">
      <c r="A7343" s="7">
        <f t="shared" si="345"/>
        <v>44867.62499998221</v>
      </c>
      <c r="B7343" s="8">
        <v>11.851957721473701</v>
      </c>
      <c r="C7343">
        <f t="shared" si="343"/>
        <v>15</v>
      </c>
      <c r="D7343">
        <f t="shared" si="344"/>
        <v>11</v>
      </c>
    </row>
    <row r="7344" spans="1:4" x14ac:dyDescent="0.25">
      <c r="A7344" s="7">
        <f t="shared" si="345"/>
        <v>44867.666666648875</v>
      </c>
      <c r="B7344" s="8">
        <v>4.7309897661148801</v>
      </c>
      <c r="C7344">
        <f t="shared" si="343"/>
        <v>16</v>
      </c>
      <c r="D7344">
        <f t="shared" si="344"/>
        <v>11</v>
      </c>
    </row>
    <row r="7345" spans="1:4" x14ac:dyDescent="0.25">
      <c r="A7345" s="7">
        <f t="shared" si="345"/>
        <v>44867.708333315539</v>
      </c>
      <c r="B7345" s="8">
        <v>3.0671638060421502</v>
      </c>
      <c r="C7345">
        <f t="shared" si="343"/>
        <v>17</v>
      </c>
      <c r="D7345">
        <f t="shared" si="344"/>
        <v>11</v>
      </c>
    </row>
    <row r="7346" spans="1:4" x14ac:dyDescent="0.25">
      <c r="A7346" s="7">
        <f t="shared" si="345"/>
        <v>44867.749999982203</v>
      </c>
      <c r="B7346" s="8">
        <v>-4.9800999999999998E-2</v>
      </c>
      <c r="C7346">
        <f t="shared" si="343"/>
        <v>18</v>
      </c>
      <c r="D7346">
        <f t="shared" si="344"/>
        <v>11</v>
      </c>
    </row>
    <row r="7347" spans="1:4" x14ac:dyDescent="0.25">
      <c r="A7347" s="7">
        <f t="shared" si="345"/>
        <v>44867.791666648867</v>
      </c>
      <c r="B7347" s="8">
        <v>-4.9800999999999998E-2</v>
      </c>
      <c r="C7347">
        <f t="shared" si="343"/>
        <v>19</v>
      </c>
      <c r="D7347">
        <f t="shared" si="344"/>
        <v>11</v>
      </c>
    </row>
    <row r="7348" spans="1:4" x14ac:dyDescent="0.25">
      <c r="A7348" s="7">
        <f t="shared" si="345"/>
        <v>44867.833333315531</v>
      </c>
      <c r="B7348" s="8">
        <v>-4.9800999999999998E-2</v>
      </c>
      <c r="C7348">
        <f t="shared" si="343"/>
        <v>20</v>
      </c>
      <c r="D7348">
        <f t="shared" si="344"/>
        <v>11</v>
      </c>
    </row>
    <row r="7349" spans="1:4" x14ac:dyDescent="0.25">
      <c r="A7349" s="7">
        <f t="shared" si="345"/>
        <v>44867.874999982196</v>
      </c>
      <c r="B7349" s="8">
        <v>-4.9800999999999998E-2</v>
      </c>
      <c r="C7349">
        <f t="shared" si="343"/>
        <v>21</v>
      </c>
      <c r="D7349">
        <f t="shared" si="344"/>
        <v>11</v>
      </c>
    </row>
    <row r="7350" spans="1:4" x14ac:dyDescent="0.25">
      <c r="A7350" s="7">
        <f t="shared" si="345"/>
        <v>44867.91666664886</v>
      </c>
      <c r="B7350" s="8">
        <v>-4.9800999999999998E-2</v>
      </c>
      <c r="C7350">
        <f t="shared" si="343"/>
        <v>22</v>
      </c>
      <c r="D7350">
        <f t="shared" si="344"/>
        <v>11</v>
      </c>
    </row>
    <row r="7351" spans="1:4" x14ac:dyDescent="0.25">
      <c r="A7351" s="7">
        <f t="shared" si="345"/>
        <v>44867.958333315524</v>
      </c>
      <c r="B7351" s="8">
        <v>-4.9800999999999998E-2</v>
      </c>
      <c r="C7351">
        <f t="shared" si="343"/>
        <v>23</v>
      </c>
      <c r="D7351">
        <f t="shared" si="344"/>
        <v>11</v>
      </c>
    </row>
    <row r="7352" spans="1:4" x14ac:dyDescent="0.25">
      <c r="A7352" s="7">
        <f t="shared" si="345"/>
        <v>44867.999999982188</v>
      </c>
      <c r="B7352" s="8">
        <v>-4.9800999999999998E-2</v>
      </c>
      <c r="C7352">
        <f t="shared" si="343"/>
        <v>0</v>
      </c>
      <c r="D7352">
        <f t="shared" si="344"/>
        <v>11</v>
      </c>
    </row>
    <row r="7353" spans="1:4" x14ac:dyDescent="0.25">
      <c r="A7353" s="7">
        <f t="shared" si="345"/>
        <v>44868.041666648853</v>
      </c>
      <c r="B7353" s="8">
        <v>-4.9800999999999998E-2</v>
      </c>
      <c r="C7353">
        <f t="shared" si="343"/>
        <v>1</v>
      </c>
      <c r="D7353">
        <f t="shared" si="344"/>
        <v>11</v>
      </c>
    </row>
    <row r="7354" spans="1:4" x14ac:dyDescent="0.25">
      <c r="A7354" s="7">
        <f t="shared" si="345"/>
        <v>44868.083333315517</v>
      </c>
      <c r="B7354" s="8">
        <v>-4.9800999999999998E-2</v>
      </c>
      <c r="C7354">
        <f t="shared" si="343"/>
        <v>2</v>
      </c>
      <c r="D7354">
        <f t="shared" si="344"/>
        <v>11</v>
      </c>
    </row>
    <row r="7355" spans="1:4" x14ac:dyDescent="0.25">
      <c r="A7355" s="7">
        <f t="shared" si="345"/>
        <v>44868.124999982181</v>
      </c>
      <c r="B7355" s="8">
        <v>-4.9800999999999998E-2</v>
      </c>
      <c r="C7355">
        <f t="shared" si="343"/>
        <v>3</v>
      </c>
      <c r="D7355">
        <f t="shared" si="344"/>
        <v>11</v>
      </c>
    </row>
    <row r="7356" spans="1:4" x14ac:dyDescent="0.25">
      <c r="A7356" s="7">
        <f t="shared" si="345"/>
        <v>44868.166666648845</v>
      </c>
      <c r="B7356" s="8">
        <v>-4.9800999999999998E-2</v>
      </c>
      <c r="C7356">
        <f t="shared" si="343"/>
        <v>4</v>
      </c>
      <c r="D7356">
        <f t="shared" si="344"/>
        <v>11</v>
      </c>
    </row>
    <row r="7357" spans="1:4" x14ac:dyDescent="0.25">
      <c r="A7357" s="7">
        <f t="shared" si="345"/>
        <v>44868.20833331551</v>
      </c>
      <c r="B7357" s="8">
        <v>-4.9800999999999998E-2</v>
      </c>
      <c r="C7357">
        <f t="shared" si="343"/>
        <v>5</v>
      </c>
      <c r="D7357">
        <f t="shared" si="344"/>
        <v>11</v>
      </c>
    </row>
    <row r="7358" spans="1:4" x14ac:dyDescent="0.25">
      <c r="A7358" s="7">
        <f t="shared" si="345"/>
        <v>44868.249999982174</v>
      </c>
      <c r="B7358" s="8">
        <v>-4.9800999999999998E-2</v>
      </c>
      <c r="C7358">
        <f t="shared" si="343"/>
        <v>6</v>
      </c>
      <c r="D7358">
        <f t="shared" si="344"/>
        <v>11</v>
      </c>
    </row>
    <row r="7359" spans="1:4" x14ac:dyDescent="0.25">
      <c r="A7359" s="7">
        <f t="shared" si="345"/>
        <v>44868.291666648838</v>
      </c>
      <c r="B7359" s="8">
        <v>-4.9800999999999998E-2</v>
      </c>
      <c r="C7359">
        <f t="shared" si="343"/>
        <v>7</v>
      </c>
      <c r="D7359">
        <f t="shared" si="344"/>
        <v>11</v>
      </c>
    </row>
    <row r="7360" spans="1:4" x14ac:dyDescent="0.25">
      <c r="A7360" s="7">
        <f t="shared" si="345"/>
        <v>44868.333333315502</v>
      </c>
      <c r="B7360" s="8">
        <v>1.9327950106387732</v>
      </c>
      <c r="C7360">
        <f t="shared" si="343"/>
        <v>8</v>
      </c>
      <c r="D7360">
        <f t="shared" si="344"/>
        <v>11</v>
      </c>
    </row>
    <row r="7361" spans="1:4" x14ac:dyDescent="0.25">
      <c r="A7361" s="7">
        <f t="shared" si="345"/>
        <v>44868.374999982167</v>
      </c>
      <c r="B7361" s="8">
        <v>9.6297173878613496</v>
      </c>
      <c r="C7361">
        <f t="shared" si="343"/>
        <v>9</v>
      </c>
      <c r="D7361">
        <f t="shared" si="344"/>
        <v>11</v>
      </c>
    </row>
    <row r="7362" spans="1:4" x14ac:dyDescent="0.25">
      <c r="A7362" s="7">
        <f t="shared" si="345"/>
        <v>44868.416666648831</v>
      </c>
      <c r="B7362" s="8">
        <v>15.727244805720973</v>
      </c>
      <c r="C7362">
        <f t="shared" si="343"/>
        <v>10</v>
      </c>
      <c r="D7362">
        <f t="shared" si="344"/>
        <v>11</v>
      </c>
    </row>
    <row r="7363" spans="1:4" x14ac:dyDescent="0.25">
      <c r="A7363" s="7">
        <f t="shared" si="345"/>
        <v>44868.458333315495</v>
      </c>
      <c r="B7363" s="8">
        <v>19.908004317442003</v>
      </c>
      <c r="C7363">
        <f t="shared" si="343"/>
        <v>11</v>
      </c>
      <c r="D7363">
        <f t="shared" si="344"/>
        <v>11</v>
      </c>
    </row>
    <row r="7364" spans="1:4" x14ac:dyDescent="0.25">
      <c r="A7364" s="7">
        <f t="shared" si="345"/>
        <v>44868.499999982159</v>
      </c>
      <c r="B7364" s="8">
        <v>20.451306773208739</v>
      </c>
      <c r="C7364">
        <f t="shared" si="343"/>
        <v>12</v>
      </c>
      <c r="D7364">
        <f t="shared" si="344"/>
        <v>11</v>
      </c>
    </row>
    <row r="7365" spans="1:4" x14ac:dyDescent="0.25">
      <c r="A7365" s="7">
        <f t="shared" si="345"/>
        <v>44868.541666648824</v>
      </c>
      <c r="B7365" s="8">
        <v>20.451311926287161</v>
      </c>
      <c r="C7365">
        <f t="shared" si="343"/>
        <v>13</v>
      </c>
      <c r="D7365">
        <f t="shared" si="344"/>
        <v>11</v>
      </c>
    </row>
    <row r="7366" spans="1:4" x14ac:dyDescent="0.25">
      <c r="A7366" s="7">
        <f t="shared" si="345"/>
        <v>44868.583333315488</v>
      </c>
      <c r="B7366" s="8">
        <v>20.451268640428438</v>
      </c>
      <c r="C7366">
        <f t="shared" si="343"/>
        <v>14</v>
      </c>
      <c r="D7366">
        <f t="shared" si="344"/>
        <v>11</v>
      </c>
    </row>
    <row r="7367" spans="1:4" x14ac:dyDescent="0.25">
      <c r="A7367" s="7">
        <f t="shared" si="345"/>
        <v>44868.624999982152</v>
      </c>
      <c r="B7367" s="8">
        <v>13.358908515223048</v>
      </c>
      <c r="C7367">
        <f t="shared" si="343"/>
        <v>15</v>
      </c>
      <c r="D7367">
        <f t="shared" si="344"/>
        <v>11</v>
      </c>
    </row>
    <row r="7368" spans="1:4" x14ac:dyDescent="0.25">
      <c r="A7368" s="7">
        <f t="shared" si="345"/>
        <v>44868.666666648816</v>
      </c>
      <c r="B7368" s="8">
        <v>11.310488731008604</v>
      </c>
      <c r="C7368">
        <f t="shared" si="343"/>
        <v>16</v>
      </c>
      <c r="D7368">
        <f t="shared" si="344"/>
        <v>11</v>
      </c>
    </row>
    <row r="7369" spans="1:4" x14ac:dyDescent="0.25">
      <c r="A7369" s="7">
        <f t="shared" si="345"/>
        <v>44868.708333315481</v>
      </c>
      <c r="B7369" s="8">
        <v>3.0920542054237883</v>
      </c>
      <c r="C7369">
        <f t="shared" si="343"/>
        <v>17</v>
      </c>
      <c r="D7369">
        <f t="shared" si="344"/>
        <v>11</v>
      </c>
    </row>
    <row r="7370" spans="1:4" x14ac:dyDescent="0.25">
      <c r="A7370" s="7">
        <f t="shared" si="345"/>
        <v>44868.749999982145</v>
      </c>
      <c r="B7370" s="8">
        <v>-4.9800999999999998E-2</v>
      </c>
      <c r="C7370">
        <f t="shared" ref="C7370:C7433" si="346">HOUR(A7370)</f>
        <v>18</v>
      </c>
      <c r="D7370">
        <f t="shared" ref="D7370:D7433" si="347">MONTH(A7370)</f>
        <v>11</v>
      </c>
    </row>
    <row r="7371" spans="1:4" x14ac:dyDescent="0.25">
      <c r="A7371" s="7">
        <f t="shared" ref="A7371:A7434" si="348">+A7370+1/24</f>
        <v>44868.791666648809</v>
      </c>
      <c r="B7371" s="8">
        <v>-4.9800999999999998E-2</v>
      </c>
      <c r="C7371">
        <f t="shared" si="346"/>
        <v>19</v>
      </c>
      <c r="D7371">
        <f t="shared" si="347"/>
        <v>11</v>
      </c>
    </row>
    <row r="7372" spans="1:4" x14ac:dyDescent="0.25">
      <c r="A7372" s="7">
        <f t="shared" si="348"/>
        <v>44868.833333315473</v>
      </c>
      <c r="B7372" s="8">
        <v>-4.9800999999999998E-2</v>
      </c>
      <c r="C7372">
        <f t="shared" si="346"/>
        <v>20</v>
      </c>
      <c r="D7372">
        <f t="shared" si="347"/>
        <v>11</v>
      </c>
    </row>
    <row r="7373" spans="1:4" x14ac:dyDescent="0.25">
      <c r="A7373" s="7">
        <f t="shared" si="348"/>
        <v>44868.874999982138</v>
      </c>
      <c r="B7373" s="8">
        <v>-4.9800999999999998E-2</v>
      </c>
      <c r="C7373">
        <f t="shared" si="346"/>
        <v>21</v>
      </c>
      <c r="D7373">
        <f t="shared" si="347"/>
        <v>11</v>
      </c>
    </row>
    <row r="7374" spans="1:4" x14ac:dyDescent="0.25">
      <c r="A7374" s="7">
        <f t="shared" si="348"/>
        <v>44868.916666648802</v>
      </c>
      <c r="B7374" s="8">
        <v>-4.9800999999999998E-2</v>
      </c>
      <c r="C7374">
        <f t="shared" si="346"/>
        <v>22</v>
      </c>
      <c r="D7374">
        <f t="shared" si="347"/>
        <v>11</v>
      </c>
    </row>
    <row r="7375" spans="1:4" x14ac:dyDescent="0.25">
      <c r="A7375" s="7">
        <f t="shared" si="348"/>
        <v>44868.958333315466</v>
      </c>
      <c r="B7375" s="8">
        <v>-4.9800999999999998E-2</v>
      </c>
      <c r="C7375">
        <f t="shared" si="346"/>
        <v>23</v>
      </c>
      <c r="D7375">
        <f t="shared" si="347"/>
        <v>11</v>
      </c>
    </row>
    <row r="7376" spans="1:4" x14ac:dyDescent="0.25">
      <c r="A7376" s="7">
        <f t="shared" si="348"/>
        <v>44868.99999998213</v>
      </c>
      <c r="B7376" s="8">
        <v>-4.9800999999999998E-2</v>
      </c>
      <c r="C7376">
        <f t="shared" si="346"/>
        <v>0</v>
      </c>
      <c r="D7376">
        <f t="shared" si="347"/>
        <v>11</v>
      </c>
    </row>
    <row r="7377" spans="1:4" x14ac:dyDescent="0.25">
      <c r="A7377" s="7">
        <f t="shared" si="348"/>
        <v>44869.041666648794</v>
      </c>
      <c r="B7377" s="8">
        <v>-4.9800999999999998E-2</v>
      </c>
      <c r="C7377">
        <f t="shared" si="346"/>
        <v>1</v>
      </c>
      <c r="D7377">
        <f t="shared" si="347"/>
        <v>11</v>
      </c>
    </row>
    <row r="7378" spans="1:4" x14ac:dyDescent="0.25">
      <c r="A7378" s="7">
        <f t="shared" si="348"/>
        <v>44869.083333315459</v>
      </c>
      <c r="B7378" s="8">
        <v>-4.9800999999999998E-2</v>
      </c>
      <c r="C7378">
        <f t="shared" si="346"/>
        <v>2</v>
      </c>
      <c r="D7378">
        <f t="shared" si="347"/>
        <v>11</v>
      </c>
    </row>
    <row r="7379" spans="1:4" x14ac:dyDescent="0.25">
      <c r="A7379" s="7">
        <f t="shared" si="348"/>
        <v>44869.124999982123</v>
      </c>
      <c r="B7379" s="8">
        <v>-4.9800999999999998E-2</v>
      </c>
      <c r="C7379">
        <f t="shared" si="346"/>
        <v>3</v>
      </c>
      <c r="D7379">
        <f t="shared" si="347"/>
        <v>11</v>
      </c>
    </row>
    <row r="7380" spans="1:4" x14ac:dyDescent="0.25">
      <c r="A7380" s="7">
        <f t="shared" si="348"/>
        <v>44869.166666648787</v>
      </c>
      <c r="B7380" s="8">
        <v>-4.9800999999999998E-2</v>
      </c>
      <c r="C7380">
        <f t="shared" si="346"/>
        <v>4</v>
      </c>
      <c r="D7380">
        <f t="shared" si="347"/>
        <v>11</v>
      </c>
    </row>
    <row r="7381" spans="1:4" x14ac:dyDescent="0.25">
      <c r="A7381" s="7">
        <f t="shared" si="348"/>
        <v>44869.208333315451</v>
      </c>
      <c r="B7381" s="8">
        <v>-4.9800999999999998E-2</v>
      </c>
      <c r="C7381">
        <f t="shared" si="346"/>
        <v>5</v>
      </c>
      <c r="D7381">
        <f t="shared" si="347"/>
        <v>11</v>
      </c>
    </row>
    <row r="7382" spans="1:4" x14ac:dyDescent="0.25">
      <c r="A7382" s="7">
        <f t="shared" si="348"/>
        <v>44869.249999982116</v>
      </c>
      <c r="B7382" s="8">
        <v>-4.9800999999999998E-2</v>
      </c>
      <c r="C7382">
        <f t="shared" si="346"/>
        <v>6</v>
      </c>
      <c r="D7382">
        <f t="shared" si="347"/>
        <v>11</v>
      </c>
    </row>
    <row r="7383" spans="1:4" x14ac:dyDescent="0.25">
      <c r="A7383" s="7">
        <f t="shared" si="348"/>
        <v>44869.29166664878</v>
      </c>
      <c r="B7383" s="8">
        <v>-4.9800999999999998E-2</v>
      </c>
      <c r="C7383">
        <f t="shared" si="346"/>
        <v>7</v>
      </c>
      <c r="D7383">
        <f t="shared" si="347"/>
        <v>11</v>
      </c>
    </row>
    <row r="7384" spans="1:4" x14ac:dyDescent="0.25">
      <c r="A7384" s="7">
        <f t="shared" si="348"/>
        <v>44869.333333315444</v>
      </c>
      <c r="B7384" s="8">
        <v>1.6650008619523649</v>
      </c>
      <c r="C7384">
        <f t="shared" si="346"/>
        <v>8</v>
      </c>
      <c r="D7384">
        <f t="shared" si="347"/>
        <v>11</v>
      </c>
    </row>
    <row r="7385" spans="1:4" x14ac:dyDescent="0.25">
      <c r="A7385" s="7">
        <f t="shared" si="348"/>
        <v>44869.374999982108</v>
      </c>
      <c r="B7385" s="8">
        <v>9.791252998307284</v>
      </c>
      <c r="C7385">
        <f t="shared" si="346"/>
        <v>9</v>
      </c>
      <c r="D7385">
        <f t="shared" si="347"/>
        <v>11</v>
      </c>
    </row>
    <row r="7386" spans="1:4" x14ac:dyDescent="0.25">
      <c r="A7386" s="7">
        <f t="shared" si="348"/>
        <v>44869.416666648773</v>
      </c>
      <c r="B7386" s="8">
        <v>15.087424160542213</v>
      </c>
      <c r="C7386">
        <f t="shared" si="346"/>
        <v>10</v>
      </c>
      <c r="D7386">
        <f t="shared" si="347"/>
        <v>11</v>
      </c>
    </row>
    <row r="7387" spans="1:4" x14ac:dyDescent="0.25">
      <c r="A7387" s="7">
        <f t="shared" si="348"/>
        <v>44869.458333315437</v>
      </c>
      <c r="B7387" s="8">
        <v>19.67619411535863</v>
      </c>
      <c r="C7387">
        <f t="shared" si="346"/>
        <v>11</v>
      </c>
      <c r="D7387">
        <f t="shared" si="347"/>
        <v>11</v>
      </c>
    </row>
    <row r="7388" spans="1:4" x14ac:dyDescent="0.25">
      <c r="A7388" s="7">
        <f t="shared" si="348"/>
        <v>44869.499999982101</v>
      </c>
      <c r="B7388" s="8">
        <v>20.451306773208739</v>
      </c>
      <c r="C7388">
        <f t="shared" si="346"/>
        <v>12</v>
      </c>
      <c r="D7388">
        <f t="shared" si="347"/>
        <v>11</v>
      </c>
    </row>
    <row r="7389" spans="1:4" x14ac:dyDescent="0.25">
      <c r="A7389" s="7">
        <f t="shared" si="348"/>
        <v>44869.541666648765</v>
      </c>
      <c r="B7389" s="8">
        <v>20.451308834440109</v>
      </c>
      <c r="C7389">
        <f t="shared" si="346"/>
        <v>13</v>
      </c>
      <c r="D7389">
        <f t="shared" si="347"/>
        <v>11</v>
      </c>
    </row>
    <row r="7390" spans="1:4" x14ac:dyDescent="0.25">
      <c r="A7390" s="7">
        <f t="shared" si="348"/>
        <v>44869.58333331543</v>
      </c>
      <c r="B7390" s="8">
        <v>17.027172735200196</v>
      </c>
      <c r="C7390">
        <f t="shared" si="346"/>
        <v>14</v>
      </c>
      <c r="D7390">
        <f t="shared" si="347"/>
        <v>11</v>
      </c>
    </row>
    <row r="7391" spans="1:4" x14ac:dyDescent="0.25">
      <c r="A7391" s="7">
        <f t="shared" si="348"/>
        <v>44869.624999982094</v>
      </c>
      <c r="B7391" s="8">
        <v>15.148340761769925</v>
      </c>
      <c r="C7391">
        <f t="shared" si="346"/>
        <v>15</v>
      </c>
      <c r="D7391">
        <f t="shared" si="347"/>
        <v>11</v>
      </c>
    </row>
    <row r="7392" spans="1:4" x14ac:dyDescent="0.25">
      <c r="A7392" s="7">
        <f t="shared" si="348"/>
        <v>44869.666666648758</v>
      </c>
      <c r="B7392" s="8">
        <v>11.840658051115527</v>
      </c>
      <c r="C7392">
        <f t="shared" si="346"/>
        <v>16</v>
      </c>
      <c r="D7392">
        <f t="shared" si="347"/>
        <v>11</v>
      </c>
    </row>
    <row r="7393" spans="1:4" x14ac:dyDescent="0.25">
      <c r="A7393" s="7">
        <f t="shared" si="348"/>
        <v>44869.708333315422</v>
      </c>
      <c r="B7393" s="8">
        <v>4.5402248642581267</v>
      </c>
      <c r="C7393">
        <f t="shared" si="346"/>
        <v>17</v>
      </c>
      <c r="D7393">
        <f t="shared" si="347"/>
        <v>11</v>
      </c>
    </row>
    <row r="7394" spans="1:4" x14ac:dyDescent="0.25">
      <c r="A7394" s="7">
        <f t="shared" si="348"/>
        <v>44869.749999982087</v>
      </c>
      <c r="B7394" s="8">
        <v>-4.9800999999999998E-2</v>
      </c>
      <c r="C7394">
        <f t="shared" si="346"/>
        <v>18</v>
      </c>
      <c r="D7394">
        <f t="shared" si="347"/>
        <v>11</v>
      </c>
    </row>
    <row r="7395" spans="1:4" x14ac:dyDescent="0.25">
      <c r="A7395" s="7">
        <f t="shared" si="348"/>
        <v>44869.791666648751</v>
      </c>
      <c r="B7395" s="8">
        <v>-4.9800999999999998E-2</v>
      </c>
      <c r="C7395">
        <f t="shared" si="346"/>
        <v>19</v>
      </c>
      <c r="D7395">
        <f t="shared" si="347"/>
        <v>11</v>
      </c>
    </row>
    <row r="7396" spans="1:4" x14ac:dyDescent="0.25">
      <c r="A7396" s="7">
        <f t="shared" si="348"/>
        <v>44869.833333315415</v>
      </c>
      <c r="B7396" s="8">
        <v>-4.9800999999999998E-2</v>
      </c>
      <c r="C7396">
        <f t="shared" si="346"/>
        <v>20</v>
      </c>
      <c r="D7396">
        <f t="shared" si="347"/>
        <v>11</v>
      </c>
    </row>
    <row r="7397" spans="1:4" x14ac:dyDescent="0.25">
      <c r="A7397" s="7">
        <f t="shared" si="348"/>
        <v>44869.874999982079</v>
      </c>
      <c r="B7397" s="8">
        <v>-4.9800999999999998E-2</v>
      </c>
      <c r="C7397">
        <f t="shared" si="346"/>
        <v>21</v>
      </c>
      <c r="D7397">
        <f t="shared" si="347"/>
        <v>11</v>
      </c>
    </row>
    <row r="7398" spans="1:4" x14ac:dyDescent="0.25">
      <c r="A7398" s="7">
        <f t="shared" si="348"/>
        <v>44869.916666648744</v>
      </c>
      <c r="B7398" s="8">
        <v>-4.9800999999999998E-2</v>
      </c>
      <c r="C7398">
        <f t="shared" si="346"/>
        <v>22</v>
      </c>
      <c r="D7398">
        <f t="shared" si="347"/>
        <v>11</v>
      </c>
    </row>
    <row r="7399" spans="1:4" x14ac:dyDescent="0.25">
      <c r="A7399" s="7">
        <f t="shared" si="348"/>
        <v>44869.958333315408</v>
      </c>
      <c r="B7399" s="8">
        <v>-4.9800999999999998E-2</v>
      </c>
      <c r="C7399">
        <f t="shared" si="346"/>
        <v>23</v>
      </c>
      <c r="D7399">
        <f t="shared" si="347"/>
        <v>11</v>
      </c>
    </row>
    <row r="7400" spans="1:4" x14ac:dyDescent="0.25">
      <c r="A7400" s="7">
        <f t="shared" si="348"/>
        <v>44869.999999982072</v>
      </c>
      <c r="B7400" s="8">
        <v>-4.9800999999999998E-2</v>
      </c>
      <c r="C7400">
        <f t="shared" si="346"/>
        <v>0</v>
      </c>
      <c r="D7400">
        <f t="shared" si="347"/>
        <v>11</v>
      </c>
    </row>
    <row r="7401" spans="1:4" x14ac:dyDescent="0.25">
      <c r="A7401" s="7">
        <f t="shared" si="348"/>
        <v>44870.041666648736</v>
      </c>
      <c r="B7401" s="8">
        <v>-4.9800999999999998E-2</v>
      </c>
      <c r="C7401">
        <f t="shared" si="346"/>
        <v>1</v>
      </c>
      <c r="D7401">
        <f t="shared" si="347"/>
        <v>11</v>
      </c>
    </row>
    <row r="7402" spans="1:4" x14ac:dyDescent="0.25">
      <c r="A7402" s="7">
        <f t="shared" si="348"/>
        <v>44870.083333315401</v>
      </c>
      <c r="B7402" s="8">
        <v>-4.9800999999999998E-2</v>
      </c>
      <c r="C7402">
        <f t="shared" si="346"/>
        <v>2</v>
      </c>
      <c r="D7402">
        <f t="shared" si="347"/>
        <v>11</v>
      </c>
    </row>
    <row r="7403" spans="1:4" x14ac:dyDescent="0.25">
      <c r="A7403" s="7">
        <f t="shared" si="348"/>
        <v>44870.124999982065</v>
      </c>
      <c r="B7403" s="8">
        <v>-4.9800999999999998E-2</v>
      </c>
      <c r="C7403">
        <f t="shared" si="346"/>
        <v>3</v>
      </c>
      <c r="D7403">
        <f t="shared" si="347"/>
        <v>11</v>
      </c>
    </row>
    <row r="7404" spans="1:4" x14ac:dyDescent="0.25">
      <c r="A7404" s="7">
        <f t="shared" si="348"/>
        <v>44870.166666648729</v>
      </c>
      <c r="B7404" s="8">
        <v>-4.9800999999999998E-2</v>
      </c>
      <c r="C7404">
        <f t="shared" si="346"/>
        <v>4</v>
      </c>
      <c r="D7404">
        <f t="shared" si="347"/>
        <v>11</v>
      </c>
    </row>
    <row r="7405" spans="1:4" x14ac:dyDescent="0.25">
      <c r="A7405" s="7">
        <f t="shared" si="348"/>
        <v>44870.208333315393</v>
      </c>
      <c r="B7405" s="8">
        <v>-4.9800999999999998E-2</v>
      </c>
      <c r="C7405">
        <f t="shared" si="346"/>
        <v>5</v>
      </c>
      <c r="D7405">
        <f t="shared" si="347"/>
        <v>11</v>
      </c>
    </row>
    <row r="7406" spans="1:4" x14ac:dyDescent="0.25">
      <c r="A7406" s="7">
        <f t="shared" si="348"/>
        <v>44870.249999982057</v>
      </c>
      <c r="B7406" s="8">
        <v>-4.9800999999999998E-2</v>
      </c>
      <c r="C7406">
        <f t="shared" si="346"/>
        <v>6</v>
      </c>
      <c r="D7406">
        <f t="shared" si="347"/>
        <v>11</v>
      </c>
    </row>
    <row r="7407" spans="1:4" x14ac:dyDescent="0.25">
      <c r="A7407" s="7">
        <f t="shared" si="348"/>
        <v>44870.291666648722</v>
      </c>
      <c r="B7407" s="8">
        <v>-4.9800999999999998E-2</v>
      </c>
      <c r="C7407">
        <f t="shared" si="346"/>
        <v>7</v>
      </c>
      <c r="D7407">
        <f t="shared" si="347"/>
        <v>11</v>
      </c>
    </row>
    <row r="7408" spans="1:4" x14ac:dyDescent="0.25">
      <c r="A7408" s="7">
        <f t="shared" si="348"/>
        <v>44870.333333315386</v>
      </c>
      <c r="B7408" s="8">
        <v>0.85661477674785103</v>
      </c>
      <c r="C7408">
        <f t="shared" si="346"/>
        <v>8</v>
      </c>
      <c r="D7408">
        <f t="shared" si="347"/>
        <v>11</v>
      </c>
    </row>
    <row r="7409" spans="1:4" x14ac:dyDescent="0.25">
      <c r="A7409" s="7">
        <f t="shared" si="348"/>
        <v>44870.37499998205</v>
      </c>
      <c r="B7409" s="8">
        <v>4.7086006709980435</v>
      </c>
      <c r="C7409">
        <f t="shared" si="346"/>
        <v>9</v>
      </c>
      <c r="D7409">
        <f t="shared" si="347"/>
        <v>11</v>
      </c>
    </row>
    <row r="7410" spans="1:4" x14ac:dyDescent="0.25">
      <c r="A7410" s="7">
        <f t="shared" si="348"/>
        <v>44870.416666648714</v>
      </c>
      <c r="B7410" s="8">
        <v>11.118279936578721</v>
      </c>
      <c r="C7410">
        <f t="shared" si="346"/>
        <v>10</v>
      </c>
      <c r="D7410">
        <f t="shared" si="347"/>
        <v>11</v>
      </c>
    </row>
    <row r="7411" spans="1:4" x14ac:dyDescent="0.25">
      <c r="A7411" s="7">
        <f t="shared" si="348"/>
        <v>44870.458333315379</v>
      </c>
      <c r="B7411" s="8">
        <v>8.5452705855699413</v>
      </c>
      <c r="C7411">
        <f t="shared" si="346"/>
        <v>11</v>
      </c>
      <c r="D7411">
        <f t="shared" si="347"/>
        <v>11</v>
      </c>
    </row>
    <row r="7412" spans="1:4" x14ac:dyDescent="0.25">
      <c r="A7412" s="7">
        <f t="shared" si="348"/>
        <v>44870.499999982043</v>
      </c>
      <c r="B7412" s="8">
        <v>11.688001194786306</v>
      </c>
      <c r="C7412">
        <f t="shared" si="346"/>
        <v>12</v>
      </c>
      <c r="D7412">
        <f t="shared" si="347"/>
        <v>11</v>
      </c>
    </row>
    <row r="7413" spans="1:4" x14ac:dyDescent="0.25">
      <c r="A7413" s="7">
        <f t="shared" si="348"/>
        <v>44870.541666648707</v>
      </c>
      <c r="B7413" s="8">
        <v>19.139203150040039</v>
      </c>
      <c r="C7413">
        <f t="shared" si="346"/>
        <v>13</v>
      </c>
      <c r="D7413">
        <f t="shared" si="347"/>
        <v>11</v>
      </c>
    </row>
    <row r="7414" spans="1:4" x14ac:dyDescent="0.25">
      <c r="A7414" s="7">
        <f t="shared" si="348"/>
        <v>44870.583333315371</v>
      </c>
      <c r="B7414" s="8">
        <v>10.447555249502821</v>
      </c>
      <c r="C7414">
        <f t="shared" si="346"/>
        <v>14</v>
      </c>
      <c r="D7414">
        <f t="shared" si="347"/>
        <v>11</v>
      </c>
    </row>
    <row r="7415" spans="1:4" x14ac:dyDescent="0.25">
      <c r="A7415" s="7">
        <f t="shared" si="348"/>
        <v>44870.624999982036</v>
      </c>
      <c r="B7415" s="8">
        <v>4.7841190352351157</v>
      </c>
      <c r="C7415">
        <f t="shared" si="346"/>
        <v>15</v>
      </c>
      <c r="D7415">
        <f t="shared" si="347"/>
        <v>11</v>
      </c>
    </row>
    <row r="7416" spans="1:4" x14ac:dyDescent="0.25">
      <c r="A7416" s="7">
        <f t="shared" si="348"/>
        <v>44870.6666666487</v>
      </c>
      <c r="B7416" s="8">
        <v>7.8907275953468048</v>
      </c>
      <c r="C7416">
        <f t="shared" si="346"/>
        <v>16</v>
      </c>
      <c r="D7416">
        <f t="shared" si="347"/>
        <v>11</v>
      </c>
    </row>
    <row r="7417" spans="1:4" x14ac:dyDescent="0.25">
      <c r="A7417" s="7">
        <f t="shared" si="348"/>
        <v>44870.708333315364</v>
      </c>
      <c r="B7417" s="8">
        <v>3.912173850189395</v>
      </c>
      <c r="C7417">
        <f t="shared" si="346"/>
        <v>17</v>
      </c>
      <c r="D7417">
        <f t="shared" si="347"/>
        <v>11</v>
      </c>
    </row>
    <row r="7418" spans="1:4" x14ac:dyDescent="0.25">
      <c r="A7418" s="7">
        <f t="shared" si="348"/>
        <v>44870.749999982028</v>
      </c>
      <c r="B7418" s="8">
        <v>-4.9800999999999998E-2</v>
      </c>
      <c r="C7418">
        <f t="shared" si="346"/>
        <v>18</v>
      </c>
      <c r="D7418">
        <f t="shared" si="347"/>
        <v>11</v>
      </c>
    </row>
    <row r="7419" spans="1:4" x14ac:dyDescent="0.25">
      <c r="A7419" s="7">
        <f t="shared" si="348"/>
        <v>44870.791666648693</v>
      </c>
      <c r="B7419" s="8">
        <v>-4.9800999999999998E-2</v>
      </c>
      <c r="C7419">
        <f t="shared" si="346"/>
        <v>19</v>
      </c>
      <c r="D7419">
        <f t="shared" si="347"/>
        <v>11</v>
      </c>
    </row>
    <row r="7420" spans="1:4" x14ac:dyDescent="0.25">
      <c r="A7420" s="7">
        <f t="shared" si="348"/>
        <v>44870.833333315357</v>
      </c>
      <c r="B7420" s="8">
        <v>-4.9800999999999998E-2</v>
      </c>
      <c r="C7420">
        <f t="shared" si="346"/>
        <v>20</v>
      </c>
      <c r="D7420">
        <f t="shared" si="347"/>
        <v>11</v>
      </c>
    </row>
    <row r="7421" spans="1:4" x14ac:dyDescent="0.25">
      <c r="A7421" s="7">
        <f t="shared" si="348"/>
        <v>44870.874999982021</v>
      </c>
      <c r="B7421" s="8">
        <v>-4.9800999999999998E-2</v>
      </c>
      <c r="C7421">
        <f t="shared" si="346"/>
        <v>21</v>
      </c>
      <c r="D7421">
        <f t="shared" si="347"/>
        <v>11</v>
      </c>
    </row>
    <row r="7422" spans="1:4" x14ac:dyDescent="0.25">
      <c r="A7422" s="7">
        <f t="shared" si="348"/>
        <v>44870.916666648685</v>
      </c>
      <c r="B7422" s="8">
        <v>-4.9800999999999998E-2</v>
      </c>
      <c r="C7422">
        <f t="shared" si="346"/>
        <v>22</v>
      </c>
      <c r="D7422">
        <f t="shared" si="347"/>
        <v>11</v>
      </c>
    </row>
    <row r="7423" spans="1:4" x14ac:dyDescent="0.25">
      <c r="A7423" s="7">
        <f t="shared" si="348"/>
        <v>44870.95833331535</v>
      </c>
      <c r="B7423" s="8">
        <v>-4.9800999999999998E-2</v>
      </c>
      <c r="C7423">
        <f t="shared" si="346"/>
        <v>23</v>
      </c>
      <c r="D7423">
        <f t="shared" si="347"/>
        <v>11</v>
      </c>
    </row>
    <row r="7424" spans="1:4" x14ac:dyDescent="0.25">
      <c r="A7424" s="7">
        <f t="shared" si="348"/>
        <v>44870.999999982014</v>
      </c>
      <c r="B7424" s="8">
        <v>-4.9800999999999998E-2</v>
      </c>
      <c r="C7424">
        <f t="shared" si="346"/>
        <v>0</v>
      </c>
      <c r="D7424">
        <f t="shared" si="347"/>
        <v>11</v>
      </c>
    </row>
    <row r="7425" spans="1:4" x14ac:dyDescent="0.25">
      <c r="A7425" s="7">
        <f t="shared" si="348"/>
        <v>44871.041666648678</v>
      </c>
      <c r="B7425" s="8">
        <v>-4.9800999999999998E-2</v>
      </c>
      <c r="C7425">
        <f t="shared" si="346"/>
        <v>1</v>
      </c>
      <c r="D7425">
        <f t="shared" si="347"/>
        <v>11</v>
      </c>
    </row>
    <row r="7426" spans="1:4" x14ac:dyDescent="0.25">
      <c r="A7426" s="7">
        <f t="shared" si="348"/>
        <v>44871.083333315342</v>
      </c>
      <c r="B7426" s="8">
        <v>-4.9800999999999998E-2</v>
      </c>
      <c r="C7426">
        <f t="shared" si="346"/>
        <v>2</v>
      </c>
      <c r="D7426">
        <f t="shared" si="347"/>
        <v>11</v>
      </c>
    </row>
    <row r="7427" spans="1:4" x14ac:dyDescent="0.25">
      <c r="A7427" s="7">
        <f t="shared" si="348"/>
        <v>44871.124999982007</v>
      </c>
      <c r="B7427" s="8">
        <v>-4.9800999999999998E-2</v>
      </c>
      <c r="C7427">
        <f t="shared" si="346"/>
        <v>3</v>
      </c>
      <c r="D7427">
        <f t="shared" si="347"/>
        <v>11</v>
      </c>
    </row>
    <row r="7428" spans="1:4" x14ac:dyDescent="0.25">
      <c r="A7428" s="7">
        <f t="shared" si="348"/>
        <v>44871.166666648671</v>
      </c>
      <c r="B7428" s="8">
        <v>-4.9800999999999998E-2</v>
      </c>
      <c r="C7428">
        <f t="shared" si="346"/>
        <v>4</v>
      </c>
      <c r="D7428">
        <f t="shared" si="347"/>
        <v>11</v>
      </c>
    </row>
    <row r="7429" spans="1:4" x14ac:dyDescent="0.25">
      <c r="A7429" s="7">
        <f t="shared" si="348"/>
        <v>44871.208333315335</v>
      </c>
      <c r="B7429" s="8">
        <v>-4.9800999999999998E-2</v>
      </c>
      <c r="C7429">
        <f t="shared" si="346"/>
        <v>5</v>
      </c>
      <c r="D7429">
        <f t="shared" si="347"/>
        <v>11</v>
      </c>
    </row>
    <row r="7430" spans="1:4" x14ac:dyDescent="0.25">
      <c r="A7430" s="7">
        <f t="shared" si="348"/>
        <v>44871.249999981999</v>
      </c>
      <c r="B7430" s="8">
        <v>-4.9800999999999998E-2</v>
      </c>
      <c r="C7430">
        <f t="shared" si="346"/>
        <v>6</v>
      </c>
      <c r="D7430">
        <f t="shared" si="347"/>
        <v>11</v>
      </c>
    </row>
    <row r="7431" spans="1:4" x14ac:dyDescent="0.25">
      <c r="A7431" s="7">
        <f t="shared" si="348"/>
        <v>44871.291666648664</v>
      </c>
      <c r="B7431" s="8">
        <v>-4.9800999999999998E-2</v>
      </c>
      <c r="C7431">
        <f t="shared" si="346"/>
        <v>7</v>
      </c>
      <c r="D7431">
        <f t="shared" si="347"/>
        <v>11</v>
      </c>
    </row>
    <row r="7432" spans="1:4" x14ac:dyDescent="0.25">
      <c r="A7432" s="7">
        <f t="shared" si="348"/>
        <v>44871.333333315328</v>
      </c>
      <c r="B7432" s="8">
        <v>0.23608210409309968</v>
      </c>
      <c r="C7432">
        <f t="shared" si="346"/>
        <v>8</v>
      </c>
      <c r="D7432">
        <f t="shared" si="347"/>
        <v>11</v>
      </c>
    </row>
    <row r="7433" spans="1:4" x14ac:dyDescent="0.25">
      <c r="A7433" s="7">
        <f t="shared" si="348"/>
        <v>44871.374999981992</v>
      </c>
      <c r="B7433" s="8">
        <v>1.8255419282633467</v>
      </c>
      <c r="C7433">
        <f t="shared" si="346"/>
        <v>9</v>
      </c>
      <c r="D7433">
        <f t="shared" si="347"/>
        <v>11</v>
      </c>
    </row>
    <row r="7434" spans="1:4" x14ac:dyDescent="0.25">
      <c r="A7434" s="7">
        <f t="shared" si="348"/>
        <v>44871.416666648656</v>
      </c>
      <c r="B7434" s="8">
        <v>10.415709224870609</v>
      </c>
      <c r="C7434">
        <f t="shared" ref="C7434:C7497" si="349">HOUR(A7434)</f>
        <v>10</v>
      </c>
      <c r="D7434">
        <f t="shared" ref="D7434:D7497" si="350">MONTH(A7434)</f>
        <v>11</v>
      </c>
    </row>
    <row r="7435" spans="1:4" x14ac:dyDescent="0.25">
      <c r="A7435" s="7">
        <f t="shared" ref="A7435:A7498" si="351">+A7434+1/24</f>
        <v>44871.45833331532</v>
      </c>
      <c r="B7435" s="8">
        <v>8.6195099557433057</v>
      </c>
      <c r="C7435">
        <f t="shared" si="349"/>
        <v>11</v>
      </c>
      <c r="D7435">
        <f t="shared" si="350"/>
        <v>11</v>
      </c>
    </row>
    <row r="7436" spans="1:4" x14ac:dyDescent="0.25">
      <c r="A7436" s="7">
        <f t="shared" si="351"/>
        <v>44871.499999981985</v>
      </c>
      <c r="B7436" s="8">
        <v>2.7450933129793351</v>
      </c>
      <c r="C7436">
        <f t="shared" si="349"/>
        <v>12</v>
      </c>
      <c r="D7436">
        <f t="shared" si="350"/>
        <v>11</v>
      </c>
    </row>
    <row r="7437" spans="1:4" x14ac:dyDescent="0.25">
      <c r="A7437" s="7">
        <f t="shared" si="351"/>
        <v>44871.541666648649</v>
      </c>
      <c r="B7437" s="8">
        <v>3.479506957472613</v>
      </c>
      <c r="C7437">
        <f t="shared" si="349"/>
        <v>13</v>
      </c>
      <c r="D7437">
        <f t="shared" si="350"/>
        <v>11</v>
      </c>
    </row>
    <row r="7438" spans="1:4" x14ac:dyDescent="0.25">
      <c r="A7438" s="7">
        <f t="shared" si="351"/>
        <v>44871.583333315313</v>
      </c>
      <c r="B7438" s="8">
        <v>2.2597413465020741</v>
      </c>
      <c r="C7438">
        <f t="shared" si="349"/>
        <v>14</v>
      </c>
      <c r="D7438">
        <f t="shared" si="350"/>
        <v>11</v>
      </c>
    </row>
    <row r="7439" spans="1:4" x14ac:dyDescent="0.25">
      <c r="A7439" s="7">
        <f t="shared" si="351"/>
        <v>44871.624999981977</v>
      </c>
      <c r="B7439" s="8">
        <v>4.4627771874608122</v>
      </c>
      <c r="C7439">
        <f t="shared" si="349"/>
        <v>15</v>
      </c>
      <c r="D7439">
        <f t="shared" si="350"/>
        <v>11</v>
      </c>
    </row>
    <row r="7440" spans="1:4" x14ac:dyDescent="0.25">
      <c r="A7440" s="7">
        <f t="shared" si="351"/>
        <v>44871.666666648642</v>
      </c>
      <c r="B7440" s="8">
        <v>1.5680158036355387</v>
      </c>
      <c r="C7440">
        <f t="shared" si="349"/>
        <v>16</v>
      </c>
      <c r="D7440">
        <f t="shared" si="350"/>
        <v>11</v>
      </c>
    </row>
    <row r="7441" spans="1:4" x14ac:dyDescent="0.25">
      <c r="A7441" s="7">
        <f t="shared" si="351"/>
        <v>44871.708333315306</v>
      </c>
      <c r="B7441" s="8">
        <v>1.1859387429938868</v>
      </c>
      <c r="C7441">
        <f t="shared" si="349"/>
        <v>17</v>
      </c>
      <c r="D7441">
        <f t="shared" si="350"/>
        <v>11</v>
      </c>
    </row>
    <row r="7442" spans="1:4" x14ac:dyDescent="0.25">
      <c r="A7442" s="7">
        <f t="shared" si="351"/>
        <v>44871.74999998197</v>
      </c>
      <c r="B7442" s="8">
        <v>-4.9800999999999998E-2</v>
      </c>
      <c r="C7442">
        <f t="shared" si="349"/>
        <v>18</v>
      </c>
      <c r="D7442">
        <f t="shared" si="350"/>
        <v>11</v>
      </c>
    </row>
    <row r="7443" spans="1:4" x14ac:dyDescent="0.25">
      <c r="A7443" s="7">
        <f t="shared" si="351"/>
        <v>44871.791666648634</v>
      </c>
      <c r="B7443" s="8">
        <v>-4.9800999999999998E-2</v>
      </c>
      <c r="C7443">
        <f t="shared" si="349"/>
        <v>19</v>
      </c>
      <c r="D7443">
        <f t="shared" si="350"/>
        <v>11</v>
      </c>
    </row>
    <row r="7444" spans="1:4" x14ac:dyDescent="0.25">
      <c r="A7444" s="7">
        <f t="shared" si="351"/>
        <v>44871.833333315299</v>
      </c>
      <c r="B7444" s="8">
        <v>-4.9800999999999998E-2</v>
      </c>
      <c r="C7444">
        <f t="shared" si="349"/>
        <v>20</v>
      </c>
      <c r="D7444">
        <f t="shared" si="350"/>
        <v>11</v>
      </c>
    </row>
    <row r="7445" spans="1:4" x14ac:dyDescent="0.25">
      <c r="A7445" s="7">
        <f t="shared" si="351"/>
        <v>44871.874999981963</v>
      </c>
      <c r="B7445" s="8">
        <v>-4.9800999999999998E-2</v>
      </c>
      <c r="C7445">
        <f t="shared" si="349"/>
        <v>21</v>
      </c>
      <c r="D7445">
        <f t="shared" si="350"/>
        <v>11</v>
      </c>
    </row>
    <row r="7446" spans="1:4" x14ac:dyDescent="0.25">
      <c r="A7446" s="7">
        <f t="shared" si="351"/>
        <v>44871.916666648627</v>
      </c>
      <c r="B7446" s="8">
        <v>-4.9800999999999998E-2</v>
      </c>
      <c r="C7446">
        <f t="shared" si="349"/>
        <v>22</v>
      </c>
      <c r="D7446">
        <f t="shared" si="350"/>
        <v>11</v>
      </c>
    </row>
    <row r="7447" spans="1:4" x14ac:dyDescent="0.25">
      <c r="A7447" s="7">
        <f t="shared" si="351"/>
        <v>44871.958333315291</v>
      </c>
      <c r="B7447" s="8">
        <v>-4.9800999999999998E-2</v>
      </c>
      <c r="C7447">
        <f t="shared" si="349"/>
        <v>23</v>
      </c>
      <c r="D7447">
        <f t="shared" si="350"/>
        <v>11</v>
      </c>
    </row>
    <row r="7448" spans="1:4" x14ac:dyDescent="0.25">
      <c r="A7448" s="7">
        <f t="shared" si="351"/>
        <v>44871.999999981956</v>
      </c>
      <c r="B7448" s="8">
        <v>-4.9800999999999998E-2</v>
      </c>
      <c r="C7448">
        <f t="shared" si="349"/>
        <v>0</v>
      </c>
      <c r="D7448">
        <f t="shared" si="350"/>
        <v>11</v>
      </c>
    </row>
    <row r="7449" spans="1:4" x14ac:dyDescent="0.25">
      <c r="A7449" s="7">
        <f t="shared" si="351"/>
        <v>44872.04166664862</v>
      </c>
      <c r="B7449" s="8">
        <v>-4.9800999999999998E-2</v>
      </c>
      <c r="C7449">
        <f t="shared" si="349"/>
        <v>1</v>
      </c>
      <c r="D7449">
        <f t="shared" si="350"/>
        <v>11</v>
      </c>
    </row>
    <row r="7450" spans="1:4" x14ac:dyDescent="0.25">
      <c r="A7450" s="7">
        <f t="shared" si="351"/>
        <v>44872.083333315284</v>
      </c>
      <c r="B7450" s="8">
        <v>-4.9800999999999998E-2</v>
      </c>
      <c r="C7450">
        <f t="shared" si="349"/>
        <v>2</v>
      </c>
      <c r="D7450">
        <f t="shared" si="350"/>
        <v>11</v>
      </c>
    </row>
    <row r="7451" spans="1:4" x14ac:dyDescent="0.25">
      <c r="A7451" s="7">
        <f t="shared" si="351"/>
        <v>44872.124999981948</v>
      </c>
      <c r="B7451" s="8">
        <v>-4.9800999999999998E-2</v>
      </c>
      <c r="C7451">
        <f t="shared" si="349"/>
        <v>3</v>
      </c>
      <c r="D7451">
        <f t="shared" si="350"/>
        <v>11</v>
      </c>
    </row>
    <row r="7452" spans="1:4" x14ac:dyDescent="0.25">
      <c r="A7452" s="7">
        <f t="shared" si="351"/>
        <v>44872.166666648613</v>
      </c>
      <c r="B7452" s="8">
        <v>-4.9800999999999998E-2</v>
      </c>
      <c r="C7452">
        <f t="shared" si="349"/>
        <v>4</v>
      </c>
      <c r="D7452">
        <f t="shared" si="350"/>
        <v>11</v>
      </c>
    </row>
    <row r="7453" spans="1:4" x14ac:dyDescent="0.25">
      <c r="A7453" s="7">
        <f t="shared" si="351"/>
        <v>44872.208333315277</v>
      </c>
      <c r="B7453" s="8">
        <v>-4.9800999999999998E-2</v>
      </c>
      <c r="C7453">
        <f t="shared" si="349"/>
        <v>5</v>
      </c>
      <c r="D7453">
        <f t="shared" si="350"/>
        <v>11</v>
      </c>
    </row>
    <row r="7454" spans="1:4" x14ac:dyDescent="0.25">
      <c r="A7454" s="7">
        <f t="shared" si="351"/>
        <v>44872.249999981941</v>
      </c>
      <c r="B7454" s="8">
        <v>-4.9800999999999998E-2</v>
      </c>
      <c r="C7454">
        <f t="shared" si="349"/>
        <v>6</v>
      </c>
      <c r="D7454">
        <f t="shared" si="350"/>
        <v>11</v>
      </c>
    </row>
    <row r="7455" spans="1:4" x14ac:dyDescent="0.25">
      <c r="A7455" s="7">
        <f t="shared" si="351"/>
        <v>44872.291666648605</v>
      </c>
      <c r="B7455" s="8">
        <v>-4.9800999999999998E-2</v>
      </c>
      <c r="C7455">
        <f t="shared" si="349"/>
        <v>7</v>
      </c>
      <c r="D7455">
        <f t="shared" si="350"/>
        <v>11</v>
      </c>
    </row>
    <row r="7456" spans="1:4" x14ac:dyDescent="0.25">
      <c r="A7456" s="7">
        <f t="shared" si="351"/>
        <v>44872.33333331527</v>
      </c>
      <c r="B7456" s="8">
        <v>-4.9800999999999998E-2</v>
      </c>
      <c r="C7456">
        <f t="shared" si="349"/>
        <v>8</v>
      </c>
      <c r="D7456">
        <f t="shared" si="350"/>
        <v>11</v>
      </c>
    </row>
    <row r="7457" spans="1:4" x14ac:dyDescent="0.25">
      <c r="A7457" s="7">
        <f t="shared" si="351"/>
        <v>44872.374999981934</v>
      </c>
      <c r="B7457" s="8">
        <v>0.83710934431454054</v>
      </c>
      <c r="C7457">
        <f t="shared" si="349"/>
        <v>9</v>
      </c>
      <c r="D7457">
        <f t="shared" si="350"/>
        <v>11</v>
      </c>
    </row>
    <row r="7458" spans="1:4" x14ac:dyDescent="0.25">
      <c r="A7458" s="7">
        <f t="shared" si="351"/>
        <v>44872.416666648598</v>
      </c>
      <c r="B7458" s="8">
        <v>1.3910240497782975</v>
      </c>
      <c r="C7458">
        <f t="shared" si="349"/>
        <v>10</v>
      </c>
      <c r="D7458">
        <f t="shared" si="350"/>
        <v>11</v>
      </c>
    </row>
    <row r="7459" spans="1:4" x14ac:dyDescent="0.25">
      <c r="A7459" s="7">
        <f t="shared" si="351"/>
        <v>44872.458333315262</v>
      </c>
      <c r="B7459" s="8">
        <v>2.6026715010068311</v>
      </c>
      <c r="C7459">
        <f t="shared" si="349"/>
        <v>11</v>
      </c>
      <c r="D7459">
        <f t="shared" si="350"/>
        <v>11</v>
      </c>
    </row>
    <row r="7460" spans="1:4" x14ac:dyDescent="0.25">
      <c r="A7460" s="7">
        <f t="shared" si="351"/>
        <v>44872.499999981927</v>
      </c>
      <c r="B7460" s="8">
        <v>2.1803241631328443</v>
      </c>
      <c r="C7460">
        <f t="shared" si="349"/>
        <v>12</v>
      </c>
      <c r="D7460">
        <f t="shared" si="350"/>
        <v>11</v>
      </c>
    </row>
    <row r="7461" spans="1:4" x14ac:dyDescent="0.25">
      <c r="A7461" s="7">
        <f t="shared" si="351"/>
        <v>44872.541666648591</v>
      </c>
      <c r="B7461" s="8">
        <v>3.398812841271043</v>
      </c>
      <c r="C7461">
        <f t="shared" si="349"/>
        <v>13</v>
      </c>
      <c r="D7461">
        <f t="shared" si="350"/>
        <v>11</v>
      </c>
    </row>
    <row r="7462" spans="1:4" x14ac:dyDescent="0.25">
      <c r="A7462" s="7">
        <f t="shared" si="351"/>
        <v>44872.583333315255</v>
      </c>
      <c r="B7462" s="8">
        <v>3.2594952437384168</v>
      </c>
      <c r="C7462">
        <f t="shared" si="349"/>
        <v>14</v>
      </c>
      <c r="D7462">
        <f t="shared" si="350"/>
        <v>11</v>
      </c>
    </row>
    <row r="7463" spans="1:4" x14ac:dyDescent="0.25">
      <c r="A7463" s="7">
        <f t="shared" si="351"/>
        <v>44872.624999981919</v>
      </c>
      <c r="B7463" s="8">
        <v>3.68432636541058</v>
      </c>
      <c r="C7463">
        <f t="shared" si="349"/>
        <v>15</v>
      </c>
      <c r="D7463">
        <f t="shared" si="350"/>
        <v>11</v>
      </c>
    </row>
    <row r="7464" spans="1:4" x14ac:dyDescent="0.25">
      <c r="A7464" s="7">
        <f t="shared" si="351"/>
        <v>44872.666666648583</v>
      </c>
      <c r="B7464" s="8">
        <v>1.4148199353036439</v>
      </c>
      <c r="C7464">
        <f t="shared" si="349"/>
        <v>16</v>
      </c>
      <c r="D7464">
        <f t="shared" si="350"/>
        <v>11</v>
      </c>
    </row>
    <row r="7465" spans="1:4" x14ac:dyDescent="0.25">
      <c r="A7465" s="7">
        <f t="shared" si="351"/>
        <v>44872.708333315248</v>
      </c>
      <c r="B7465" s="8">
        <v>1.9457601559421152</v>
      </c>
      <c r="C7465">
        <f t="shared" si="349"/>
        <v>17</v>
      </c>
      <c r="D7465">
        <f t="shared" si="350"/>
        <v>11</v>
      </c>
    </row>
    <row r="7466" spans="1:4" x14ac:dyDescent="0.25">
      <c r="A7466" s="7">
        <f t="shared" si="351"/>
        <v>44872.749999981912</v>
      </c>
      <c r="B7466" s="8">
        <v>-4.9800999999999998E-2</v>
      </c>
      <c r="C7466">
        <f t="shared" si="349"/>
        <v>18</v>
      </c>
      <c r="D7466">
        <f t="shared" si="350"/>
        <v>11</v>
      </c>
    </row>
    <row r="7467" spans="1:4" x14ac:dyDescent="0.25">
      <c r="A7467" s="7">
        <f t="shared" si="351"/>
        <v>44872.791666648576</v>
      </c>
      <c r="B7467" s="8">
        <v>-4.9800999999999998E-2</v>
      </c>
      <c r="C7467">
        <f t="shared" si="349"/>
        <v>19</v>
      </c>
      <c r="D7467">
        <f t="shared" si="350"/>
        <v>11</v>
      </c>
    </row>
    <row r="7468" spans="1:4" x14ac:dyDescent="0.25">
      <c r="A7468" s="7">
        <f t="shared" si="351"/>
        <v>44872.83333331524</v>
      </c>
      <c r="B7468" s="8">
        <v>-4.9800999999999998E-2</v>
      </c>
      <c r="C7468">
        <f t="shared" si="349"/>
        <v>20</v>
      </c>
      <c r="D7468">
        <f t="shared" si="350"/>
        <v>11</v>
      </c>
    </row>
    <row r="7469" spans="1:4" x14ac:dyDescent="0.25">
      <c r="A7469" s="7">
        <f t="shared" si="351"/>
        <v>44872.874999981905</v>
      </c>
      <c r="B7469" s="8">
        <v>-4.9800999999999998E-2</v>
      </c>
      <c r="C7469">
        <f t="shared" si="349"/>
        <v>21</v>
      </c>
      <c r="D7469">
        <f t="shared" si="350"/>
        <v>11</v>
      </c>
    </row>
    <row r="7470" spans="1:4" x14ac:dyDescent="0.25">
      <c r="A7470" s="7">
        <f t="shared" si="351"/>
        <v>44872.916666648569</v>
      </c>
      <c r="B7470" s="8">
        <v>-4.9800999999999998E-2</v>
      </c>
      <c r="C7470">
        <f t="shared" si="349"/>
        <v>22</v>
      </c>
      <c r="D7470">
        <f t="shared" si="350"/>
        <v>11</v>
      </c>
    </row>
    <row r="7471" spans="1:4" x14ac:dyDescent="0.25">
      <c r="A7471" s="7">
        <f t="shared" si="351"/>
        <v>44872.958333315233</v>
      </c>
      <c r="B7471" s="8">
        <v>-4.9800999999999998E-2</v>
      </c>
      <c r="C7471">
        <f t="shared" si="349"/>
        <v>23</v>
      </c>
      <c r="D7471">
        <f t="shared" si="350"/>
        <v>11</v>
      </c>
    </row>
    <row r="7472" spans="1:4" x14ac:dyDescent="0.25">
      <c r="A7472" s="7">
        <f t="shared" si="351"/>
        <v>44872.999999981897</v>
      </c>
      <c r="B7472" s="8">
        <v>-4.9800999999999998E-2</v>
      </c>
      <c r="C7472">
        <f t="shared" si="349"/>
        <v>0</v>
      </c>
      <c r="D7472">
        <f t="shared" si="350"/>
        <v>11</v>
      </c>
    </row>
    <row r="7473" spans="1:4" x14ac:dyDescent="0.25">
      <c r="A7473" s="7">
        <f t="shared" si="351"/>
        <v>44873.041666648562</v>
      </c>
      <c r="B7473" s="8">
        <v>-4.9800999999999998E-2</v>
      </c>
      <c r="C7473">
        <f t="shared" si="349"/>
        <v>1</v>
      </c>
      <c r="D7473">
        <f t="shared" si="350"/>
        <v>11</v>
      </c>
    </row>
    <row r="7474" spans="1:4" x14ac:dyDescent="0.25">
      <c r="A7474" s="7">
        <f t="shared" si="351"/>
        <v>44873.083333315226</v>
      </c>
      <c r="B7474" s="8">
        <v>-4.9800999999999998E-2</v>
      </c>
      <c r="C7474">
        <f t="shared" si="349"/>
        <v>2</v>
      </c>
      <c r="D7474">
        <f t="shared" si="350"/>
        <v>11</v>
      </c>
    </row>
    <row r="7475" spans="1:4" x14ac:dyDescent="0.25">
      <c r="A7475" s="7">
        <f t="shared" si="351"/>
        <v>44873.12499998189</v>
      </c>
      <c r="B7475" s="8">
        <v>-4.9800999999999998E-2</v>
      </c>
      <c r="C7475">
        <f t="shared" si="349"/>
        <v>3</v>
      </c>
      <c r="D7475">
        <f t="shared" si="350"/>
        <v>11</v>
      </c>
    </row>
    <row r="7476" spans="1:4" x14ac:dyDescent="0.25">
      <c r="A7476" s="7">
        <f t="shared" si="351"/>
        <v>44873.166666648554</v>
      </c>
      <c r="B7476" s="8">
        <v>-4.9800999999999998E-2</v>
      </c>
      <c r="C7476">
        <f t="shared" si="349"/>
        <v>4</v>
      </c>
      <c r="D7476">
        <f t="shared" si="350"/>
        <v>11</v>
      </c>
    </row>
    <row r="7477" spans="1:4" x14ac:dyDescent="0.25">
      <c r="A7477" s="7">
        <f t="shared" si="351"/>
        <v>44873.208333315219</v>
      </c>
      <c r="B7477" s="8">
        <v>-4.9800999999999998E-2</v>
      </c>
      <c r="C7477">
        <f t="shared" si="349"/>
        <v>5</v>
      </c>
      <c r="D7477">
        <f t="shared" si="350"/>
        <v>11</v>
      </c>
    </row>
    <row r="7478" spans="1:4" x14ac:dyDescent="0.25">
      <c r="A7478" s="7">
        <f t="shared" si="351"/>
        <v>44873.249999981883</v>
      </c>
      <c r="B7478" s="8">
        <v>-4.9800999999999998E-2</v>
      </c>
      <c r="C7478">
        <f t="shared" si="349"/>
        <v>6</v>
      </c>
      <c r="D7478">
        <f t="shared" si="350"/>
        <v>11</v>
      </c>
    </row>
    <row r="7479" spans="1:4" x14ac:dyDescent="0.25">
      <c r="A7479" s="7">
        <f t="shared" si="351"/>
        <v>44873.291666648547</v>
      </c>
      <c r="B7479" s="8">
        <v>-4.9800999999999998E-2</v>
      </c>
      <c r="C7479">
        <f t="shared" si="349"/>
        <v>7</v>
      </c>
      <c r="D7479">
        <f t="shared" si="350"/>
        <v>11</v>
      </c>
    </row>
    <row r="7480" spans="1:4" x14ac:dyDescent="0.25">
      <c r="A7480" s="7">
        <f t="shared" si="351"/>
        <v>44873.333333315211</v>
      </c>
      <c r="B7480" s="8">
        <v>1.6198939053155319</v>
      </c>
      <c r="C7480">
        <f t="shared" si="349"/>
        <v>8</v>
      </c>
      <c r="D7480">
        <f t="shared" si="350"/>
        <v>11</v>
      </c>
    </row>
    <row r="7481" spans="1:4" x14ac:dyDescent="0.25">
      <c r="A7481" s="7">
        <f t="shared" si="351"/>
        <v>44873.374999981876</v>
      </c>
      <c r="B7481" s="8">
        <v>9.293905695885222</v>
      </c>
      <c r="C7481">
        <f t="shared" si="349"/>
        <v>9</v>
      </c>
      <c r="D7481">
        <f t="shared" si="350"/>
        <v>11</v>
      </c>
    </row>
    <row r="7482" spans="1:4" x14ac:dyDescent="0.25">
      <c r="A7482" s="7">
        <f t="shared" si="351"/>
        <v>44873.41666664854</v>
      </c>
      <c r="B7482" s="8">
        <v>15.879712028764358</v>
      </c>
      <c r="C7482">
        <f t="shared" si="349"/>
        <v>10</v>
      </c>
      <c r="D7482">
        <f t="shared" si="350"/>
        <v>11</v>
      </c>
    </row>
    <row r="7483" spans="1:4" x14ac:dyDescent="0.25">
      <c r="A7483" s="7">
        <f t="shared" si="351"/>
        <v>44873.458333315204</v>
      </c>
      <c r="B7483" s="8">
        <v>19.937383048126986</v>
      </c>
      <c r="C7483">
        <f t="shared" si="349"/>
        <v>11</v>
      </c>
      <c r="D7483">
        <f t="shared" si="350"/>
        <v>11</v>
      </c>
    </row>
    <row r="7484" spans="1:4" x14ac:dyDescent="0.25">
      <c r="A7484" s="7">
        <f t="shared" si="351"/>
        <v>44873.499999981868</v>
      </c>
      <c r="B7484" s="8">
        <v>20.451271732275487</v>
      </c>
      <c r="C7484">
        <f t="shared" si="349"/>
        <v>12</v>
      </c>
      <c r="D7484">
        <f t="shared" si="350"/>
        <v>11</v>
      </c>
    </row>
    <row r="7485" spans="1:4" x14ac:dyDescent="0.25">
      <c r="A7485" s="7">
        <f t="shared" si="351"/>
        <v>44873.541666648533</v>
      </c>
      <c r="B7485" s="8">
        <v>20.451274824122539</v>
      </c>
      <c r="C7485">
        <f t="shared" si="349"/>
        <v>13</v>
      </c>
      <c r="D7485">
        <f t="shared" si="350"/>
        <v>11</v>
      </c>
    </row>
    <row r="7486" spans="1:4" x14ac:dyDescent="0.25">
      <c r="A7486" s="7">
        <f t="shared" si="351"/>
        <v>44873.583333315197</v>
      </c>
      <c r="B7486" s="8">
        <v>20.451300589514638</v>
      </c>
      <c r="C7486">
        <f t="shared" si="349"/>
        <v>14</v>
      </c>
      <c r="D7486">
        <f t="shared" si="350"/>
        <v>11</v>
      </c>
    </row>
    <row r="7487" spans="1:4" x14ac:dyDescent="0.25">
      <c r="A7487" s="7">
        <f t="shared" si="351"/>
        <v>44873.624999981861</v>
      </c>
      <c r="B7487" s="8">
        <v>17.468789494515882</v>
      </c>
      <c r="C7487">
        <f t="shared" si="349"/>
        <v>15</v>
      </c>
      <c r="D7487">
        <f t="shared" si="350"/>
        <v>11</v>
      </c>
    </row>
    <row r="7488" spans="1:4" x14ac:dyDescent="0.25">
      <c r="A7488" s="7">
        <f t="shared" si="351"/>
        <v>44873.666666648525</v>
      </c>
      <c r="B7488" s="8">
        <v>12.461171142072283</v>
      </c>
      <c r="C7488">
        <f t="shared" si="349"/>
        <v>16</v>
      </c>
      <c r="D7488">
        <f t="shared" si="350"/>
        <v>11</v>
      </c>
    </row>
    <row r="7489" spans="1:4" x14ac:dyDescent="0.25">
      <c r="A7489" s="7">
        <f t="shared" si="351"/>
        <v>44873.70833331519</v>
      </c>
      <c r="B7489" s="8">
        <v>4.3189815647816818</v>
      </c>
      <c r="C7489">
        <f t="shared" si="349"/>
        <v>17</v>
      </c>
      <c r="D7489">
        <f t="shared" si="350"/>
        <v>11</v>
      </c>
    </row>
    <row r="7490" spans="1:4" x14ac:dyDescent="0.25">
      <c r="A7490" s="7">
        <f t="shared" si="351"/>
        <v>44873.749999981854</v>
      </c>
      <c r="B7490" s="8">
        <v>-4.9800999999999998E-2</v>
      </c>
      <c r="C7490">
        <f t="shared" si="349"/>
        <v>18</v>
      </c>
      <c r="D7490">
        <f t="shared" si="350"/>
        <v>11</v>
      </c>
    </row>
    <row r="7491" spans="1:4" x14ac:dyDescent="0.25">
      <c r="A7491" s="7">
        <f t="shared" si="351"/>
        <v>44873.791666648518</v>
      </c>
      <c r="B7491" s="8">
        <v>-4.9800999999999998E-2</v>
      </c>
      <c r="C7491">
        <f t="shared" si="349"/>
        <v>19</v>
      </c>
      <c r="D7491">
        <f t="shared" si="350"/>
        <v>11</v>
      </c>
    </row>
    <row r="7492" spans="1:4" x14ac:dyDescent="0.25">
      <c r="A7492" s="7">
        <f t="shared" si="351"/>
        <v>44873.833333315182</v>
      </c>
      <c r="B7492" s="8">
        <v>-4.9800999999999998E-2</v>
      </c>
      <c r="C7492">
        <f t="shared" si="349"/>
        <v>20</v>
      </c>
      <c r="D7492">
        <f t="shared" si="350"/>
        <v>11</v>
      </c>
    </row>
    <row r="7493" spans="1:4" x14ac:dyDescent="0.25">
      <c r="A7493" s="7">
        <f t="shared" si="351"/>
        <v>44873.874999981846</v>
      </c>
      <c r="B7493" s="8">
        <v>-4.9800999999999998E-2</v>
      </c>
      <c r="C7493">
        <f t="shared" si="349"/>
        <v>21</v>
      </c>
      <c r="D7493">
        <f t="shared" si="350"/>
        <v>11</v>
      </c>
    </row>
    <row r="7494" spans="1:4" x14ac:dyDescent="0.25">
      <c r="A7494" s="7">
        <f t="shared" si="351"/>
        <v>44873.916666648511</v>
      </c>
      <c r="B7494" s="8">
        <v>-4.9800999999999998E-2</v>
      </c>
      <c r="C7494">
        <f t="shared" si="349"/>
        <v>22</v>
      </c>
      <c r="D7494">
        <f t="shared" si="350"/>
        <v>11</v>
      </c>
    </row>
    <row r="7495" spans="1:4" x14ac:dyDescent="0.25">
      <c r="A7495" s="7">
        <f t="shared" si="351"/>
        <v>44873.958333315175</v>
      </c>
      <c r="B7495" s="8">
        <v>-4.9800999999999998E-2</v>
      </c>
      <c r="C7495">
        <f t="shared" si="349"/>
        <v>23</v>
      </c>
      <c r="D7495">
        <f t="shared" si="350"/>
        <v>11</v>
      </c>
    </row>
    <row r="7496" spans="1:4" x14ac:dyDescent="0.25">
      <c r="A7496" s="7">
        <f t="shared" si="351"/>
        <v>44873.999999981839</v>
      </c>
      <c r="B7496" s="8">
        <v>-4.9800999999999998E-2</v>
      </c>
      <c r="C7496">
        <f t="shared" si="349"/>
        <v>0</v>
      </c>
      <c r="D7496">
        <f t="shared" si="350"/>
        <v>11</v>
      </c>
    </row>
    <row r="7497" spans="1:4" x14ac:dyDescent="0.25">
      <c r="A7497" s="7">
        <f t="shared" si="351"/>
        <v>44874.041666648503</v>
      </c>
      <c r="B7497" s="8">
        <v>-4.9800999999999998E-2</v>
      </c>
      <c r="C7497">
        <f t="shared" si="349"/>
        <v>1</v>
      </c>
      <c r="D7497">
        <f t="shared" si="350"/>
        <v>11</v>
      </c>
    </row>
    <row r="7498" spans="1:4" x14ac:dyDescent="0.25">
      <c r="A7498" s="7">
        <f t="shared" si="351"/>
        <v>44874.083333315168</v>
      </c>
      <c r="B7498" s="8">
        <v>-4.9800999999999998E-2</v>
      </c>
      <c r="C7498">
        <f t="shared" ref="C7498:C7561" si="352">HOUR(A7498)</f>
        <v>2</v>
      </c>
      <c r="D7498">
        <f t="shared" ref="D7498:D7561" si="353">MONTH(A7498)</f>
        <v>11</v>
      </c>
    </row>
    <row r="7499" spans="1:4" x14ac:dyDescent="0.25">
      <c r="A7499" s="7">
        <f t="shared" ref="A7499:A7562" si="354">+A7498+1/24</f>
        <v>44874.124999981832</v>
      </c>
      <c r="B7499" s="8">
        <v>-4.9800999999999998E-2</v>
      </c>
      <c r="C7499">
        <f t="shared" si="352"/>
        <v>3</v>
      </c>
      <c r="D7499">
        <f t="shared" si="353"/>
        <v>11</v>
      </c>
    </row>
    <row r="7500" spans="1:4" x14ac:dyDescent="0.25">
      <c r="A7500" s="7">
        <f t="shared" si="354"/>
        <v>44874.166666648496</v>
      </c>
      <c r="B7500" s="8">
        <v>-4.9800999999999998E-2</v>
      </c>
      <c r="C7500">
        <f t="shared" si="352"/>
        <v>4</v>
      </c>
      <c r="D7500">
        <f t="shared" si="353"/>
        <v>11</v>
      </c>
    </row>
    <row r="7501" spans="1:4" x14ac:dyDescent="0.25">
      <c r="A7501" s="7">
        <f t="shared" si="354"/>
        <v>44874.20833331516</v>
      </c>
      <c r="B7501" s="8">
        <v>-4.9800999999999998E-2</v>
      </c>
      <c r="C7501">
        <f t="shared" si="352"/>
        <v>5</v>
      </c>
      <c r="D7501">
        <f t="shared" si="353"/>
        <v>11</v>
      </c>
    </row>
    <row r="7502" spans="1:4" x14ac:dyDescent="0.25">
      <c r="A7502" s="7">
        <f t="shared" si="354"/>
        <v>44874.249999981825</v>
      </c>
      <c r="B7502" s="8">
        <v>-4.9800999999999998E-2</v>
      </c>
      <c r="C7502">
        <f t="shared" si="352"/>
        <v>6</v>
      </c>
      <c r="D7502">
        <f t="shared" si="353"/>
        <v>11</v>
      </c>
    </row>
    <row r="7503" spans="1:4" x14ac:dyDescent="0.25">
      <c r="A7503" s="7">
        <f t="shared" si="354"/>
        <v>44874.291666648489</v>
      </c>
      <c r="B7503" s="8">
        <v>-4.9800999999999998E-2</v>
      </c>
      <c r="C7503">
        <f t="shared" si="352"/>
        <v>7</v>
      </c>
      <c r="D7503">
        <f t="shared" si="353"/>
        <v>11</v>
      </c>
    </row>
    <row r="7504" spans="1:4" x14ac:dyDescent="0.25">
      <c r="A7504" s="7">
        <f t="shared" si="354"/>
        <v>44874.333333315153</v>
      </c>
      <c r="B7504" s="8">
        <v>0.8899634390471779</v>
      </c>
      <c r="C7504">
        <f t="shared" si="352"/>
        <v>8</v>
      </c>
      <c r="D7504">
        <f t="shared" si="353"/>
        <v>11</v>
      </c>
    </row>
    <row r="7505" spans="1:4" x14ac:dyDescent="0.25">
      <c r="A7505" s="7">
        <f t="shared" si="354"/>
        <v>44874.374999981817</v>
      </c>
      <c r="B7505" s="8">
        <v>1.4072675835720949</v>
      </c>
      <c r="C7505">
        <f t="shared" si="352"/>
        <v>9</v>
      </c>
      <c r="D7505">
        <f t="shared" si="353"/>
        <v>11</v>
      </c>
    </row>
    <row r="7506" spans="1:4" x14ac:dyDescent="0.25">
      <c r="A7506" s="7">
        <f t="shared" si="354"/>
        <v>44874.416666648482</v>
      </c>
      <c r="B7506" s="8">
        <v>1.3947486948598775</v>
      </c>
      <c r="C7506">
        <f t="shared" si="352"/>
        <v>10</v>
      </c>
      <c r="D7506">
        <f t="shared" si="353"/>
        <v>11</v>
      </c>
    </row>
    <row r="7507" spans="1:4" x14ac:dyDescent="0.25">
      <c r="A7507" s="7">
        <f t="shared" si="354"/>
        <v>44874.458333315146</v>
      </c>
      <c r="B7507" s="8">
        <v>1.9138677536041253</v>
      </c>
      <c r="C7507">
        <f t="shared" si="352"/>
        <v>11</v>
      </c>
      <c r="D7507">
        <f t="shared" si="353"/>
        <v>11</v>
      </c>
    </row>
    <row r="7508" spans="1:4" x14ac:dyDescent="0.25">
      <c r="A7508" s="7">
        <f t="shared" si="354"/>
        <v>44874.49999998181</v>
      </c>
      <c r="B7508" s="8">
        <v>3.6814344578015832</v>
      </c>
      <c r="C7508">
        <f t="shared" si="352"/>
        <v>12</v>
      </c>
      <c r="D7508">
        <f t="shared" si="353"/>
        <v>11</v>
      </c>
    </row>
    <row r="7509" spans="1:4" x14ac:dyDescent="0.25">
      <c r="A7509" s="7">
        <f t="shared" si="354"/>
        <v>44874.541666648474</v>
      </c>
      <c r="B7509" s="8">
        <v>4.8059856082002197</v>
      </c>
      <c r="C7509">
        <f t="shared" si="352"/>
        <v>13</v>
      </c>
      <c r="D7509">
        <f t="shared" si="353"/>
        <v>11</v>
      </c>
    </row>
    <row r="7510" spans="1:4" x14ac:dyDescent="0.25">
      <c r="A7510" s="7">
        <f t="shared" si="354"/>
        <v>44874.583333315139</v>
      </c>
      <c r="B7510" s="8">
        <v>5.4356412908887686</v>
      </c>
      <c r="C7510">
        <f t="shared" si="352"/>
        <v>14</v>
      </c>
      <c r="D7510">
        <f t="shared" si="353"/>
        <v>11</v>
      </c>
    </row>
    <row r="7511" spans="1:4" x14ac:dyDescent="0.25">
      <c r="A7511" s="7">
        <f t="shared" si="354"/>
        <v>44874.624999981803</v>
      </c>
      <c r="B7511" s="8">
        <v>8.0097451557538406</v>
      </c>
      <c r="C7511">
        <f t="shared" si="352"/>
        <v>15</v>
      </c>
      <c r="D7511">
        <f t="shared" si="353"/>
        <v>11</v>
      </c>
    </row>
    <row r="7512" spans="1:4" x14ac:dyDescent="0.25">
      <c r="A7512" s="7">
        <f t="shared" si="354"/>
        <v>44874.666666648467</v>
      </c>
      <c r="B7512" s="8">
        <v>5.0416822620275443</v>
      </c>
      <c r="C7512">
        <f t="shared" si="352"/>
        <v>16</v>
      </c>
      <c r="D7512">
        <f t="shared" si="353"/>
        <v>11</v>
      </c>
    </row>
    <row r="7513" spans="1:4" x14ac:dyDescent="0.25">
      <c r="A7513" s="7">
        <f t="shared" si="354"/>
        <v>44874.708333315131</v>
      </c>
      <c r="B7513" s="8">
        <v>1.7857405811671818</v>
      </c>
      <c r="C7513">
        <f t="shared" si="352"/>
        <v>17</v>
      </c>
      <c r="D7513">
        <f t="shared" si="353"/>
        <v>11</v>
      </c>
    </row>
    <row r="7514" spans="1:4" x14ac:dyDescent="0.25">
      <c r="A7514" s="7">
        <f t="shared" si="354"/>
        <v>44874.749999981796</v>
      </c>
      <c r="B7514" s="8">
        <v>-4.9800999999999998E-2</v>
      </c>
      <c r="C7514">
        <f t="shared" si="352"/>
        <v>18</v>
      </c>
      <c r="D7514">
        <f t="shared" si="353"/>
        <v>11</v>
      </c>
    </row>
    <row r="7515" spans="1:4" x14ac:dyDescent="0.25">
      <c r="A7515" s="7">
        <f t="shared" si="354"/>
        <v>44874.79166664846</v>
      </c>
      <c r="B7515" s="8">
        <v>-4.9800999999999998E-2</v>
      </c>
      <c r="C7515">
        <f t="shared" si="352"/>
        <v>19</v>
      </c>
      <c r="D7515">
        <f t="shared" si="353"/>
        <v>11</v>
      </c>
    </row>
    <row r="7516" spans="1:4" x14ac:dyDescent="0.25">
      <c r="A7516" s="7">
        <f t="shared" si="354"/>
        <v>44874.833333315124</v>
      </c>
      <c r="B7516" s="8">
        <v>-4.9800999999999998E-2</v>
      </c>
      <c r="C7516">
        <f t="shared" si="352"/>
        <v>20</v>
      </c>
      <c r="D7516">
        <f t="shared" si="353"/>
        <v>11</v>
      </c>
    </row>
    <row r="7517" spans="1:4" x14ac:dyDescent="0.25">
      <c r="A7517" s="7">
        <f t="shared" si="354"/>
        <v>44874.874999981788</v>
      </c>
      <c r="B7517" s="8">
        <v>-4.9800999999999998E-2</v>
      </c>
      <c r="C7517">
        <f t="shared" si="352"/>
        <v>21</v>
      </c>
      <c r="D7517">
        <f t="shared" si="353"/>
        <v>11</v>
      </c>
    </row>
    <row r="7518" spans="1:4" x14ac:dyDescent="0.25">
      <c r="A7518" s="7">
        <f t="shared" si="354"/>
        <v>44874.916666648453</v>
      </c>
      <c r="B7518" s="8">
        <v>-4.9800999999999998E-2</v>
      </c>
      <c r="C7518">
        <f t="shared" si="352"/>
        <v>22</v>
      </c>
      <c r="D7518">
        <f t="shared" si="353"/>
        <v>11</v>
      </c>
    </row>
    <row r="7519" spans="1:4" x14ac:dyDescent="0.25">
      <c r="A7519" s="7">
        <f t="shared" si="354"/>
        <v>44874.958333315117</v>
      </c>
      <c r="B7519" s="8">
        <v>-4.9800999999999998E-2</v>
      </c>
      <c r="C7519">
        <f t="shared" si="352"/>
        <v>23</v>
      </c>
      <c r="D7519">
        <f t="shared" si="353"/>
        <v>11</v>
      </c>
    </row>
    <row r="7520" spans="1:4" x14ac:dyDescent="0.25">
      <c r="A7520" s="7">
        <f t="shared" si="354"/>
        <v>44874.999999981781</v>
      </c>
      <c r="B7520" s="8">
        <v>-4.9800999999999998E-2</v>
      </c>
      <c r="C7520">
        <f t="shared" si="352"/>
        <v>0</v>
      </c>
      <c r="D7520">
        <f t="shared" si="353"/>
        <v>11</v>
      </c>
    </row>
    <row r="7521" spans="1:4" x14ac:dyDescent="0.25">
      <c r="A7521" s="7">
        <f t="shared" si="354"/>
        <v>44875.041666648445</v>
      </c>
      <c r="B7521" s="8">
        <v>-4.9800999999999998E-2</v>
      </c>
      <c r="C7521">
        <f t="shared" si="352"/>
        <v>1</v>
      </c>
      <c r="D7521">
        <f t="shared" si="353"/>
        <v>11</v>
      </c>
    </row>
    <row r="7522" spans="1:4" x14ac:dyDescent="0.25">
      <c r="A7522" s="7">
        <f t="shared" si="354"/>
        <v>44875.083333315109</v>
      </c>
      <c r="B7522" s="8">
        <v>-4.9800999999999998E-2</v>
      </c>
      <c r="C7522">
        <f t="shared" si="352"/>
        <v>2</v>
      </c>
      <c r="D7522">
        <f t="shared" si="353"/>
        <v>11</v>
      </c>
    </row>
    <row r="7523" spans="1:4" x14ac:dyDescent="0.25">
      <c r="A7523" s="7">
        <f t="shared" si="354"/>
        <v>44875.124999981774</v>
      </c>
      <c r="B7523" s="8">
        <v>-4.9800999999999998E-2</v>
      </c>
      <c r="C7523">
        <f t="shared" si="352"/>
        <v>3</v>
      </c>
      <c r="D7523">
        <f t="shared" si="353"/>
        <v>11</v>
      </c>
    </row>
    <row r="7524" spans="1:4" x14ac:dyDescent="0.25">
      <c r="A7524" s="7">
        <f t="shared" si="354"/>
        <v>44875.166666648438</v>
      </c>
      <c r="B7524" s="8">
        <v>-4.9800999999999998E-2</v>
      </c>
      <c r="C7524">
        <f t="shared" si="352"/>
        <v>4</v>
      </c>
      <c r="D7524">
        <f t="shared" si="353"/>
        <v>11</v>
      </c>
    </row>
    <row r="7525" spans="1:4" x14ac:dyDescent="0.25">
      <c r="A7525" s="7">
        <f t="shared" si="354"/>
        <v>44875.208333315102</v>
      </c>
      <c r="B7525" s="8">
        <v>-4.9800999999999998E-2</v>
      </c>
      <c r="C7525">
        <f t="shared" si="352"/>
        <v>5</v>
      </c>
      <c r="D7525">
        <f t="shared" si="353"/>
        <v>11</v>
      </c>
    </row>
    <row r="7526" spans="1:4" x14ac:dyDescent="0.25">
      <c r="A7526" s="7">
        <f t="shared" si="354"/>
        <v>44875.249999981766</v>
      </c>
      <c r="B7526" s="8">
        <v>-4.9800999999999998E-2</v>
      </c>
      <c r="C7526">
        <f t="shared" si="352"/>
        <v>6</v>
      </c>
      <c r="D7526">
        <f t="shared" si="353"/>
        <v>11</v>
      </c>
    </row>
    <row r="7527" spans="1:4" x14ac:dyDescent="0.25">
      <c r="A7527" s="7">
        <f t="shared" si="354"/>
        <v>44875.291666648431</v>
      </c>
      <c r="B7527" s="8">
        <v>-4.9800999999999998E-2</v>
      </c>
      <c r="C7527">
        <f t="shared" si="352"/>
        <v>7</v>
      </c>
      <c r="D7527">
        <f t="shared" si="353"/>
        <v>11</v>
      </c>
    </row>
    <row r="7528" spans="1:4" x14ac:dyDescent="0.25">
      <c r="A7528" s="7">
        <f t="shared" si="354"/>
        <v>44875.333333315095</v>
      </c>
      <c r="B7528" s="8">
        <v>0.24474133706914716</v>
      </c>
      <c r="C7528">
        <f t="shared" si="352"/>
        <v>8</v>
      </c>
      <c r="D7528">
        <f t="shared" si="353"/>
        <v>11</v>
      </c>
    </row>
    <row r="7529" spans="1:4" x14ac:dyDescent="0.25">
      <c r="A7529" s="7">
        <f t="shared" si="354"/>
        <v>44875.374999981759</v>
      </c>
      <c r="B7529" s="8">
        <v>0.94349464828413143</v>
      </c>
      <c r="C7529">
        <f t="shared" si="352"/>
        <v>9</v>
      </c>
      <c r="D7529">
        <f t="shared" si="353"/>
        <v>11</v>
      </c>
    </row>
    <row r="7530" spans="1:4" x14ac:dyDescent="0.25">
      <c r="A7530" s="7">
        <f t="shared" si="354"/>
        <v>44875.416666648423</v>
      </c>
      <c r="B7530" s="8">
        <v>1.6980712580170414</v>
      </c>
      <c r="C7530">
        <f t="shared" si="352"/>
        <v>10</v>
      </c>
      <c r="D7530">
        <f t="shared" si="353"/>
        <v>11</v>
      </c>
    </row>
    <row r="7531" spans="1:4" x14ac:dyDescent="0.25">
      <c r="A7531" s="7">
        <f t="shared" si="354"/>
        <v>44875.458333315088</v>
      </c>
      <c r="B7531" s="8">
        <v>2.4952164179573622</v>
      </c>
      <c r="C7531">
        <f t="shared" si="352"/>
        <v>11</v>
      </c>
      <c r="D7531">
        <f t="shared" si="353"/>
        <v>11</v>
      </c>
    </row>
    <row r="7532" spans="1:4" x14ac:dyDescent="0.25">
      <c r="A7532" s="7">
        <f t="shared" si="354"/>
        <v>44875.499999981752</v>
      </c>
      <c r="B7532" s="8">
        <v>2.9362797366507998</v>
      </c>
      <c r="C7532">
        <f t="shared" si="352"/>
        <v>12</v>
      </c>
      <c r="D7532">
        <f t="shared" si="353"/>
        <v>11</v>
      </c>
    </row>
    <row r="7533" spans="1:4" x14ac:dyDescent="0.25">
      <c r="A7533" s="7">
        <f t="shared" si="354"/>
        <v>44875.541666648416</v>
      </c>
      <c r="B7533" s="8">
        <v>3.5189970586322432</v>
      </c>
      <c r="C7533">
        <f t="shared" si="352"/>
        <v>13</v>
      </c>
      <c r="D7533">
        <f t="shared" si="353"/>
        <v>11</v>
      </c>
    </row>
    <row r="7534" spans="1:4" x14ac:dyDescent="0.25">
      <c r="A7534" s="7">
        <f t="shared" si="354"/>
        <v>44875.58333331508</v>
      </c>
      <c r="B7534" s="8">
        <v>6.1343884184096504</v>
      </c>
      <c r="C7534">
        <f t="shared" si="352"/>
        <v>14</v>
      </c>
      <c r="D7534">
        <f t="shared" si="353"/>
        <v>11</v>
      </c>
    </row>
    <row r="7535" spans="1:4" x14ac:dyDescent="0.25">
      <c r="A7535" s="7">
        <f t="shared" si="354"/>
        <v>44875.624999981745</v>
      </c>
      <c r="B7535" s="8">
        <v>1.8276258331761732</v>
      </c>
      <c r="C7535">
        <f t="shared" si="352"/>
        <v>15</v>
      </c>
      <c r="D7535">
        <f t="shared" si="353"/>
        <v>11</v>
      </c>
    </row>
    <row r="7536" spans="1:4" x14ac:dyDescent="0.25">
      <c r="A7536" s="7">
        <f t="shared" si="354"/>
        <v>44875.666666648409</v>
      </c>
      <c r="B7536" s="8">
        <v>2.177955808291264</v>
      </c>
      <c r="C7536">
        <f t="shared" si="352"/>
        <v>16</v>
      </c>
      <c r="D7536">
        <f t="shared" si="353"/>
        <v>11</v>
      </c>
    </row>
    <row r="7537" spans="1:4" x14ac:dyDescent="0.25">
      <c r="A7537" s="7">
        <f t="shared" si="354"/>
        <v>44875.708333315073</v>
      </c>
      <c r="B7537" s="8">
        <v>0.74411998300415749</v>
      </c>
      <c r="C7537">
        <f t="shared" si="352"/>
        <v>17</v>
      </c>
      <c r="D7537">
        <f t="shared" si="353"/>
        <v>11</v>
      </c>
    </row>
    <row r="7538" spans="1:4" x14ac:dyDescent="0.25">
      <c r="A7538" s="7">
        <f t="shared" si="354"/>
        <v>44875.749999981737</v>
      </c>
      <c r="B7538" s="8">
        <v>-4.9800999999999998E-2</v>
      </c>
      <c r="C7538">
        <f t="shared" si="352"/>
        <v>18</v>
      </c>
      <c r="D7538">
        <f t="shared" si="353"/>
        <v>11</v>
      </c>
    </row>
    <row r="7539" spans="1:4" x14ac:dyDescent="0.25">
      <c r="A7539" s="7">
        <f t="shared" si="354"/>
        <v>44875.791666648402</v>
      </c>
      <c r="B7539" s="8">
        <v>-4.9800999999999998E-2</v>
      </c>
      <c r="C7539">
        <f t="shared" si="352"/>
        <v>19</v>
      </c>
      <c r="D7539">
        <f t="shared" si="353"/>
        <v>11</v>
      </c>
    </row>
    <row r="7540" spans="1:4" x14ac:dyDescent="0.25">
      <c r="A7540" s="7">
        <f t="shared" si="354"/>
        <v>44875.833333315066</v>
      </c>
      <c r="B7540" s="8">
        <v>-4.9800999999999998E-2</v>
      </c>
      <c r="C7540">
        <f t="shared" si="352"/>
        <v>20</v>
      </c>
      <c r="D7540">
        <f t="shared" si="353"/>
        <v>11</v>
      </c>
    </row>
    <row r="7541" spans="1:4" x14ac:dyDescent="0.25">
      <c r="A7541" s="7">
        <f t="shared" si="354"/>
        <v>44875.87499998173</v>
      </c>
      <c r="B7541" s="8">
        <v>-4.9800999999999998E-2</v>
      </c>
      <c r="C7541">
        <f t="shared" si="352"/>
        <v>21</v>
      </c>
      <c r="D7541">
        <f t="shared" si="353"/>
        <v>11</v>
      </c>
    </row>
    <row r="7542" spans="1:4" x14ac:dyDescent="0.25">
      <c r="A7542" s="7">
        <f t="shared" si="354"/>
        <v>44875.916666648394</v>
      </c>
      <c r="B7542" s="8">
        <v>-4.9800999999999998E-2</v>
      </c>
      <c r="C7542">
        <f t="shared" si="352"/>
        <v>22</v>
      </c>
      <c r="D7542">
        <f t="shared" si="353"/>
        <v>11</v>
      </c>
    </row>
    <row r="7543" spans="1:4" x14ac:dyDescent="0.25">
      <c r="A7543" s="7">
        <f t="shared" si="354"/>
        <v>44875.958333315059</v>
      </c>
      <c r="B7543" s="8">
        <v>-4.9800999999999998E-2</v>
      </c>
      <c r="C7543">
        <f t="shared" si="352"/>
        <v>23</v>
      </c>
      <c r="D7543">
        <f t="shared" si="353"/>
        <v>11</v>
      </c>
    </row>
    <row r="7544" spans="1:4" x14ac:dyDescent="0.25">
      <c r="A7544" s="7">
        <f t="shared" si="354"/>
        <v>44875.999999981723</v>
      </c>
      <c r="B7544" s="8">
        <v>-4.9800999999999998E-2</v>
      </c>
      <c r="C7544">
        <f t="shared" si="352"/>
        <v>0</v>
      </c>
      <c r="D7544">
        <f t="shared" si="353"/>
        <v>11</v>
      </c>
    </row>
    <row r="7545" spans="1:4" x14ac:dyDescent="0.25">
      <c r="A7545" s="7">
        <f t="shared" si="354"/>
        <v>44876.041666648387</v>
      </c>
      <c r="B7545" s="8">
        <v>-4.9800999999999998E-2</v>
      </c>
      <c r="C7545">
        <f t="shared" si="352"/>
        <v>1</v>
      </c>
      <c r="D7545">
        <f t="shared" si="353"/>
        <v>11</v>
      </c>
    </row>
    <row r="7546" spans="1:4" x14ac:dyDescent="0.25">
      <c r="A7546" s="7">
        <f t="shared" si="354"/>
        <v>44876.083333315051</v>
      </c>
      <c r="B7546" s="8">
        <v>-4.9800999999999998E-2</v>
      </c>
      <c r="C7546">
        <f t="shared" si="352"/>
        <v>2</v>
      </c>
      <c r="D7546">
        <f t="shared" si="353"/>
        <v>11</v>
      </c>
    </row>
    <row r="7547" spans="1:4" x14ac:dyDescent="0.25">
      <c r="A7547" s="7">
        <f t="shared" si="354"/>
        <v>44876.124999981716</v>
      </c>
      <c r="B7547" s="8">
        <v>-4.9800999999999998E-2</v>
      </c>
      <c r="C7547">
        <f t="shared" si="352"/>
        <v>3</v>
      </c>
      <c r="D7547">
        <f t="shared" si="353"/>
        <v>11</v>
      </c>
    </row>
    <row r="7548" spans="1:4" x14ac:dyDescent="0.25">
      <c r="A7548" s="7">
        <f t="shared" si="354"/>
        <v>44876.16666664838</v>
      </c>
      <c r="B7548" s="8">
        <v>-4.9800999999999998E-2</v>
      </c>
      <c r="C7548">
        <f t="shared" si="352"/>
        <v>4</v>
      </c>
      <c r="D7548">
        <f t="shared" si="353"/>
        <v>11</v>
      </c>
    </row>
    <row r="7549" spans="1:4" x14ac:dyDescent="0.25">
      <c r="A7549" s="7">
        <f t="shared" si="354"/>
        <v>44876.208333315044</v>
      </c>
      <c r="B7549" s="8">
        <v>-4.9800999999999998E-2</v>
      </c>
      <c r="C7549">
        <f t="shared" si="352"/>
        <v>5</v>
      </c>
      <c r="D7549">
        <f t="shared" si="353"/>
        <v>11</v>
      </c>
    </row>
    <row r="7550" spans="1:4" x14ac:dyDescent="0.25">
      <c r="A7550" s="7">
        <f t="shared" si="354"/>
        <v>44876.249999981708</v>
      </c>
      <c r="B7550" s="8">
        <v>-4.9800999999999998E-2</v>
      </c>
      <c r="C7550">
        <f t="shared" si="352"/>
        <v>6</v>
      </c>
      <c r="D7550">
        <f t="shared" si="353"/>
        <v>11</v>
      </c>
    </row>
    <row r="7551" spans="1:4" x14ac:dyDescent="0.25">
      <c r="A7551" s="7">
        <f t="shared" si="354"/>
        <v>44876.291666648372</v>
      </c>
      <c r="B7551" s="8">
        <v>-4.9800999999999998E-2</v>
      </c>
      <c r="C7551">
        <f t="shared" si="352"/>
        <v>7</v>
      </c>
      <c r="D7551">
        <f t="shared" si="353"/>
        <v>11</v>
      </c>
    </row>
    <row r="7552" spans="1:4" x14ac:dyDescent="0.25">
      <c r="A7552" s="7">
        <f t="shared" si="354"/>
        <v>44876.333333315037</v>
      </c>
      <c r="B7552" s="8">
        <v>0.57012319832430203</v>
      </c>
      <c r="C7552">
        <f t="shared" si="352"/>
        <v>8</v>
      </c>
      <c r="D7552">
        <f t="shared" si="353"/>
        <v>11</v>
      </c>
    </row>
    <row r="7553" spans="1:4" x14ac:dyDescent="0.25">
      <c r="A7553" s="7">
        <f t="shared" si="354"/>
        <v>44876.374999981701</v>
      </c>
      <c r="B7553" s="8">
        <v>4.1793887928614568</v>
      </c>
      <c r="C7553">
        <f t="shared" si="352"/>
        <v>9</v>
      </c>
      <c r="D7553">
        <f t="shared" si="353"/>
        <v>11</v>
      </c>
    </row>
    <row r="7554" spans="1:4" x14ac:dyDescent="0.25">
      <c r="A7554" s="7">
        <f t="shared" si="354"/>
        <v>44876.416666648365</v>
      </c>
      <c r="B7554" s="8">
        <v>6.1358755968415037</v>
      </c>
      <c r="C7554">
        <f t="shared" si="352"/>
        <v>10</v>
      </c>
      <c r="D7554">
        <f t="shared" si="353"/>
        <v>11</v>
      </c>
    </row>
    <row r="7555" spans="1:4" x14ac:dyDescent="0.25">
      <c r="A7555" s="7">
        <f t="shared" si="354"/>
        <v>44876.458333315029</v>
      </c>
      <c r="B7555" s="8">
        <v>13.191892090570182</v>
      </c>
      <c r="C7555">
        <f t="shared" si="352"/>
        <v>11</v>
      </c>
      <c r="D7555">
        <f t="shared" si="353"/>
        <v>11</v>
      </c>
    </row>
    <row r="7556" spans="1:4" x14ac:dyDescent="0.25">
      <c r="A7556" s="7">
        <f t="shared" si="354"/>
        <v>44876.499999981694</v>
      </c>
      <c r="B7556" s="8">
        <v>20.451289252742114</v>
      </c>
      <c r="C7556">
        <f t="shared" si="352"/>
        <v>12</v>
      </c>
      <c r="D7556">
        <f t="shared" si="353"/>
        <v>11</v>
      </c>
    </row>
    <row r="7557" spans="1:4" x14ac:dyDescent="0.25">
      <c r="A7557" s="7">
        <f t="shared" si="354"/>
        <v>44876.541666648358</v>
      </c>
      <c r="B7557" s="8">
        <v>15.315374706889417</v>
      </c>
      <c r="C7557">
        <f t="shared" si="352"/>
        <v>13</v>
      </c>
      <c r="D7557">
        <f t="shared" si="353"/>
        <v>11</v>
      </c>
    </row>
    <row r="7558" spans="1:4" x14ac:dyDescent="0.25">
      <c r="A7558" s="7">
        <f t="shared" si="354"/>
        <v>44876.583333315022</v>
      </c>
      <c r="B7558" s="8">
        <v>10.411622833683982</v>
      </c>
      <c r="C7558">
        <f t="shared" si="352"/>
        <v>14</v>
      </c>
      <c r="D7558">
        <f t="shared" si="353"/>
        <v>11</v>
      </c>
    </row>
    <row r="7559" spans="1:4" x14ac:dyDescent="0.25">
      <c r="A7559" s="7">
        <f t="shared" si="354"/>
        <v>44876.624999981686</v>
      </c>
      <c r="B7559" s="8">
        <v>4.6453641538658941</v>
      </c>
      <c r="C7559">
        <f t="shared" si="352"/>
        <v>15</v>
      </c>
      <c r="D7559">
        <f t="shared" si="353"/>
        <v>11</v>
      </c>
    </row>
    <row r="7560" spans="1:4" x14ac:dyDescent="0.25">
      <c r="A7560" s="7">
        <f t="shared" si="354"/>
        <v>44876.666666648351</v>
      </c>
      <c r="B7560" s="8">
        <v>6.4500464206872987</v>
      </c>
      <c r="C7560">
        <f t="shared" si="352"/>
        <v>16</v>
      </c>
      <c r="D7560">
        <f t="shared" si="353"/>
        <v>11</v>
      </c>
    </row>
    <row r="7561" spans="1:4" x14ac:dyDescent="0.25">
      <c r="A7561" s="7">
        <f t="shared" si="354"/>
        <v>44876.708333315015</v>
      </c>
      <c r="B7561" s="8">
        <v>1.7261349230893781</v>
      </c>
      <c r="C7561">
        <f t="shared" si="352"/>
        <v>17</v>
      </c>
      <c r="D7561">
        <f t="shared" si="353"/>
        <v>11</v>
      </c>
    </row>
    <row r="7562" spans="1:4" x14ac:dyDescent="0.25">
      <c r="A7562" s="7">
        <f t="shared" si="354"/>
        <v>44876.749999981679</v>
      </c>
      <c r="B7562" s="8">
        <v>-4.9800999999999998E-2</v>
      </c>
      <c r="C7562">
        <f t="shared" ref="C7562:C7625" si="355">HOUR(A7562)</f>
        <v>18</v>
      </c>
      <c r="D7562">
        <f t="shared" ref="D7562:D7625" si="356">MONTH(A7562)</f>
        <v>11</v>
      </c>
    </row>
    <row r="7563" spans="1:4" x14ac:dyDescent="0.25">
      <c r="A7563" s="7">
        <f t="shared" ref="A7563:A7626" si="357">+A7562+1/24</f>
        <v>44876.791666648343</v>
      </c>
      <c r="B7563" s="8">
        <v>-4.9800999999999998E-2</v>
      </c>
      <c r="C7563">
        <f t="shared" si="355"/>
        <v>19</v>
      </c>
      <c r="D7563">
        <f t="shared" si="356"/>
        <v>11</v>
      </c>
    </row>
    <row r="7564" spans="1:4" x14ac:dyDescent="0.25">
      <c r="A7564" s="7">
        <f t="shared" si="357"/>
        <v>44876.833333315008</v>
      </c>
      <c r="B7564" s="8">
        <v>-4.9800999999999998E-2</v>
      </c>
      <c r="C7564">
        <f t="shared" si="355"/>
        <v>20</v>
      </c>
      <c r="D7564">
        <f t="shared" si="356"/>
        <v>11</v>
      </c>
    </row>
    <row r="7565" spans="1:4" x14ac:dyDescent="0.25">
      <c r="A7565" s="7">
        <f t="shared" si="357"/>
        <v>44876.874999981672</v>
      </c>
      <c r="B7565" s="8">
        <v>-4.9800999999999998E-2</v>
      </c>
      <c r="C7565">
        <f t="shared" si="355"/>
        <v>21</v>
      </c>
      <c r="D7565">
        <f t="shared" si="356"/>
        <v>11</v>
      </c>
    </row>
    <row r="7566" spans="1:4" x14ac:dyDescent="0.25">
      <c r="A7566" s="7">
        <f t="shared" si="357"/>
        <v>44876.916666648336</v>
      </c>
      <c r="B7566" s="8">
        <v>-4.9800999999999998E-2</v>
      </c>
      <c r="C7566">
        <f t="shared" si="355"/>
        <v>22</v>
      </c>
      <c r="D7566">
        <f t="shared" si="356"/>
        <v>11</v>
      </c>
    </row>
    <row r="7567" spans="1:4" x14ac:dyDescent="0.25">
      <c r="A7567" s="7">
        <f t="shared" si="357"/>
        <v>44876.958333315</v>
      </c>
      <c r="B7567" s="8">
        <v>-4.9800999999999998E-2</v>
      </c>
      <c r="C7567">
        <f t="shared" si="355"/>
        <v>23</v>
      </c>
      <c r="D7567">
        <f t="shared" si="356"/>
        <v>11</v>
      </c>
    </row>
    <row r="7568" spans="1:4" x14ac:dyDescent="0.25">
      <c r="A7568" s="7">
        <f t="shared" si="357"/>
        <v>44876.999999981665</v>
      </c>
      <c r="B7568" s="8">
        <v>-4.9800999999999998E-2</v>
      </c>
      <c r="C7568">
        <f t="shared" si="355"/>
        <v>0</v>
      </c>
      <c r="D7568">
        <f t="shared" si="356"/>
        <v>11</v>
      </c>
    </row>
    <row r="7569" spans="1:4" x14ac:dyDescent="0.25">
      <c r="A7569" s="7">
        <f t="shared" si="357"/>
        <v>44877.041666648329</v>
      </c>
      <c r="B7569" s="8">
        <v>-4.9800999999999998E-2</v>
      </c>
      <c r="C7569">
        <f t="shared" si="355"/>
        <v>1</v>
      </c>
      <c r="D7569">
        <f t="shared" si="356"/>
        <v>11</v>
      </c>
    </row>
    <row r="7570" spans="1:4" x14ac:dyDescent="0.25">
      <c r="A7570" s="7">
        <f t="shared" si="357"/>
        <v>44877.083333314993</v>
      </c>
      <c r="B7570" s="8">
        <v>-4.9800999999999998E-2</v>
      </c>
      <c r="C7570">
        <f t="shared" si="355"/>
        <v>2</v>
      </c>
      <c r="D7570">
        <f t="shared" si="356"/>
        <v>11</v>
      </c>
    </row>
    <row r="7571" spans="1:4" x14ac:dyDescent="0.25">
      <c r="A7571" s="7">
        <f t="shared" si="357"/>
        <v>44877.124999981657</v>
      </c>
      <c r="B7571" s="8">
        <v>-4.9800999999999998E-2</v>
      </c>
      <c r="C7571">
        <f t="shared" si="355"/>
        <v>3</v>
      </c>
      <c r="D7571">
        <f t="shared" si="356"/>
        <v>11</v>
      </c>
    </row>
    <row r="7572" spans="1:4" x14ac:dyDescent="0.25">
      <c r="A7572" s="7">
        <f t="shared" si="357"/>
        <v>44877.166666648322</v>
      </c>
      <c r="B7572" s="8">
        <v>-4.9800999999999998E-2</v>
      </c>
      <c r="C7572">
        <f t="shared" si="355"/>
        <v>4</v>
      </c>
      <c r="D7572">
        <f t="shared" si="356"/>
        <v>11</v>
      </c>
    </row>
    <row r="7573" spans="1:4" x14ac:dyDescent="0.25">
      <c r="A7573" s="7">
        <f t="shared" si="357"/>
        <v>44877.208333314986</v>
      </c>
      <c r="B7573" s="8">
        <v>-4.9800999999999998E-2</v>
      </c>
      <c r="C7573">
        <f t="shared" si="355"/>
        <v>5</v>
      </c>
      <c r="D7573">
        <f t="shared" si="356"/>
        <v>11</v>
      </c>
    </row>
    <row r="7574" spans="1:4" x14ac:dyDescent="0.25">
      <c r="A7574" s="7">
        <f t="shared" si="357"/>
        <v>44877.24999998165</v>
      </c>
      <c r="B7574" s="8">
        <v>-4.9800999999999998E-2</v>
      </c>
      <c r="C7574">
        <f t="shared" si="355"/>
        <v>6</v>
      </c>
      <c r="D7574">
        <f t="shared" si="356"/>
        <v>11</v>
      </c>
    </row>
    <row r="7575" spans="1:4" x14ac:dyDescent="0.25">
      <c r="A7575" s="7">
        <f t="shared" si="357"/>
        <v>44877.291666648314</v>
      </c>
      <c r="B7575" s="8">
        <v>-4.9800999999999998E-2</v>
      </c>
      <c r="C7575">
        <f t="shared" si="355"/>
        <v>7</v>
      </c>
      <c r="D7575">
        <f t="shared" si="356"/>
        <v>11</v>
      </c>
    </row>
    <row r="7576" spans="1:4" x14ac:dyDescent="0.25">
      <c r="A7576" s="7">
        <f t="shared" si="357"/>
        <v>44877.333333314979</v>
      </c>
      <c r="B7576" s="8">
        <v>0.71377041234495187</v>
      </c>
      <c r="C7576">
        <f t="shared" si="355"/>
        <v>8</v>
      </c>
      <c r="D7576">
        <f t="shared" si="356"/>
        <v>11</v>
      </c>
    </row>
    <row r="7577" spans="1:4" x14ac:dyDescent="0.25">
      <c r="A7577" s="7">
        <f t="shared" si="357"/>
        <v>44877.374999981643</v>
      </c>
      <c r="B7577" s="8">
        <v>1.1788182192338876</v>
      </c>
      <c r="C7577">
        <f t="shared" si="355"/>
        <v>9</v>
      </c>
      <c r="D7577">
        <f t="shared" si="356"/>
        <v>11</v>
      </c>
    </row>
    <row r="7578" spans="1:4" x14ac:dyDescent="0.25">
      <c r="A7578" s="7">
        <f t="shared" si="357"/>
        <v>44877.416666648307</v>
      </c>
      <c r="B7578" s="8">
        <v>10.589794642499278</v>
      </c>
      <c r="C7578">
        <f t="shared" si="355"/>
        <v>10</v>
      </c>
      <c r="D7578">
        <f t="shared" si="356"/>
        <v>11</v>
      </c>
    </row>
    <row r="7579" spans="1:4" x14ac:dyDescent="0.25">
      <c r="A7579" s="7">
        <f t="shared" si="357"/>
        <v>44877.458333314971</v>
      </c>
      <c r="B7579" s="8">
        <v>17.963540676030224</v>
      </c>
      <c r="C7579">
        <f t="shared" si="355"/>
        <v>11</v>
      </c>
      <c r="D7579">
        <f t="shared" si="356"/>
        <v>11</v>
      </c>
    </row>
    <row r="7580" spans="1:4" x14ac:dyDescent="0.25">
      <c r="A7580" s="7">
        <f t="shared" si="357"/>
        <v>44877.499999981635</v>
      </c>
      <c r="B7580" s="8">
        <v>13.436373712486988</v>
      </c>
      <c r="C7580">
        <f t="shared" si="355"/>
        <v>12</v>
      </c>
      <c r="D7580">
        <f t="shared" si="356"/>
        <v>11</v>
      </c>
    </row>
    <row r="7581" spans="1:4" x14ac:dyDescent="0.25">
      <c r="A7581" s="7">
        <f t="shared" si="357"/>
        <v>44877.5416666483</v>
      </c>
      <c r="B7581" s="8">
        <v>17.881302697534188</v>
      </c>
      <c r="C7581">
        <f t="shared" si="355"/>
        <v>13</v>
      </c>
      <c r="D7581">
        <f t="shared" si="356"/>
        <v>11</v>
      </c>
    </row>
    <row r="7582" spans="1:4" x14ac:dyDescent="0.25">
      <c r="A7582" s="7">
        <f t="shared" si="357"/>
        <v>44877.583333314964</v>
      </c>
      <c r="B7582" s="8">
        <v>17.258735589519436</v>
      </c>
      <c r="C7582">
        <f t="shared" si="355"/>
        <v>14</v>
      </c>
      <c r="D7582">
        <f t="shared" si="356"/>
        <v>11</v>
      </c>
    </row>
    <row r="7583" spans="1:4" x14ac:dyDescent="0.25">
      <c r="A7583" s="7">
        <f t="shared" si="357"/>
        <v>44877.624999981628</v>
      </c>
      <c r="B7583" s="8">
        <v>16.680589048096046</v>
      </c>
      <c r="C7583">
        <f t="shared" si="355"/>
        <v>15</v>
      </c>
      <c r="D7583">
        <f t="shared" si="356"/>
        <v>11</v>
      </c>
    </row>
    <row r="7584" spans="1:4" x14ac:dyDescent="0.25">
      <c r="A7584" s="7">
        <f t="shared" si="357"/>
        <v>44877.666666648292</v>
      </c>
      <c r="B7584" s="8">
        <v>11.883615143435764</v>
      </c>
      <c r="C7584">
        <f t="shared" si="355"/>
        <v>16</v>
      </c>
      <c r="D7584">
        <f t="shared" si="356"/>
        <v>11</v>
      </c>
    </row>
    <row r="7585" spans="1:4" x14ac:dyDescent="0.25">
      <c r="A7585" s="7">
        <f t="shared" si="357"/>
        <v>44877.708333314957</v>
      </c>
      <c r="B7585" s="8">
        <v>3.821905314284483</v>
      </c>
      <c r="C7585">
        <f t="shared" si="355"/>
        <v>17</v>
      </c>
      <c r="D7585">
        <f t="shared" si="356"/>
        <v>11</v>
      </c>
    </row>
    <row r="7586" spans="1:4" x14ac:dyDescent="0.25">
      <c r="A7586" s="7">
        <f t="shared" si="357"/>
        <v>44877.749999981621</v>
      </c>
      <c r="B7586" s="8">
        <v>-4.9800999999999998E-2</v>
      </c>
      <c r="C7586">
        <f t="shared" si="355"/>
        <v>18</v>
      </c>
      <c r="D7586">
        <f t="shared" si="356"/>
        <v>11</v>
      </c>
    </row>
    <row r="7587" spans="1:4" x14ac:dyDescent="0.25">
      <c r="A7587" s="7">
        <f t="shared" si="357"/>
        <v>44877.791666648285</v>
      </c>
      <c r="B7587" s="8">
        <v>-4.9800999999999998E-2</v>
      </c>
      <c r="C7587">
        <f t="shared" si="355"/>
        <v>19</v>
      </c>
      <c r="D7587">
        <f t="shared" si="356"/>
        <v>11</v>
      </c>
    </row>
    <row r="7588" spans="1:4" x14ac:dyDescent="0.25">
      <c r="A7588" s="7">
        <f t="shared" si="357"/>
        <v>44877.833333314949</v>
      </c>
      <c r="B7588" s="8">
        <v>-4.9800999999999998E-2</v>
      </c>
      <c r="C7588">
        <f t="shared" si="355"/>
        <v>20</v>
      </c>
      <c r="D7588">
        <f t="shared" si="356"/>
        <v>11</v>
      </c>
    </row>
    <row r="7589" spans="1:4" x14ac:dyDescent="0.25">
      <c r="A7589" s="7">
        <f t="shared" si="357"/>
        <v>44877.874999981614</v>
      </c>
      <c r="B7589" s="8">
        <v>-4.9800999999999998E-2</v>
      </c>
      <c r="C7589">
        <f t="shared" si="355"/>
        <v>21</v>
      </c>
      <c r="D7589">
        <f t="shared" si="356"/>
        <v>11</v>
      </c>
    </row>
    <row r="7590" spans="1:4" x14ac:dyDescent="0.25">
      <c r="A7590" s="7">
        <f t="shared" si="357"/>
        <v>44877.916666648278</v>
      </c>
      <c r="B7590" s="8">
        <v>-4.9800999999999998E-2</v>
      </c>
      <c r="C7590">
        <f t="shared" si="355"/>
        <v>22</v>
      </c>
      <c r="D7590">
        <f t="shared" si="356"/>
        <v>11</v>
      </c>
    </row>
    <row r="7591" spans="1:4" x14ac:dyDescent="0.25">
      <c r="A7591" s="7">
        <f t="shared" si="357"/>
        <v>44877.958333314942</v>
      </c>
      <c r="B7591" s="8">
        <v>-4.9800999999999998E-2</v>
      </c>
      <c r="C7591">
        <f t="shared" si="355"/>
        <v>23</v>
      </c>
      <c r="D7591">
        <f t="shared" si="356"/>
        <v>11</v>
      </c>
    </row>
    <row r="7592" spans="1:4" x14ac:dyDescent="0.25">
      <c r="A7592" s="7">
        <f t="shared" si="357"/>
        <v>44877.999999981606</v>
      </c>
      <c r="B7592" s="8">
        <v>-4.9800999999999998E-2</v>
      </c>
      <c r="C7592">
        <f t="shared" si="355"/>
        <v>0</v>
      </c>
      <c r="D7592">
        <f t="shared" si="356"/>
        <v>11</v>
      </c>
    </row>
    <row r="7593" spans="1:4" x14ac:dyDescent="0.25">
      <c r="A7593" s="7">
        <f t="shared" si="357"/>
        <v>44878.041666648271</v>
      </c>
      <c r="B7593" s="8">
        <v>-4.9800999999999998E-2</v>
      </c>
      <c r="C7593">
        <f t="shared" si="355"/>
        <v>1</v>
      </c>
      <c r="D7593">
        <f t="shared" si="356"/>
        <v>11</v>
      </c>
    </row>
    <row r="7594" spans="1:4" x14ac:dyDescent="0.25">
      <c r="A7594" s="7">
        <f t="shared" si="357"/>
        <v>44878.083333314935</v>
      </c>
      <c r="B7594" s="8">
        <v>-4.9800999999999998E-2</v>
      </c>
      <c r="C7594">
        <f t="shared" si="355"/>
        <v>2</v>
      </c>
      <c r="D7594">
        <f t="shared" si="356"/>
        <v>11</v>
      </c>
    </row>
    <row r="7595" spans="1:4" x14ac:dyDescent="0.25">
      <c r="A7595" s="7">
        <f t="shared" si="357"/>
        <v>44878.124999981599</v>
      </c>
      <c r="B7595" s="8">
        <v>-4.9800999999999998E-2</v>
      </c>
      <c r="C7595">
        <f t="shared" si="355"/>
        <v>3</v>
      </c>
      <c r="D7595">
        <f t="shared" si="356"/>
        <v>11</v>
      </c>
    </row>
    <row r="7596" spans="1:4" x14ac:dyDescent="0.25">
      <c r="A7596" s="7">
        <f t="shared" si="357"/>
        <v>44878.166666648263</v>
      </c>
      <c r="B7596" s="8">
        <v>-4.9800999999999998E-2</v>
      </c>
      <c r="C7596">
        <f t="shared" si="355"/>
        <v>4</v>
      </c>
      <c r="D7596">
        <f t="shared" si="356"/>
        <v>11</v>
      </c>
    </row>
    <row r="7597" spans="1:4" x14ac:dyDescent="0.25">
      <c r="A7597" s="7">
        <f t="shared" si="357"/>
        <v>44878.208333314928</v>
      </c>
      <c r="B7597" s="8">
        <v>-4.9800999999999998E-2</v>
      </c>
      <c r="C7597">
        <f t="shared" si="355"/>
        <v>5</v>
      </c>
      <c r="D7597">
        <f t="shared" si="356"/>
        <v>11</v>
      </c>
    </row>
    <row r="7598" spans="1:4" x14ac:dyDescent="0.25">
      <c r="A7598" s="7">
        <f t="shared" si="357"/>
        <v>44878.249999981592</v>
      </c>
      <c r="B7598" s="8">
        <v>-4.9800999999999998E-2</v>
      </c>
      <c r="C7598">
        <f t="shared" si="355"/>
        <v>6</v>
      </c>
      <c r="D7598">
        <f t="shared" si="356"/>
        <v>11</v>
      </c>
    </row>
    <row r="7599" spans="1:4" x14ac:dyDescent="0.25">
      <c r="A7599" s="7">
        <f t="shared" si="357"/>
        <v>44878.291666648256</v>
      </c>
      <c r="B7599" s="8">
        <v>-4.9800999999999998E-2</v>
      </c>
      <c r="C7599">
        <f t="shared" si="355"/>
        <v>7</v>
      </c>
      <c r="D7599">
        <f t="shared" si="356"/>
        <v>11</v>
      </c>
    </row>
    <row r="7600" spans="1:4" x14ac:dyDescent="0.25">
      <c r="A7600" s="7">
        <f t="shared" si="357"/>
        <v>44878.33333331492</v>
      </c>
      <c r="B7600" s="8">
        <v>1.2154957701921809</v>
      </c>
      <c r="C7600">
        <f t="shared" si="355"/>
        <v>8</v>
      </c>
      <c r="D7600">
        <f t="shared" si="356"/>
        <v>11</v>
      </c>
    </row>
    <row r="7601" spans="1:4" x14ac:dyDescent="0.25">
      <c r="A7601" s="7">
        <f t="shared" si="357"/>
        <v>44878.374999981585</v>
      </c>
      <c r="B7601" s="8">
        <v>7.4111841788639499</v>
      </c>
      <c r="C7601">
        <f t="shared" si="355"/>
        <v>9</v>
      </c>
      <c r="D7601">
        <f t="shared" si="356"/>
        <v>11</v>
      </c>
    </row>
    <row r="7602" spans="1:4" x14ac:dyDescent="0.25">
      <c r="A7602" s="7">
        <f t="shared" si="357"/>
        <v>44878.416666648249</v>
      </c>
      <c r="B7602" s="8">
        <v>14.960446124592806</v>
      </c>
      <c r="C7602">
        <f t="shared" si="355"/>
        <v>10</v>
      </c>
      <c r="D7602">
        <f t="shared" si="356"/>
        <v>11</v>
      </c>
    </row>
    <row r="7603" spans="1:4" x14ac:dyDescent="0.25">
      <c r="A7603" s="7">
        <f t="shared" si="357"/>
        <v>44878.458333314913</v>
      </c>
      <c r="B7603" s="8">
        <v>19.423767477134714</v>
      </c>
      <c r="C7603">
        <f t="shared" si="355"/>
        <v>11</v>
      </c>
      <c r="D7603">
        <f t="shared" si="356"/>
        <v>11</v>
      </c>
    </row>
    <row r="7604" spans="1:4" x14ac:dyDescent="0.25">
      <c r="A7604" s="7">
        <f t="shared" si="357"/>
        <v>44878.499999981577</v>
      </c>
      <c r="B7604" s="8">
        <v>20.451250089346125</v>
      </c>
      <c r="C7604">
        <f t="shared" si="355"/>
        <v>12</v>
      </c>
      <c r="D7604">
        <f t="shared" si="356"/>
        <v>11</v>
      </c>
    </row>
    <row r="7605" spans="1:4" x14ac:dyDescent="0.25">
      <c r="A7605" s="7">
        <f t="shared" si="357"/>
        <v>44878.541666648242</v>
      </c>
      <c r="B7605" s="8">
        <v>20.451271732275487</v>
      </c>
      <c r="C7605">
        <f t="shared" si="355"/>
        <v>13</v>
      </c>
      <c r="D7605">
        <f t="shared" si="356"/>
        <v>11</v>
      </c>
    </row>
    <row r="7606" spans="1:4" x14ac:dyDescent="0.25">
      <c r="A7606" s="7">
        <f t="shared" si="357"/>
        <v>44878.583333314906</v>
      </c>
      <c r="B7606" s="8">
        <v>20.451307803824424</v>
      </c>
      <c r="C7606">
        <f t="shared" si="355"/>
        <v>14</v>
      </c>
      <c r="D7606">
        <f t="shared" si="356"/>
        <v>11</v>
      </c>
    </row>
    <row r="7607" spans="1:4" x14ac:dyDescent="0.25">
      <c r="A7607" s="7">
        <f t="shared" si="357"/>
        <v>44878.62499998157</v>
      </c>
      <c r="B7607" s="8">
        <v>16.960353797950841</v>
      </c>
      <c r="C7607">
        <f t="shared" si="355"/>
        <v>15</v>
      </c>
      <c r="D7607">
        <f t="shared" si="356"/>
        <v>11</v>
      </c>
    </row>
    <row r="7608" spans="1:4" x14ac:dyDescent="0.25">
      <c r="A7608" s="7">
        <f t="shared" si="357"/>
        <v>44878.666666648234</v>
      </c>
      <c r="B7608" s="8">
        <v>12.015487573267965</v>
      </c>
      <c r="C7608">
        <f t="shared" si="355"/>
        <v>16</v>
      </c>
      <c r="D7608">
        <f t="shared" si="356"/>
        <v>11</v>
      </c>
    </row>
    <row r="7609" spans="1:4" x14ac:dyDescent="0.25">
      <c r="A7609" s="7">
        <f t="shared" si="357"/>
        <v>44878.708333314898</v>
      </c>
      <c r="B7609" s="8">
        <v>3.8120546895778578</v>
      </c>
      <c r="C7609">
        <f t="shared" si="355"/>
        <v>17</v>
      </c>
      <c r="D7609">
        <f t="shared" si="356"/>
        <v>11</v>
      </c>
    </row>
    <row r="7610" spans="1:4" x14ac:dyDescent="0.25">
      <c r="A7610" s="7">
        <f t="shared" si="357"/>
        <v>44878.749999981563</v>
      </c>
      <c r="B7610" s="8">
        <v>-4.9800999999999998E-2</v>
      </c>
      <c r="C7610">
        <f t="shared" si="355"/>
        <v>18</v>
      </c>
      <c r="D7610">
        <f t="shared" si="356"/>
        <v>11</v>
      </c>
    </row>
    <row r="7611" spans="1:4" x14ac:dyDescent="0.25">
      <c r="A7611" s="7">
        <f t="shared" si="357"/>
        <v>44878.791666648227</v>
      </c>
      <c r="B7611" s="8">
        <v>-4.9800999999999998E-2</v>
      </c>
      <c r="C7611">
        <f t="shared" si="355"/>
        <v>19</v>
      </c>
      <c r="D7611">
        <f t="shared" si="356"/>
        <v>11</v>
      </c>
    </row>
    <row r="7612" spans="1:4" x14ac:dyDescent="0.25">
      <c r="A7612" s="7">
        <f t="shared" si="357"/>
        <v>44878.833333314891</v>
      </c>
      <c r="B7612" s="8">
        <v>-4.9800999999999998E-2</v>
      </c>
      <c r="C7612">
        <f t="shared" si="355"/>
        <v>20</v>
      </c>
      <c r="D7612">
        <f t="shared" si="356"/>
        <v>11</v>
      </c>
    </row>
    <row r="7613" spans="1:4" x14ac:dyDescent="0.25">
      <c r="A7613" s="7">
        <f t="shared" si="357"/>
        <v>44878.874999981555</v>
      </c>
      <c r="B7613" s="8">
        <v>-4.9800999999999998E-2</v>
      </c>
      <c r="C7613">
        <f t="shared" si="355"/>
        <v>21</v>
      </c>
      <c r="D7613">
        <f t="shared" si="356"/>
        <v>11</v>
      </c>
    </row>
    <row r="7614" spans="1:4" x14ac:dyDescent="0.25">
      <c r="A7614" s="7">
        <f t="shared" si="357"/>
        <v>44878.91666664822</v>
      </c>
      <c r="B7614" s="8">
        <v>-4.9800999999999998E-2</v>
      </c>
      <c r="C7614">
        <f t="shared" si="355"/>
        <v>22</v>
      </c>
      <c r="D7614">
        <f t="shared" si="356"/>
        <v>11</v>
      </c>
    </row>
    <row r="7615" spans="1:4" x14ac:dyDescent="0.25">
      <c r="A7615" s="7">
        <f t="shared" si="357"/>
        <v>44878.958333314884</v>
      </c>
      <c r="B7615" s="8">
        <v>-4.9800999999999998E-2</v>
      </c>
      <c r="C7615">
        <f t="shared" si="355"/>
        <v>23</v>
      </c>
      <c r="D7615">
        <f t="shared" si="356"/>
        <v>11</v>
      </c>
    </row>
    <row r="7616" spans="1:4" x14ac:dyDescent="0.25">
      <c r="A7616" s="7">
        <f t="shared" si="357"/>
        <v>44878.999999981548</v>
      </c>
      <c r="B7616" s="8">
        <v>-4.9800999999999998E-2</v>
      </c>
      <c r="C7616">
        <f t="shared" si="355"/>
        <v>0</v>
      </c>
      <c r="D7616">
        <f t="shared" si="356"/>
        <v>11</v>
      </c>
    </row>
    <row r="7617" spans="1:4" x14ac:dyDescent="0.25">
      <c r="A7617" s="7">
        <f t="shared" si="357"/>
        <v>44879.041666648212</v>
      </c>
      <c r="B7617" s="8">
        <v>-4.9800999999999998E-2</v>
      </c>
      <c r="C7617">
        <f t="shared" si="355"/>
        <v>1</v>
      </c>
      <c r="D7617">
        <f t="shared" si="356"/>
        <v>11</v>
      </c>
    </row>
    <row r="7618" spans="1:4" x14ac:dyDescent="0.25">
      <c r="A7618" s="7">
        <f t="shared" si="357"/>
        <v>44879.083333314877</v>
      </c>
      <c r="B7618" s="8">
        <v>-4.9800999999999998E-2</v>
      </c>
      <c r="C7618">
        <f t="shared" si="355"/>
        <v>2</v>
      </c>
      <c r="D7618">
        <f t="shared" si="356"/>
        <v>11</v>
      </c>
    </row>
    <row r="7619" spans="1:4" x14ac:dyDescent="0.25">
      <c r="A7619" s="7">
        <f t="shared" si="357"/>
        <v>44879.124999981541</v>
      </c>
      <c r="B7619" s="8">
        <v>-4.9800999999999998E-2</v>
      </c>
      <c r="C7619">
        <f t="shared" si="355"/>
        <v>3</v>
      </c>
      <c r="D7619">
        <f t="shared" si="356"/>
        <v>11</v>
      </c>
    </row>
    <row r="7620" spans="1:4" x14ac:dyDescent="0.25">
      <c r="A7620" s="7">
        <f t="shared" si="357"/>
        <v>44879.166666648205</v>
      </c>
      <c r="B7620" s="8">
        <v>-4.9800999999999998E-2</v>
      </c>
      <c r="C7620">
        <f t="shared" si="355"/>
        <v>4</v>
      </c>
      <c r="D7620">
        <f t="shared" si="356"/>
        <v>11</v>
      </c>
    </row>
    <row r="7621" spans="1:4" x14ac:dyDescent="0.25">
      <c r="A7621" s="7">
        <f t="shared" si="357"/>
        <v>44879.208333314869</v>
      </c>
      <c r="B7621" s="8">
        <v>-4.9800999999999998E-2</v>
      </c>
      <c r="C7621">
        <f t="shared" si="355"/>
        <v>5</v>
      </c>
      <c r="D7621">
        <f t="shared" si="356"/>
        <v>11</v>
      </c>
    </row>
    <row r="7622" spans="1:4" x14ac:dyDescent="0.25">
      <c r="A7622" s="7">
        <f t="shared" si="357"/>
        <v>44879.249999981534</v>
      </c>
      <c r="B7622" s="8">
        <v>-4.9800999999999998E-2</v>
      </c>
      <c r="C7622">
        <f t="shared" si="355"/>
        <v>6</v>
      </c>
      <c r="D7622">
        <f t="shared" si="356"/>
        <v>11</v>
      </c>
    </row>
    <row r="7623" spans="1:4" x14ac:dyDescent="0.25">
      <c r="A7623" s="7">
        <f t="shared" si="357"/>
        <v>44879.291666648198</v>
      </c>
      <c r="B7623" s="8">
        <v>-4.9800999999999998E-2</v>
      </c>
      <c r="C7623">
        <f t="shared" si="355"/>
        <v>7</v>
      </c>
      <c r="D7623">
        <f t="shared" si="356"/>
        <v>11</v>
      </c>
    </row>
    <row r="7624" spans="1:4" x14ac:dyDescent="0.25">
      <c r="A7624" s="7">
        <f t="shared" si="357"/>
        <v>44879.333333314862</v>
      </c>
      <c r="B7624" s="8">
        <v>1.1784719323641006</v>
      </c>
      <c r="C7624">
        <f t="shared" si="355"/>
        <v>8</v>
      </c>
      <c r="D7624">
        <f t="shared" si="356"/>
        <v>11</v>
      </c>
    </row>
    <row r="7625" spans="1:4" x14ac:dyDescent="0.25">
      <c r="A7625" s="7">
        <f t="shared" si="357"/>
        <v>44879.374999981526</v>
      </c>
      <c r="B7625" s="8">
        <v>7.3423648165721662</v>
      </c>
      <c r="C7625">
        <f t="shared" si="355"/>
        <v>9</v>
      </c>
      <c r="D7625">
        <f t="shared" si="356"/>
        <v>11</v>
      </c>
    </row>
    <row r="7626" spans="1:4" x14ac:dyDescent="0.25">
      <c r="A7626" s="7">
        <f t="shared" si="357"/>
        <v>44879.416666648191</v>
      </c>
      <c r="B7626" s="8">
        <v>14.92569891681044</v>
      </c>
      <c r="C7626">
        <f t="shared" ref="C7626:C7689" si="358">HOUR(A7626)</f>
        <v>10</v>
      </c>
      <c r="D7626">
        <f t="shared" ref="D7626:D7689" si="359">MONTH(A7626)</f>
        <v>11</v>
      </c>
    </row>
    <row r="7627" spans="1:4" x14ac:dyDescent="0.25">
      <c r="A7627" s="7">
        <f t="shared" ref="A7627:A7690" si="360">+A7626+1/24</f>
        <v>44879.458333314855</v>
      </c>
      <c r="B7627" s="8">
        <v>19.585614333517182</v>
      </c>
      <c r="C7627">
        <f t="shared" si="358"/>
        <v>11</v>
      </c>
      <c r="D7627">
        <f t="shared" si="359"/>
        <v>11</v>
      </c>
    </row>
    <row r="7628" spans="1:4" x14ac:dyDescent="0.25">
      <c r="A7628" s="7">
        <f t="shared" si="360"/>
        <v>44879.499999981519</v>
      </c>
      <c r="B7628" s="8">
        <v>20.451235660726553</v>
      </c>
      <c r="C7628">
        <f t="shared" si="358"/>
        <v>12</v>
      </c>
      <c r="D7628">
        <f t="shared" si="359"/>
        <v>11</v>
      </c>
    </row>
    <row r="7629" spans="1:4" x14ac:dyDescent="0.25">
      <c r="A7629" s="7">
        <f t="shared" si="360"/>
        <v>44879.541666648183</v>
      </c>
      <c r="B7629" s="8">
        <v>20.451265548581386</v>
      </c>
      <c r="C7629">
        <f t="shared" si="358"/>
        <v>13</v>
      </c>
      <c r="D7629">
        <f t="shared" si="359"/>
        <v>11</v>
      </c>
    </row>
    <row r="7630" spans="1:4" x14ac:dyDescent="0.25">
      <c r="A7630" s="7">
        <f t="shared" si="360"/>
        <v>44879.583333314848</v>
      </c>
      <c r="B7630" s="8">
        <v>20.451301620130323</v>
      </c>
      <c r="C7630">
        <f t="shared" si="358"/>
        <v>14</v>
      </c>
      <c r="D7630">
        <f t="shared" si="359"/>
        <v>11</v>
      </c>
    </row>
    <row r="7631" spans="1:4" x14ac:dyDescent="0.25">
      <c r="A7631" s="7">
        <f t="shared" si="360"/>
        <v>44879.624999981512</v>
      </c>
      <c r="B7631" s="8">
        <v>17.047964376006998</v>
      </c>
      <c r="C7631">
        <f t="shared" si="358"/>
        <v>15</v>
      </c>
      <c r="D7631">
        <f t="shared" si="359"/>
        <v>11</v>
      </c>
    </row>
    <row r="7632" spans="1:4" x14ac:dyDescent="0.25">
      <c r="A7632" s="7">
        <f t="shared" si="360"/>
        <v>44879.666666648176</v>
      </c>
      <c r="B7632" s="8">
        <v>11.995381291890947</v>
      </c>
      <c r="C7632">
        <f t="shared" si="358"/>
        <v>16</v>
      </c>
      <c r="D7632">
        <f t="shared" si="359"/>
        <v>11</v>
      </c>
    </row>
    <row r="7633" spans="1:4" x14ac:dyDescent="0.25">
      <c r="A7633" s="7">
        <f t="shared" si="360"/>
        <v>44879.70833331484</v>
      </c>
      <c r="B7633" s="8">
        <v>3.9032507795982716</v>
      </c>
      <c r="C7633">
        <f t="shared" si="358"/>
        <v>17</v>
      </c>
      <c r="D7633">
        <f t="shared" si="359"/>
        <v>11</v>
      </c>
    </row>
    <row r="7634" spans="1:4" x14ac:dyDescent="0.25">
      <c r="A7634" s="7">
        <f t="shared" si="360"/>
        <v>44879.749999981505</v>
      </c>
      <c r="B7634" s="8">
        <v>-4.9800999999999998E-2</v>
      </c>
      <c r="C7634">
        <f t="shared" si="358"/>
        <v>18</v>
      </c>
      <c r="D7634">
        <f t="shared" si="359"/>
        <v>11</v>
      </c>
    </row>
    <row r="7635" spans="1:4" x14ac:dyDescent="0.25">
      <c r="A7635" s="7">
        <f t="shared" si="360"/>
        <v>44879.791666648169</v>
      </c>
      <c r="B7635" s="8">
        <v>-4.9800999999999998E-2</v>
      </c>
      <c r="C7635">
        <f t="shared" si="358"/>
        <v>19</v>
      </c>
      <c r="D7635">
        <f t="shared" si="359"/>
        <v>11</v>
      </c>
    </row>
    <row r="7636" spans="1:4" x14ac:dyDescent="0.25">
      <c r="A7636" s="7">
        <f t="shared" si="360"/>
        <v>44879.833333314833</v>
      </c>
      <c r="B7636" s="8">
        <v>-4.9800999999999998E-2</v>
      </c>
      <c r="C7636">
        <f t="shared" si="358"/>
        <v>20</v>
      </c>
      <c r="D7636">
        <f t="shared" si="359"/>
        <v>11</v>
      </c>
    </row>
    <row r="7637" spans="1:4" x14ac:dyDescent="0.25">
      <c r="A7637" s="7">
        <f t="shared" si="360"/>
        <v>44879.874999981497</v>
      </c>
      <c r="B7637" s="8">
        <v>-4.9800999999999998E-2</v>
      </c>
      <c r="C7637">
        <f t="shared" si="358"/>
        <v>21</v>
      </c>
      <c r="D7637">
        <f t="shared" si="359"/>
        <v>11</v>
      </c>
    </row>
    <row r="7638" spans="1:4" x14ac:dyDescent="0.25">
      <c r="A7638" s="7">
        <f t="shared" si="360"/>
        <v>44879.916666648161</v>
      </c>
      <c r="B7638" s="8">
        <v>-4.9800999999999998E-2</v>
      </c>
      <c r="C7638">
        <f t="shared" si="358"/>
        <v>22</v>
      </c>
      <c r="D7638">
        <f t="shared" si="359"/>
        <v>11</v>
      </c>
    </row>
    <row r="7639" spans="1:4" x14ac:dyDescent="0.25">
      <c r="A7639" s="7">
        <f t="shared" si="360"/>
        <v>44879.958333314826</v>
      </c>
      <c r="B7639" s="8">
        <v>-4.9800999999999998E-2</v>
      </c>
      <c r="C7639">
        <f t="shared" si="358"/>
        <v>23</v>
      </c>
      <c r="D7639">
        <f t="shared" si="359"/>
        <v>11</v>
      </c>
    </row>
    <row r="7640" spans="1:4" x14ac:dyDescent="0.25">
      <c r="A7640" s="7">
        <f t="shared" si="360"/>
        <v>44879.99999998149</v>
      </c>
      <c r="B7640" s="8">
        <v>-4.9800999999999998E-2</v>
      </c>
      <c r="C7640">
        <f t="shared" si="358"/>
        <v>0</v>
      </c>
      <c r="D7640">
        <f t="shared" si="359"/>
        <v>11</v>
      </c>
    </row>
    <row r="7641" spans="1:4" x14ac:dyDescent="0.25">
      <c r="A7641" s="7">
        <f t="shared" si="360"/>
        <v>44880.041666648154</v>
      </c>
      <c r="B7641" s="8">
        <v>-4.9800999999999998E-2</v>
      </c>
      <c r="C7641">
        <f t="shared" si="358"/>
        <v>1</v>
      </c>
      <c r="D7641">
        <f t="shared" si="359"/>
        <v>11</v>
      </c>
    </row>
    <row r="7642" spans="1:4" x14ac:dyDescent="0.25">
      <c r="A7642" s="7">
        <f t="shared" si="360"/>
        <v>44880.083333314818</v>
      </c>
      <c r="B7642" s="8">
        <v>-4.9800999999999998E-2</v>
      </c>
      <c r="C7642">
        <f t="shared" si="358"/>
        <v>2</v>
      </c>
      <c r="D7642">
        <f t="shared" si="359"/>
        <v>11</v>
      </c>
    </row>
    <row r="7643" spans="1:4" x14ac:dyDescent="0.25">
      <c r="A7643" s="7">
        <f t="shared" si="360"/>
        <v>44880.124999981483</v>
      </c>
      <c r="B7643" s="8">
        <v>-4.9800999999999998E-2</v>
      </c>
      <c r="C7643">
        <f t="shared" si="358"/>
        <v>3</v>
      </c>
      <c r="D7643">
        <f t="shared" si="359"/>
        <v>11</v>
      </c>
    </row>
    <row r="7644" spans="1:4" x14ac:dyDescent="0.25">
      <c r="A7644" s="7">
        <f t="shared" si="360"/>
        <v>44880.166666648147</v>
      </c>
      <c r="B7644" s="8">
        <v>-4.9800999999999998E-2</v>
      </c>
      <c r="C7644">
        <f t="shared" si="358"/>
        <v>4</v>
      </c>
      <c r="D7644">
        <f t="shared" si="359"/>
        <v>11</v>
      </c>
    </row>
    <row r="7645" spans="1:4" x14ac:dyDescent="0.25">
      <c r="A7645" s="7">
        <f t="shared" si="360"/>
        <v>44880.208333314811</v>
      </c>
      <c r="B7645" s="8">
        <v>-4.9800999999999998E-2</v>
      </c>
      <c r="C7645">
        <f t="shared" si="358"/>
        <v>5</v>
      </c>
      <c r="D7645">
        <f t="shared" si="359"/>
        <v>11</v>
      </c>
    </row>
    <row r="7646" spans="1:4" x14ac:dyDescent="0.25">
      <c r="A7646" s="7">
        <f t="shared" si="360"/>
        <v>44880.249999981475</v>
      </c>
      <c r="B7646" s="8">
        <v>-4.9800999999999998E-2</v>
      </c>
      <c r="C7646">
        <f t="shared" si="358"/>
        <v>6</v>
      </c>
      <c r="D7646">
        <f t="shared" si="359"/>
        <v>11</v>
      </c>
    </row>
    <row r="7647" spans="1:4" x14ac:dyDescent="0.25">
      <c r="A7647" s="7">
        <f t="shared" si="360"/>
        <v>44880.29166664814</v>
      </c>
      <c r="B7647" s="8">
        <v>-4.9800999999999998E-2</v>
      </c>
      <c r="C7647">
        <f t="shared" si="358"/>
        <v>7</v>
      </c>
      <c r="D7647">
        <f t="shared" si="359"/>
        <v>11</v>
      </c>
    </row>
    <row r="7648" spans="1:4" x14ac:dyDescent="0.25">
      <c r="A7648" s="7">
        <f t="shared" si="360"/>
        <v>44880.333333314804</v>
      </c>
      <c r="B7648" s="8">
        <v>1.0708498895738412</v>
      </c>
      <c r="C7648">
        <f t="shared" si="358"/>
        <v>8</v>
      </c>
      <c r="D7648">
        <f t="shared" si="359"/>
        <v>11</v>
      </c>
    </row>
    <row r="7649" spans="1:4" x14ac:dyDescent="0.25">
      <c r="A7649" s="7">
        <f t="shared" si="360"/>
        <v>44880.374999981468</v>
      </c>
      <c r="B7649" s="8">
        <v>7.2119434936228819</v>
      </c>
      <c r="C7649">
        <f t="shared" si="358"/>
        <v>9</v>
      </c>
      <c r="D7649">
        <f t="shared" si="359"/>
        <v>11</v>
      </c>
    </row>
    <row r="7650" spans="1:4" x14ac:dyDescent="0.25">
      <c r="A7650" s="7">
        <f t="shared" si="360"/>
        <v>44880.416666648132</v>
      </c>
      <c r="B7650" s="8">
        <v>14.369371540030697</v>
      </c>
      <c r="C7650">
        <f t="shared" si="358"/>
        <v>10</v>
      </c>
      <c r="D7650">
        <f t="shared" si="359"/>
        <v>11</v>
      </c>
    </row>
    <row r="7651" spans="1:4" x14ac:dyDescent="0.25">
      <c r="A7651" s="7">
        <f t="shared" si="360"/>
        <v>44880.458333314797</v>
      </c>
      <c r="B7651" s="8">
        <v>18.829082645831935</v>
      </c>
      <c r="C7651">
        <f t="shared" si="358"/>
        <v>11</v>
      </c>
      <c r="D7651">
        <f t="shared" si="359"/>
        <v>11</v>
      </c>
    </row>
    <row r="7652" spans="1:4" x14ac:dyDescent="0.25">
      <c r="A7652" s="7">
        <f t="shared" si="360"/>
        <v>44880.499999981461</v>
      </c>
      <c r="B7652" s="8">
        <v>20.042337857527336</v>
      </c>
      <c r="C7652">
        <f t="shared" si="358"/>
        <v>12</v>
      </c>
      <c r="D7652">
        <f t="shared" si="359"/>
        <v>11</v>
      </c>
    </row>
    <row r="7653" spans="1:4" x14ac:dyDescent="0.25">
      <c r="A7653" s="7">
        <f t="shared" si="360"/>
        <v>44880.541666648125</v>
      </c>
      <c r="B7653" s="8">
        <v>20.451323263059685</v>
      </c>
      <c r="C7653">
        <f t="shared" si="358"/>
        <v>13</v>
      </c>
      <c r="D7653">
        <f t="shared" si="359"/>
        <v>11</v>
      </c>
    </row>
    <row r="7654" spans="1:4" x14ac:dyDescent="0.25">
      <c r="A7654" s="7">
        <f t="shared" si="360"/>
        <v>44880.583333314789</v>
      </c>
      <c r="B7654" s="8">
        <v>18.230389750134506</v>
      </c>
      <c r="C7654">
        <f t="shared" si="358"/>
        <v>14</v>
      </c>
      <c r="D7654">
        <f t="shared" si="359"/>
        <v>11</v>
      </c>
    </row>
    <row r="7655" spans="1:4" x14ac:dyDescent="0.25">
      <c r="A7655" s="7">
        <f t="shared" si="360"/>
        <v>44880.624999981454</v>
      </c>
      <c r="B7655" s="8">
        <v>14.981069775043139</v>
      </c>
      <c r="C7655">
        <f t="shared" si="358"/>
        <v>15</v>
      </c>
      <c r="D7655">
        <f t="shared" si="359"/>
        <v>11</v>
      </c>
    </row>
    <row r="7656" spans="1:4" x14ac:dyDescent="0.25">
      <c r="A7656" s="7">
        <f t="shared" si="360"/>
        <v>44880.666666648118</v>
      </c>
      <c r="B7656" s="8">
        <v>7.3529894336573927</v>
      </c>
      <c r="C7656">
        <f t="shared" si="358"/>
        <v>16</v>
      </c>
      <c r="D7656">
        <f t="shared" si="359"/>
        <v>11</v>
      </c>
    </row>
    <row r="7657" spans="1:4" x14ac:dyDescent="0.25">
      <c r="A7657" s="7">
        <f t="shared" si="360"/>
        <v>44880.708333314782</v>
      </c>
      <c r="B7657" s="8">
        <v>2.5862290583860434</v>
      </c>
      <c r="C7657">
        <f t="shared" si="358"/>
        <v>17</v>
      </c>
      <c r="D7657">
        <f t="shared" si="359"/>
        <v>11</v>
      </c>
    </row>
    <row r="7658" spans="1:4" x14ac:dyDescent="0.25">
      <c r="A7658" s="7">
        <f t="shared" si="360"/>
        <v>44880.749999981446</v>
      </c>
      <c r="B7658" s="8">
        <v>-4.9800999999999998E-2</v>
      </c>
      <c r="C7658">
        <f t="shared" si="358"/>
        <v>18</v>
      </c>
      <c r="D7658">
        <f t="shared" si="359"/>
        <v>11</v>
      </c>
    </row>
    <row r="7659" spans="1:4" x14ac:dyDescent="0.25">
      <c r="A7659" s="7">
        <f t="shared" si="360"/>
        <v>44880.791666648111</v>
      </c>
      <c r="B7659" s="8">
        <v>-4.9800999999999998E-2</v>
      </c>
      <c r="C7659">
        <f t="shared" si="358"/>
        <v>19</v>
      </c>
      <c r="D7659">
        <f t="shared" si="359"/>
        <v>11</v>
      </c>
    </row>
    <row r="7660" spans="1:4" x14ac:dyDescent="0.25">
      <c r="A7660" s="7">
        <f t="shared" si="360"/>
        <v>44880.833333314775</v>
      </c>
      <c r="B7660" s="8">
        <v>-4.9800999999999998E-2</v>
      </c>
      <c r="C7660">
        <f t="shared" si="358"/>
        <v>20</v>
      </c>
      <c r="D7660">
        <f t="shared" si="359"/>
        <v>11</v>
      </c>
    </row>
    <row r="7661" spans="1:4" x14ac:dyDescent="0.25">
      <c r="A7661" s="7">
        <f t="shared" si="360"/>
        <v>44880.874999981439</v>
      </c>
      <c r="B7661" s="8">
        <v>-4.9800999999999998E-2</v>
      </c>
      <c r="C7661">
        <f t="shared" si="358"/>
        <v>21</v>
      </c>
      <c r="D7661">
        <f t="shared" si="359"/>
        <v>11</v>
      </c>
    </row>
    <row r="7662" spans="1:4" x14ac:dyDescent="0.25">
      <c r="A7662" s="7">
        <f t="shared" si="360"/>
        <v>44880.916666648103</v>
      </c>
      <c r="B7662" s="8">
        <v>-4.9800999999999998E-2</v>
      </c>
      <c r="C7662">
        <f t="shared" si="358"/>
        <v>22</v>
      </c>
      <c r="D7662">
        <f t="shared" si="359"/>
        <v>11</v>
      </c>
    </row>
    <row r="7663" spans="1:4" x14ac:dyDescent="0.25">
      <c r="A7663" s="7">
        <f t="shared" si="360"/>
        <v>44880.958333314768</v>
      </c>
      <c r="B7663" s="8">
        <v>-4.9800999999999998E-2</v>
      </c>
      <c r="C7663">
        <f t="shared" si="358"/>
        <v>23</v>
      </c>
      <c r="D7663">
        <f t="shared" si="359"/>
        <v>11</v>
      </c>
    </row>
    <row r="7664" spans="1:4" x14ac:dyDescent="0.25">
      <c r="A7664" s="7">
        <f t="shared" si="360"/>
        <v>44880.999999981432</v>
      </c>
      <c r="B7664" s="8">
        <v>-4.9800999999999998E-2</v>
      </c>
      <c r="C7664">
        <f t="shared" si="358"/>
        <v>0</v>
      </c>
      <c r="D7664">
        <f t="shared" si="359"/>
        <v>11</v>
      </c>
    </row>
    <row r="7665" spans="1:4" x14ac:dyDescent="0.25">
      <c r="A7665" s="7">
        <f t="shared" si="360"/>
        <v>44881.041666648096</v>
      </c>
      <c r="B7665" s="8">
        <v>-4.9800999999999998E-2</v>
      </c>
      <c r="C7665">
        <f t="shared" si="358"/>
        <v>1</v>
      </c>
      <c r="D7665">
        <f t="shared" si="359"/>
        <v>11</v>
      </c>
    </row>
    <row r="7666" spans="1:4" x14ac:dyDescent="0.25">
      <c r="A7666" s="7">
        <f t="shared" si="360"/>
        <v>44881.08333331476</v>
      </c>
      <c r="B7666" s="8">
        <v>-4.9800999999999998E-2</v>
      </c>
      <c r="C7666">
        <f t="shared" si="358"/>
        <v>2</v>
      </c>
      <c r="D7666">
        <f t="shared" si="359"/>
        <v>11</v>
      </c>
    </row>
    <row r="7667" spans="1:4" x14ac:dyDescent="0.25">
      <c r="A7667" s="7">
        <f t="shared" si="360"/>
        <v>44881.124999981424</v>
      </c>
      <c r="B7667" s="8">
        <v>-4.9800999999999998E-2</v>
      </c>
      <c r="C7667">
        <f t="shared" si="358"/>
        <v>3</v>
      </c>
      <c r="D7667">
        <f t="shared" si="359"/>
        <v>11</v>
      </c>
    </row>
    <row r="7668" spans="1:4" x14ac:dyDescent="0.25">
      <c r="A7668" s="7">
        <f t="shared" si="360"/>
        <v>44881.166666648089</v>
      </c>
      <c r="B7668" s="8">
        <v>-4.9800999999999998E-2</v>
      </c>
      <c r="C7668">
        <f t="shared" si="358"/>
        <v>4</v>
      </c>
      <c r="D7668">
        <f t="shared" si="359"/>
        <v>11</v>
      </c>
    </row>
    <row r="7669" spans="1:4" x14ac:dyDescent="0.25">
      <c r="A7669" s="7">
        <f t="shared" si="360"/>
        <v>44881.208333314753</v>
      </c>
      <c r="B7669" s="8">
        <v>-4.9800999999999998E-2</v>
      </c>
      <c r="C7669">
        <f t="shared" si="358"/>
        <v>5</v>
      </c>
      <c r="D7669">
        <f t="shared" si="359"/>
        <v>11</v>
      </c>
    </row>
    <row r="7670" spans="1:4" x14ac:dyDescent="0.25">
      <c r="A7670" s="7">
        <f t="shared" si="360"/>
        <v>44881.249999981417</v>
      </c>
      <c r="B7670" s="8">
        <v>-4.9800999999999998E-2</v>
      </c>
      <c r="C7670">
        <f t="shared" si="358"/>
        <v>6</v>
      </c>
      <c r="D7670">
        <f t="shared" si="359"/>
        <v>11</v>
      </c>
    </row>
    <row r="7671" spans="1:4" x14ac:dyDescent="0.25">
      <c r="A7671" s="7">
        <f t="shared" si="360"/>
        <v>44881.291666648081</v>
      </c>
      <c r="B7671" s="8">
        <v>-4.9800999999999998E-2</v>
      </c>
      <c r="C7671">
        <f t="shared" si="358"/>
        <v>7</v>
      </c>
      <c r="D7671">
        <f t="shared" si="359"/>
        <v>11</v>
      </c>
    </row>
    <row r="7672" spans="1:4" x14ac:dyDescent="0.25">
      <c r="A7672" s="7">
        <f t="shared" si="360"/>
        <v>44881.333333314746</v>
      </c>
      <c r="B7672" s="8">
        <v>0.9075086404497289</v>
      </c>
      <c r="C7672">
        <f t="shared" si="358"/>
        <v>8</v>
      </c>
      <c r="D7672">
        <f t="shared" si="359"/>
        <v>11</v>
      </c>
    </row>
    <row r="7673" spans="1:4" x14ac:dyDescent="0.25">
      <c r="A7673" s="7">
        <f t="shared" si="360"/>
        <v>44881.37499998141</v>
      </c>
      <c r="B7673" s="8">
        <v>5.666652765817128</v>
      </c>
      <c r="C7673">
        <f t="shared" si="358"/>
        <v>9</v>
      </c>
      <c r="D7673">
        <f t="shared" si="359"/>
        <v>11</v>
      </c>
    </row>
    <row r="7674" spans="1:4" x14ac:dyDescent="0.25">
      <c r="A7674" s="7">
        <f t="shared" si="360"/>
        <v>44881.416666648074</v>
      </c>
      <c r="B7674" s="8">
        <v>11.566968780717264</v>
      </c>
      <c r="C7674">
        <f t="shared" si="358"/>
        <v>10</v>
      </c>
      <c r="D7674">
        <f t="shared" si="359"/>
        <v>11</v>
      </c>
    </row>
    <row r="7675" spans="1:4" x14ac:dyDescent="0.25">
      <c r="A7675" s="7">
        <f t="shared" si="360"/>
        <v>44881.458333314738</v>
      </c>
      <c r="B7675" s="8">
        <v>16.745945541689959</v>
      </c>
      <c r="C7675">
        <f t="shared" si="358"/>
        <v>11</v>
      </c>
      <c r="D7675">
        <f t="shared" si="359"/>
        <v>11</v>
      </c>
    </row>
    <row r="7676" spans="1:4" x14ac:dyDescent="0.25">
      <c r="A7676" s="7">
        <f t="shared" si="360"/>
        <v>44881.499999981403</v>
      </c>
      <c r="B7676" s="8">
        <v>16.744058484372758</v>
      </c>
      <c r="C7676">
        <f t="shared" si="358"/>
        <v>12</v>
      </c>
      <c r="D7676">
        <f t="shared" si="359"/>
        <v>11</v>
      </c>
    </row>
    <row r="7677" spans="1:4" x14ac:dyDescent="0.25">
      <c r="A7677" s="7">
        <f t="shared" si="360"/>
        <v>44881.541666648067</v>
      </c>
      <c r="B7677" s="8">
        <v>15.290785247287474</v>
      </c>
      <c r="C7677">
        <f t="shared" si="358"/>
        <v>13</v>
      </c>
      <c r="D7677">
        <f t="shared" si="359"/>
        <v>11</v>
      </c>
    </row>
    <row r="7678" spans="1:4" x14ac:dyDescent="0.25">
      <c r="A7678" s="7">
        <f t="shared" si="360"/>
        <v>44881.583333314731</v>
      </c>
      <c r="B7678" s="8">
        <v>14.066064436108791</v>
      </c>
      <c r="C7678">
        <f t="shared" si="358"/>
        <v>14</v>
      </c>
      <c r="D7678">
        <f t="shared" si="359"/>
        <v>11</v>
      </c>
    </row>
    <row r="7679" spans="1:4" x14ac:dyDescent="0.25">
      <c r="A7679" s="7">
        <f t="shared" si="360"/>
        <v>44881.624999981395</v>
      </c>
      <c r="B7679" s="8">
        <v>10.482023160434855</v>
      </c>
      <c r="C7679">
        <f t="shared" si="358"/>
        <v>15</v>
      </c>
      <c r="D7679">
        <f t="shared" si="359"/>
        <v>11</v>
      </c>
    </row>
    <row r="7680" spans="1:4" x14ac:dyDescent="0.25">
      <c r="A7680" s="7">
        <f t="shared" si="360"/>
        <v>44881.66666664806</v>
      </c>
      <c r="B7680" s="8">
        <v>2.2250178428804372</v>
      </c>
      <c r="C7680">
        <f t="shared" si="358"/>
        <v>16</v>
      </c>
      <c r="D7680">
        <f t="shared" si="359"/>
        <v>11</v>
      </c>
    </row>
    <row r="7681" spans="1:4" x14ac:dyDescent="0.25">
      <c r="A7681" s="7">
        <f t="shared" si="360"/>
        <v>44881.708333314724</v>
      </c>
      <c r="B7681" s="8">
        <v>1.5329264314461208</v>
      </c>
      <c r="C7681">
        <f t="shared" si="358"/>
        <v>17</v>
      </c>
      <c r="D7681">
        <f t="shared" si="359"/>
        <v>11</v>
      </c>
    </row>
    <row r="7682" spans="1:4" x14ac:dyDescent="0.25">
      <c r="A7682" s="7">
        <f t="shared" si="360"/>
        <v>44881.749999981388</v>
      </c>
      <c r="B7682" s="8">
        <v>-4.9800999999999998E-2</v>
      </c>
      <c r="C7682">
        <f t="shared" si="358"/>
        <v>18</v>
      </c>
      <c r="D7682">
        <f t="shared" si="359"/>
        <v>11</v>
      </c>
    </row>
    <row r="7683" spans="1:4" x14ac:dyDescent="0.25">
      <c r="A7683" s="7">
        <f t="shared" si="360"/>
        <v>44881.791666648052</v>
      </c>
      <c r="B7683" s="8">
        <v>-4.9800999999999998E-2</v>
      </c>
      <c r="C7683">
        <f t="shared" si="358"/>
        <v>19</v>
      </c>
      <c r="D7683">
        <f t="shared" si="359"/>
        <v>11</v>
      </c>
    </row>
    <row r="7684" spans="1:4" x14ac:dyDescent="0.25">
      <c r="A7684" s="7">
        <f t="shared" si="360"/>
        <v>44881.833333314717</v>
      </c>
      <c r="B7684" s="8">
        <v>-4.9800999999999998E-2</v>
      </c>
      <c r="C7684">
        <f t="shared" si="358"/>
        <v>20</v>
      </c>
      <c r="D7684">
        <f t="shared" si="359"/>
        <v>11</v>
      </c>
    </row>
    <row r="7685" spans="1:4" x14ac:dyDescent="0.25">
      <c r="A7685" s="7">
        <f t="shared" si="360"/>
        <v>44881.874999981381</v>
      </c>
      <c r="B7685" s="8">
        <v>-4.9800999999999998E-2</v>
      </c>
      <c r="C7685">
        <f t="shared" si="358"/>
        <v>21</v>
      </c>
      <c r="D7685">
        <f t="shared" si="359"/>
        <v>11</v>
      </c>
    </row>
    <row r="7686" spans="1:4" x14ac:dyDescent="0.25">
      <c r="A7686" s="7">
        <f t="shared" si="360"/>
        <v>44881.916666648045</v>
      </c>
      <c r="B7686" s="8">
        <v>-4.9800999999999998E-2</v>
      </c>
      <c r="C7686">
        <f t="shared" si="358"/>
        <v>22</v>
      </c>
      <c r="D7686">
        <f t="shared" si="359"/>
        <v>11</v>
      </c>
    </row>
    <row r="7687" spans="1:4" x14ac:dyDescent="0.25">
      <c r="A7687" s="7">
        <f t="shared" si="360"/>
        <v>44881.958333314709</v>
      </c>
      <c r="B7687" s="8">
        <v>-4.9800999999999998E-2</v>
      </c>
      <c r="C7687">
        <f t="shared" si="358"/>
        <v>23</v>
      </c>
      <c r="D7687">
        <f t="shared" si="359"/>
        <v>11</v>
      </c>
    </row>
    <row r="7688" spans="1:4" x14ac:dyDescent="0.25">
      <c r="A7688" s="7">
        <f t="shared" si="360"/>
        <v>44881.999999981374</v>
      </c>
      <c r="B7688" s="8">
        <v>-4.9800999999999998E-2</v>
      </c>
      <c r="C7688">
        <f t="shared" si="358"/>
        <v>0</v>
      </c>
      <c r="D7688">
        <f t="shared" si="359"/>
        <v>11</v>
      </c>
    </row>
    <row r="7689" spans="1:4" x14ac:dyDescent="0.25">
      <c r="A7689" s="7">
        <f t="shared" si="360"/>
        <v>44882.041666648038</v>
      </c>
      <c r="B7689" s="8">
        <v>-4.9800999999999998E-2</v>
      </c>
      <c r="C7689">
        <f t="shared" si="358"/>
        <v>1</v>
      </c>
      <c r="D7689">
        <f t="shared" si="359"/>
        <v>11</v>
      </c>
    </row>
    <row r="7690" spans="1:4" x14ac:dyDescent="0.25">
      <c r="A7690" s="7">
        <f t="shared" si="360"/>
        <v>44882.083333314702</v>
      </c>
      <c r="B7690" s="8">
        <v>-4.9800999999999998E-2</v>
      </c>
      <c r="C7690">
        <f t="shared" ref="C7690:C7753" si="361">HOUR(A7690)</f>
        <v>2</v>
      </c>
      <c r="D7690">
        <f t="shared" ref="D7690:D7753" si="362">MONTH(A7690)</f>
        <v>11</v>
      </c>
    </row>
    <row r="7691" spans="1:4" x14ac:dyDescent="0.25">
      <c r="A7691" s="7">
        <f t="shared" ref="A7691:A7754" si="363">+A7690+1/24</f>
        <v>44882.124999981366</v>
      </c>
      <c r="B7691" s="8">
        <v>-4.9800999999999998E-2</v>
      </c>
      <c r="C7691">
        <f t="shared" si="361"/>
        <v>3</v>
      </c>
      <c r="D7691">
        <f t="shared" si="362"/>
        <v>11</v>
      </c>
    </row>
    <row r="7692" spans="1:4" x14ac:dyDescent="0.25">
      <c r="A7692" s="7">
        <f t="shared" si="363"/>
        <v>44882.166666648031</v>
      </c>
      <c r="B7692" s="8">
        <v>-4.9800999999999998E-2</v>
      </c>
      <c r="C7692">
        <f t="shared" si="361"/>
        <v>4</v>
      </c>
      <c r="D7692">
        <f t="shared" si="362"/>
        <v>11</v>
      </c>
    </row>
    <row r="7693" spans="1:4" x14ac:dyDescent="0.25">
      <c r="A7693" s="7">
        <f t="shared" si="363"/>
        <v>44882.208333314695</v>
      </c>
      <c r="B7693" s="8">
        <v>-4.9800999999999998E-2</v>
      </c>
      <c r="C7693">
        <f t="shared" si="361"/>
        <v>5</v>
      </c>
      <c r="D7693">
        <f t="shared" si="362"/>
        <v>11</v>
      </c>
    </row>
    <row r="7694" spans="1:4" x14ac:dyDescent="0.25">
      <c r="A7694" s="7">
        <f t="shared" si="363"/>
        <v>44882.249999981359</v>
      </c>
      <c r="B7694" s="8">
        <v>-4.9800999999999998E-2</v>
      </c>
      <c r="C7694">
        <f t="shared" si="361"/>
        <v>6</v>
      </c>
      <c r="D7694">
        <f t="shared" si="362"/>
        <v>11</v>
      </c>
    </row>
    <row r="7695" spans="1:4" x14ac:dyDescent="0.25">
      <c r="A7695" s="7">
        <f t="shared" si="363"/>
        <v>44882.291666648023</v>
      </c>
      <c r="B7695" s="8">
        <v>-4.9800999999999998E-2</v>
      </c>
      <c r="C7695">
        <f t="shared" si="361"/>
        <v>7</v>
      </c>
      <c r="D7695">
        <f t="shared" si="362"/>
        <v>11</v>
      </c>
    </row>
    <row r="7696" spans="1:4" x14ac:dyDescent="0.25">
      <c r="A7696" s="7">
        <f t="shared" si="363"/>
        <v>44882.333333314687</v>
      </c>
      <c r="B7696" s="8">
        <v>0.20776799940957758</v>
      </c>
      <c r="C7696">
        <f t="shared" si="361"/>
        <v>8</v>
      </c>
      <c r="D7696">
        <f t="shared" si="362"/>
        <v>11</v>
      </c>
    </row>
    <row r="7697" spans="1:4" x14ac:dyDescent="0.25">
      <c r="A7697" s="7">
        <f t="shared" si="363"/>
        <v>44882.374999981352</v>
      </c>
      <c r="B7697" s="8">
        <v>1.02045587447865</v>
      </c>
      <c r="C7697">
        <f t="shared" si="361"/>
        <v>9</v>
      </c>
      <c r="D7697">
        <f t="shared" si="362"/>
        <v>11</v>
      </c>
    </row>
    <row r="7698" spans="1:4" x14ac:dyDescent="0.25">
      <c r="A7698" s="7">
        <f t="shared" si="363"/>
        <v>44882.416666648016</v>
      </c>
      <c r="B7698" s="8">
        <v>2.0812222202013073</v>
      </c>
      <c r="C7698">
        <f t="shared" si="361"/>
        <v>10</v>
      </c>
      <c r="D7698">
        <f t="shared" si="362"/>
        <v>11</v>
      </c>
    </row>
    <row r="7699" spans="1:4" x14ac:dyDescent="0.25">
      <c r="A7699" s="7">
        <f t="shared" si="363"/>
        <v>44882.45833331468</v>
      </c>
      <c r="B7699" s="8">
        <v>2.5338160671661112</v>
      </c>
      <c r="C7699">
        <f t="shared" si="361"/>
        <v>11</v>
      </c>
      <c r="D7699">
        <f t="shared" si="362"/>
        <v>11</v>
      </c>
    </row>
    <row r="7700" spans="1:4" x14ac:dyDescent="0.25">
      <c r="A7700" s="7">
        <f t="shared" si="363"/>
        <v>44882.499999981344</v>
      </c>
      <c r="B7700" s="8">
        <v>2.9735983305644722</v>
      </c>
      <c r="C7700">
        <f t="shared" si="361"/>
        <v>12</v>
      </c>
      <c r="D7700">
        <f t="shared" si="362"/>
        <v>11</v>
      </c>
    </row>
    <row r="7701" spans="1:4" x14ac:dyDescent="0.25">
      <c r="A7701" s="7">
        <f t="shared" si="363"/>
        <v>44882.541666648009</v>
      </c>
      <c r="B7701" s="8">
        <v>2.5757209008730961</v>
      </c>
      <c r="C7701">
        <f t="shared" si="361"/>
        <v>13</v>
      </c>
      <c r="D7701">
        <f t="shared" si="362"/>
        <v>11</v>
      </c>
    </row>
    <row r="7702" spans="1:4" x14ac:dyDescent="0.25">
      <c r="A7702" s="7">
        <f t="shared" si="363"/>
        <v>44882.583333314673</v>
      </c>
      <c r="B7702" s="8">
        <v>2.8322215628954335</v>
      </c>
      <c r="C7702">
        <f t="shared" si="361"/>
        <v>14</v>
      </c>
      <c r="D7702">
        <f t="shared" si="362"/>
        <v>11</v>
      </c>
    </row>
    <row r="7703" spans="1:4" x14ac:dyDescent="0.25">
      <c r="A7703" s="7">
        <f t="shared" si="363"/>
        <v>44882.624999981337</v>
      </c>
      <c r="B7703" s="8">
        <v>2.8727958717545166</v>
      </c>
      <c r="C7703">
        <f t="shared" si="361"/>
        <v>15</v>
      </c>
      <c r="D7703">
        <f t="shared" si="362"/>
        <v>11</v>
      </c>
    </row>
    <row r="7704" spans="1:4" x14ac:dyDescent="0.25">
      <c r="A7704" s="7">
        <f t="shared" si="363"/>
        <v>44882.666666648001</v>
      </c>
      <c r="B7704" s="8">
        <v>2.2939783995209146</v>
      </c>
      <c r="C7704">
        <f t="shared" si="361"/>
        <v>16</v>
      </c>
      <c r="D7704">
        <f t="shared" si="362"/>
        <v>11</v>
      </c>
    </row>
    <row r="7705" spans="1:4" x14ac:dyDescent="0.25">
      <c r="A7705" s="7">
        <f t="shared" si="363"/>
        <v>44882.708333314666</v>
      </c>
      <c r="B7705" s="8">
        <v>0.53994574048430599</v>
      </c>
      <c r="C7705">
        <f t="shared" si="361"/>
        <v>17</v>
      </c>
      <c r="D7705">
        <f t="shared" si="362"/>
        <v>11</v>
      </c>
    </row>
    <row r="7706" spans="1:4" x14ac:dyDescent="0.25">
      <c r="A7706" s="7">
        <f t="shared" si="363"/>
        <v>44882.74999998133</v>
      </c>
      <c r="B7706" s="8">
        <v>-4.9800999999999998E-2</v>
      </c>
      <c r="C7706">
        <f t="shared" si="361"/>
        <v>18</v>
      </c>
      <c r="D7706">
        <f t="shared" si="362"/>
        <v>11</v>
      </c>
    </row>
    <row r="7707" spans="1:4" x14ac:dyDescent="0.25">
      <c r="A7707" s="7">
        <f t="shared" si="363"/>
        <v>44882.791666647994</v>
      </c>
      <c r="B7707" s="8">
        <v>-4.9800999999999998E-2</v>
      </c>
      <c r="C7707">
        <f t="shared" si="361"/>
        <v>19</v>
      </c>
      <c r="D7707">
        <f t="shared" si="362"/>
        <v>11</v>
      </c>
    </row>
    <row r="7708" spans="1:4" x14ac:dyDescent="0.25">
      <c r="A7708" s="7">
        <f t="shared" si="363"/>
        <v>44882.833333314658</v>
      </c>
      <c r="B7708" s="8">
        <v>-4.9800999999999998E-2</v>
      </c>
      <c r="C7708">
        <f t="shared" si="361"/>
        <v>20</v>
      </c>
      <c r="D7708">
        <f t="shared" si="362"/>
        <v>11</v>
      </c>
    </row>
    <row r="7709" spans="1:4" x14ac:dyDescent="0.25">
      <c r="A7709" s="7">
        <f t="shared" si="363"/>
        <v>44882.874999981323</v>
      </c>
      <c r="B7709" s="8">
        <v>-4.9800999999999998E-2</v>
      </c>
      <c r="C7709">
        <f t="shared" si="361"/>
        <v>21</v>
      </c>
      <c r="D7709">
        <f t="shared" si="362"/>
        <v>11</v>
      </c>
    </row>
    <row r="7710" spans="1:4" x14ac:dyDescent="0.25">
      <c r="A7710" s="7">
        <f t="shared" si="363"/>
        <v>44882.916666647987</v>
      </c>
      <c r="B7710" s="8">
        <v>-4.9800999999999998E-2</v>
      </c>
      <c r="C7710">
        <f t="shared" si="361"/>
        <v>22</v>
      </c>
      <c r="D7710">
        <f t="shared" si="362"/>
        <v>11</v>
      </c>
    </row>
    <row r="7711" spans="1:4" x14ac:dyDescent="0.25">
      <c r="A7711" s="7">
        <f t="shared" si="363"/>
        <v>44882.958333314651</v>
      </c>
      <c r="B7711" s="8">
        <v>-4.9800999999999998E-2</v>
      </c>
      <c r="C7711">
        <f t="shared" si="361"/>
        <v>23</v>
      </c>
      <c r="D7711">
        <f t="shared" si="362"/>
        <v>11</v>
      </c>
    </row>
    <row r="7712" spans="1:4" x14ac:dyDescent="0.25">
      <c r="A7712" s="7">
        <f t="shared" si="363"/>
        <v>44882.999999981315</v>
      </c>
      <c r="B7712" s="8">
        <v>-4.9800999999999998E-2</v>
      </c>
      <c r="C7712">
        <f t="shared" si="361"/>
        <v>0</v>
      </c>
      <c r="D7712">
        <f t="shared" si="362"/>
        <v>11</v>
      </c>
    </row>
    <row r="7713" spans="1:4" x14ac:dyDescent="0.25">
      <c r="A7713" s="7">
        <f t="shared" si="363"/>
        <v>44883.04166664798</v>
      </c>
      <c r="B7713" s="8">
        <v>-4.9800999999999998E-2</v>
      </c>
      <c r="C7713">
        <f t="shared" si="361"/>
        <v>1</v>
      </c>
      <c r="D7713">
        <f t="shared" si="362"/>
        <v>11</v>
      </c>
    </row>
    <row r="7714" spans="1:4" x14ac:dyDescent="0.25">
      <c r="A7714" s="7">
        <f t="shared" si="363"/>
        <v>44883.083333314644</v>
      </c>
      <c r="B7714" s="8">
        <v>-4.9800999999999998E-2</v>
      </c>
      <c r="C7714">
        <f t="shared" si="361"/>
        <v>2</v>
      </c>
      <c r="D7714">
        <f t="shared" si="362"/>
        <v>11</v>
      </c>
    </row>
    <row r="7715" spans="1:4" x14ac:dyDescent="0.25">
      <c r="A7715" s="7">
        <f t="shared" si="363"/>
        <v>44883.124999981308</v>
      </c>
      <c r="B7715" s="8">
        <v>-4.9800999999999998E-2</v>
      </c>
      <c r="C7715">
        <f t="shared" si="361"/>
        <v>3</v>
      </c>
      <c r="D7715">
        <f t="shared" si="362"/>
        <v>11</v>
      </c>
    </row>
    <row r="7716" spans="1:4" x14ac:dyDescent="0.25">
      <c r="A7716" s="7">
        <f t="shared" si="363"/>
        <v>44883.166666647972</v>
      </c>
      <c r="B7716" s="8">
        <v>-4.9800999999999998E-2</v>
      </c>
      <c r="C7716">
        <f t="shared" si="361"/>
        <v>4</v>
      </c>
      <c r="D7716">
        <f t="shared" si="362"/>
        <v>11</v>
      </c>
    </row>
    <row r="7717" spans="1:4" x14ac:dyDescent="0.25">
      <c r="A7717" s="7">
        <f t="shared" si="363"/>
        <v>44883.208333314637</v>
      </c>
      <c r="B7717" s="8">
        <v>-4.9800999999999998E-2</v>
      </c>
      <c r="C7717">
        <f t="shared" si="361"/>
        <v>5</v>
      </c>
      <c r="D7717">
        <f t="shared" si="362"/>
        <v>11</v>
      </c>
    </row>
    <row r="7718" spans="1:4" x14ac:dyDescent="0.25">
      <c r="A7718" s="7">
        <f t="shared" si="363"/>
        <v>44883.249999981301</v>
      </c>
      <c r="B7718" s="8">
        <v>-4.9800999999999998E-2</v>
      </c>
      <c r="C7718">
        <f t="shared" si="361"/>
        <v>6</v>
      </c>
      <c r="D7718">
        <f t="shared" si="362"/>
        <v>11</v>
      </c>
    </row>
    <row r="7719" spans="1:4" x14ac:dyDescent="0.25">
      <c r="A7719" s="7">
        <f t="shared" si="363"/>
        <v>44883.291666647965</v>
      </c>
      <c r="B7719" s="8">
        <v>-4.9800999999999998E-2</v>
      </c>
      <c r="C7719">
        <f t="shared" si="361"/>
        <v>7</v>
      </c>
      <c r="D7719">
        <f t="shared" si="362"/>
        <v>11</v>
      </c>
    </row>
    <row r="7720" spans="1:4" x14ac:dyDescent="0.25">
      <c r="A7720" s="7">
        <f t="shared" si="363"/>
        <v>44883.333333314629</v>
      </c>
      <c r="B7720" s="8">
        <v>0.3601136098022627</v>
      </c>
      <c r="C7720">
        <f t="shared" si="361"/>
        <v>8</v>
      </c>
      <c r="D7720">
        <f t="shared" si="362"/>
        <v>11</v>
      </c>
    </row>
    <row r="7721" spans="1:4" x14ac:dyDescent="0.25">
      <c r="A7721" s="7">
        <f t="shared" si="363"/>
        <v>44883.374999981294</v>
      </c>
      <c r="B7721" s="8">
        <v>1.1613791712467776</v>
      </c>
      <c r="C7721">
        <f t="shared" si="361"/>
        <v>9</v>
      </c>
      <c r="D7721">
        <f t="shared" si="362"/>
        <v>11</v>
      </c>
    </row>
    <row r="7722" spans="1:4" x14ac:dyDescent="0.25">
      <c r="A7722" s="7">
        <f t="shared" si="363"/>
        <v>44883.416666647958</v>
      </c>
      <c r="B7722" s="8">
        <v>2.8502449699753094</v>
      </c>
      <c r="C7722">
        <f t="shared" si="361"/>
        <v>10</v>
      </c>
      <c r="D7722">
        <f t="shared" si="362"/>
        <v>11</v>
      </c>
    </row>
    <row r="7723" spans="1:4" x14ac:dyDescent="0.25">
      <c r="A7723" s="7">
        <f t="shared" si="363"/>
        <v>44883.458333314622</v>
      </c>
      <c r="B7723" s="8">
        <v>2.580342181599661</v>
      </c>
      <c r="C7723">
        <f t="shared" si="361"/>
        <v>11</v>
      </c>
      <c r="D7723">
        <f t="shared" si="362"/>
        <v>11</v>
      </c>
    </row>
    <row r="7724" spans="1:4" x14ac:dyDescent="0.25">
      <c r="A7724" s="7">
        <f t="shared" si="363"/>
        <v>44883.499999981286</v>
      </c>
      <c r="B7724" s="8">
        <v>2.1373691320439745</v>
      </c>
      <c r="C7724">
        <f t="shared" si="361"/>
        <v>12</v>
      </c>
      <c r="D7724">
        <f t="shared" si="362"/>
        <v>11</v>
      </c>
    </row>
    <row r="7725" spans="1:4" x14ac:dyDescent="0.25">
      <c r="A7725" s="7">
        <f t="shared" si="363"/>
        <v>44883.54166664795</v>
      </c>
      <c r="B7725" s="8">
        <v>2.4383192178968227</v>
      </c>
      <c r="C7725">
        <f t="shared" si="361"/>
        <v>13</v>
      </c>
      <c r="D7725">
        <f t="shared" si="362"/>
        <v>11</v>
      </c>
    </row>
    <row r="7726" spans="1:4" x14ac:dyDescent="0.25">
      <c r="A7726" s="7">
        <f t="shared" si="363"/>
        <v>44883.583333314615</v>
      </c>
      <c r="B7726" s="8">
        <v>1.9804269757011381</v>
      </c>
      <c r="C7726">
        <f t="shared" si="361"/>
        <v>14</v>
      </c>
      <c r="D7726">
        <f t="shared" si="362"/>
        <v>11</v>
      </c>
    </row>
    <row r="7727" spans="1:4" x14ac:dyDescent="0.25">
      <c r="A7727" s="7">
        <f t="shared" si="363"/>
        <v>44883.624999981279</v>
      </c>
      <c r="B7727" s="8">
        <v>1.5728885545889728</v>
      </c>
      <c r="C7727">
        <f t="shared" si="361"/>
        <v>15</v>
      </c>
      <c r="D7727">
        <f t="shared" si="362"/>
        <v>11</v>
      </c>
    </row>
    <row r="7728" spans="1:4" x14ac:dyDescent="0.25">
      <c r="A7728" s="7">
        <f t="shared" si="363"/>
        <v>44883.666666647943</v>
      </c>
      <c r="B7728" s="8">
        <v>1.1501176336689067</v>
      </c>
      <c r="C7728">
        <f t="shared" si="361"/>
        <v>16</v>
      </c>
      <c r="D7728">
        <f t="shared" si="362"/>
        <v>11</v>
      </c>
    </row>
    <row r="7729" spans="1:4" x14ac:dyDescent="0.25">
      <c r="A7729" s="7">
        <f t="shared" si="363"/>
        <v>44883.708333314607</v>
      </c>
      <c r="B7729" s="8">
        <v>0.3712762082744801</v>
      </c>
      <c r="C7729">
        <f t="shared" si="361"/>
        <v>17</v>
      </c>
      <c r="D7729">
        <f t="shared" si="362"/>
        <v>11</v>
      </c>
    </row>
    <row r="7730" spans="1:4" x14ac:dyDescent="0.25">
      <c r="A7730" s="7">
        <f t="shared" si="363"/>
        <v>44883.749999981272</v>
      </c>
      <c r="B7730" s="8">
        <v>-4.9800999999999998E-2</v>
      </c>
      <c r="C7730">
        <f t="shared" si="361"/>
        <v>18</v>
      </c>
      <c r="D7730">
        <f t="shared" si="362"/>
        <v>11</v>
      </c>
    </row>
    <row r="7731" spans="1:4" x14ac:dyDescent="0.25">
      <c r="A7731" s="7">
        <f t="shared" si="363"/>
        <v>44883.791666647936</v>
      </c>
      <c r="B7731" s="8">
        <v>-4.9800999999999998E-2</v>
      </c>
      <c r="C7731">
        <f t="shared" si="361"/>
        <v>19</v>
      </c>
      <c r="D7731">
        <f t="shared" si="362"/>
        <v>11</v>
      </c>
    </row>
    <row r="7732" spans="1:4" x14ac:dyDescent="0.25">
      <c r="A7732" s="7">
        <f t="shared" si="363"/>
        <v>44883.8333333146</v>
      </c>
      <c r="B7732" s="8">
        <v>-4.9800999999999998E-2</v>
      </c>
      <c r="C7732">
        <f t="shared" si="361"/>
        <v>20</v>
      </c>
      <c r="D7732">
        <f t="shared" si="362"/>
        <v>11</v>
      </c>
    </row>
    <row r="7733" spans="1:4" x14ac:dyDescent="0.25">
      <c r="A7733" s="7">
        <f t="shared" si="363"/>
        <v>44883.874999981264</v>
      </c>
      <c r="B7733" s="8">
        <v>-4.9800999999999998E-2</v>
      </c>
      <c r="C7733">
        <f t="shared" si="361"/>
        <v>21</v>
      </c>
      <c r="D7733">
        <f t="shared" si="362"/>
        <v>11</v>
      </c>
    </row>
    <row r="7734" spans="1:4" x14ac:dyDescent="0.25">
      <c r="A7734" s="7">
        <f t="shared" si="363"/>
        <v>44883.916666647929</v>
      </c>
      <c r="B7734" s="8">
        <v>-4.9800999999999998E-2</v>
      </c>
      <c r="C7734">
        <f t="shared" si="361"/>
        <v>22</v>
      </c>
      <c r="D7734">
        <f t="shared" si="362"/>
        <v>11</v>
      </c>
    </row>
    <row r="7735" spans="1:4" x14ac:dyDescent="0.25">
      <c r="A7735" s="7">
        <f t="shared" si="363"/>
        <v>44883.958333314593</v>
      </c>
      <c r="B7735" s="8">
        <v>-4.9800999999999998E-2</v>
      </c>
      <c r="C7735">
        <f t="shared" si="361"/>
        <v>23</v>
      </c>
      <c r="D7735">
        <f t="shared" si="362"/>
        <v>11</v>
      </c>
    </row>
    <row r="7736" spans="1:4" x14ac:dyDescent="0.25">
      <c r="A7736" s="7">
        <f t="shared" si="363"/>
        <v>44883.999999981257</v>
      </c>
      <c r="B7736" s="8">
        <v>-4.9800999999999998E-2</v>
      </c>
      <c r="C7736">
        <f t="shared" si="361"/>
        <v>0</v>
      </c>
      <c r="D7736">
        <f t="shared" si="362"/>
        <v>11</v>
      </c>
    </row>
    <row r="7737" spans="1:4" x14ac:dyDescent="0.25">
      <c r="A7737" s="7">
        <f t="shared" si="363"/>
        <v>44884.041666647921</v>
      </c>
      <c r="B7737" s="8">
        <v>-4.9800999999999998E-2</v>
      </c>
      <c r="C7737">
        <f t="shared" si="361"/>
        <v>1</v>
      </c>
      <c r="D7737">
        <f t="shared" si="362"/>
        <v>11</v>
      </c>
    </row>
    <row r="7738" spans="1:4" x14ac:dyDescent="0.25">
      <c r="A7738" s="7">
        <f t="shared" si="363"/>
        <v>44884.083333314586</v>
      </c>
      <c r="B7738" s="8">
        <v>-4.9800999999999998E-2</v>
      </c>
      <c r="C7738">
        <f t="shared" si="361"/>
        <v>2</v>
      </c>
      <c r="D7738">
        <f t="shared" si="362"/>
        <v>11</v>
      </c>
    </row>
    <row r="7739" spans="1:4" x14ac:dyDescent="0.25">
      <c r="A7739" s="7">
        <f t="shared" si="363"/>
        <v>44884.12499998125</v>
      </c>
      <c r="B7739" s="8">
        <v>-4.9800999999999998E-2</v>
      </c>
      <c r="C7739">
        <f t="shared" si="361"/>
        <v>3</v>
      </c>
      <c r="D7739">
        <f t="shared" si="362"/>
        <v>11</v>
      </c>
    </row>
    <row r="7740" spans="1:4" x14ac:dyDescent="0.25">
      <c r="A7740" s="7">
        <f t="shared" si="363"/>
        <v>44884.166666647914</v>
      </c>
      <c r="B7740" s="8">
        <v>-4.9800999999999998E-2</v>
      </c>
      <c r="C7740">
        <f t="shared" si="361"/>
        <v>4</v>
      </c>
      <c r="D7740">
        <f t="shared" si="362"/>
        <v>11</v>
      </c>
    </row>
    <row r="7741" spans="1:4" x14ac:dyDescent="0.25">
      <c r="A7741" s="7">
        <f t="shared" si="363"/>
        <v>44884.208333314578</v>
      </c>
      <c r="B7741" s="8">
        <v>-4.9800999999999998E-2</v>
      </c>
      <c r="C7741">
        <f t="shared" si="361"/>
        <v>5</v>
      </c>
      <c r="D7741">
        <f t="shared" si="362"/>
        <v>11</v>
      </c>
    </row>
    <row r="7742" spans="1:4" x14ac:dyDescent="0.25">
      <c r="A7742" s="7">
        <f t="shared" si="363"/>
        <v>44884.249999981243</v>
      </c>
      <c r="B7742" s="8">
        <v>-4.9800999999999998E-2</v>
      </c>
      <c r="C7742">
        <f t="shared" si="361"/>
        <v>6</v>
      </c>
      <c r="D7742">
        <f t="shared" si="362"/>
        <v>11</v>
      </c>
    </row>
    <row r="7743" spans="1:4" x14ac:dyDescent="0.25">
      <c r="A7743" s="7">
        <f t="shared" si="363"/>
        <v>44884.291666647907</v>
      </c>
      <c r="B7743" s="8">
        <v>-4.9800999999999998E-2</v>
      </c>
      <c r="C7743">
        <f t="shared" si="361"/>
        <v>7</v>
      </c>
      <c r="D7743">
        <f t="shared" si="362"/>
        <v>11</v>
      </c>
    </row>
    <row r="7744" spans="1:4" x14ac:dyDescent="0.25">
      <c r="A7744" s="7">
        <f t="shared" si="363"/>
        <v>44884.333333314571</v>
      </c>
      <c r="B7744" s="8">
        <v>0.73612652775990328</v>
      </c>
      <c r="C7744">
        <f t="shared" si="361"/>
        <v>8</v>
      </c>
      <c r="D7744">
        <f t="shared" si="362"/>
        <v>11</v>
      </c>
    </row>
    <row r="7745" spans="1:4" x14ac:dyDescent="0.25">
      <c r="A7745" s="7">
        <f t="shared" si="363"/>
        <v>44884.374999981235</v>
      </c>
      <c r="B7745" s="8">
        <v>6.6282264744280646</v>
      </c>
      <c r="C7745">
        <f t="shared" si="361"/>
        <v>9</v>
      </c>
      <c r="D7745">
        <f t="shared" si="362"/>
        <v>11</v>
      </c>
    </row>
    <row r="7746" spans="1:4" x14ac:dyDescent="0.25">
      <c r="A7746" s="7">
        <f t="shared" si="363"/>
        <v>44884.4166666479</v>
      </c>
      <c r="B7746" s="8">
        <v>13.682369308843432</v>
      </c>
      <c r="C7746">
        <f t="shared" si="361"/>
        <v>10</v>
      </c>
      <c r="D7746">
        <f t="shared" si="362"/>
        <v>11</v>
      </c>
    </row>
    <row r="7747" spans="1:4" x14ac:dyDescent="0.25">
      <c r="A7747" s="7">
        <f t="shared" si="363"/>
        <v>44884.458333314564</v>
      </c>
      <c r="B7747" s="8">
        <v>18.480526360308815</v>
      </c>
      <c r="C7747">
        <f t="shared" si="361"/>
        <v>11</v>
      </c>
      <c r="D7747">
        <f t="shared" si="362"/>
        <v>11</v>
      </c>
    </row>
    <row r="7748" spans="1:4" x14ac:dyDescent="0.25">
      <c r="A7748" s="7">
        <f t="shared" si="363"/>
        <v>44884.499999981228</v>
      </c>
      <c r="B7748" s="8">
        <v>20.451289252742114</v>
      </c>
      <c r="C7748">
        <f t="shared" si="361"/>
        <v>12</v>
      </c>
      <c r="D7748">
        <f t="shared" si="362"/>
        <v>11</v>
      </c>
    </row>
    <row r="7749" spans="1:4" x14ac:dyDescent="0.25">
      <c r="A7749" s="7">
        <f t="shared" si="363"/>
        <v>44884.541666647892</v>
      </c>
      <c r="B7749" s="8">
        <v>20.451287191510747</v>
      </c>
      <c r="C7749">
        <f t="shared" si="361"/>
        <v>13</v>
      </c>
      <c r="D7749">
        <f t="shared" si="362"/>
        <v>11</v>
      </c>
    </row>
    <row r="7750" spans="1:4" x14ac:dyDescent="0.25">
      <c r="A7750" s="7">
        <f t="shared" si="363"/>
        <v>44884.583333314557</v>
      </c>
      <c r="B7750" s="8">
        <v>19.889204856752158</v>
      </c>
      <c r="C7750">
        <f t="shared" si="361"/>
        <v>14</v>
      </c>
      <c r="D7750">
        <f t="shared" si="362"/>
        <v>11</v>
      </c>
    </row>
    <row r="7751" spans="1:4" x14ac:dyDescent="0.25">
      <c r="A7751" s="7">
        <f t="shared" si="363"/>
        <v>44884.624999981221</v>
      </c>
      <c r="B7751" s="8">
        <v>16.544455022410958</v>
      </c>
      <c r="C7751">
        <f t="shared" si="361"/>
        <v>15</v>
      </c>
      <c r="D7751">
        <f t="shared" si="362"/>
        <v>11</v>
      </c>
    </row>
    <row r="7752" spans="1:4" x14ac:dyDescent="0.25">
      <c r="A7752" s="7">
        <f t="shared" si="363"/>
        <v>44884.666666647885</v>
      </c>
      <c r="B7752" s="8">
        <v>11.511930811350464</v>
      </c>
      <c r="C7752">
        <f t="shared" si="361"/>
        <v>16</v>
      </c>
      <c r="D7752">
        <f t="shared" si="362"/>
        <v>11</v>
      </c>
    </row>
    <row r="7753" spans="1:4" x14ac:dyDescent="0.25">
      <c r="A7753" s="7">
        <f t="shared" si="363"/>
        <v>44884.708333314549</v>
      </c>
      <c r="B7753" s="8">
        <v>3.1736944268231699</v>
      </c>
      <c r="C7753">
        <f t="shared" si="361"/>
        <v>17</v>
      </c>
      <c r="D7753">
        <f t="shared" si="362"/>
        <v>11</v>
      </c>
    </row>
    <row r="7754" spans="1:4" x14ac:dyDescent="0.25">
      <c r="A7754" s="7">
        <f t="shared" si="363"/>
        <v>44884.749999981213</v>
      </c>
      <c r="B7754" s="8">
        <v>-4.9800999999999998E-2</v>
      </c>
      <c r="C7754">
        <f t="shared" ref="C7754:C7817" si="364">HOUR(A7754)</f>
        <v>18</v>
      </c>
      <c r="D7754">
        <f t="shared" ref="D7754:D7817" si="365">MONTH(A7754)</f>
        <v>11</v>
      </c>
    </row>
    <row r="7755" spans="1:4" x14ac:dyDescent="0.25">
      <c r="A7755" s="7">
        <f t="shared" ref="A7755:A7818" si="366">+A7754+1/24</f>
        <v>44884.791666647878</v>
      </c>
      <c r="B7755" s="8">
        <v>-4.9800999999999998E-2</v>
      </c>
      <c r="C7755">
        <f t="shared" si="364"/>
        <v>19</v>
      </c>
      <c r="D7755">
        <f t="shared" si="365"/>
        <v>11</v>
      </c>
    </row>
    <row r="7756" spans="1:4" x14ac:dyDescent="0.25">
      <c r="A7756" s="7">
        <f t="shared" si="366"/>
        <v>44884.833333314542</v>
      </c>
      <c r="B7756" s="8">
        <v>-4.9800999999999998E-2</v>
      </c>
      <c r="C7756">
        <f t="shared" si="364"/>
        <v>20</v>
      </c>
      <c r="D7756">
        <f t="shared" si="365"/>
        <v>11</v>
      </c>
    </row>
    <row r="7757" spans="1:4" x14ac:dyDescent="0.25">
      <c r="A7757" s="7">
        <f t="shared" si="366"/>
        <v>44884.874999981206</v>
      </c>
      <c r="B7757" s="8">
        <v>-4.9800999999999998E-2</v>
      </c>
      <c r="C7757">
        <f t="shared" si="364"/>
        <v>21</v>
      </c>
      <c r="D7757">
        <f t="shared" si="365"/>
        <v>11</v>
      </c>
    </row>
    <row r="7758" spans="1:4" x14ac:dyDescent="0.25">
      <c r="A7758" s="7">
        <f t="shared" si="366"/>
        <v>44884.91666664787</v>
      </c>
      <c r="B7758" s="8">
        <v>-4.9800999999999998E-2</v>
      </c>
      <c r="C7758">
        <f t="shared" si="364"/>
        <v>22</v>
      </c>
      <c r="D7758">
        <f t="shared" si="365"/>
        <v>11</v>
      </c>
    </row>
    <row r="7759" spans="1:4" x14ac:dyDescent="0.25">
      <c r="A7759" s="7">
        <f t="shared" si="366"/>
        <v>44884.958333314535</v>
      </c>
      <c r="B7759" s="8">
        <v>-4.9800999999999998E-2</v>
      </c>
      <c r="C7759">
        <f t="shared" si="364"/>
        <v>23</v>
      </c>
      <c r="D7759">
        <f t="shared" si="365"/>
        <v>11</v>
      </c>
    </row>
    <row r="7760" spans="1:4" x14ac:dyDescent="0.25">
      <c r="A7760" s="7">
        <f t="shared" si="366"/>
        <v>44884.999999981199</v>
      </c>
      <c r="B7760" s="8">
        <v>-4.9800999999999998E-2</v>
      </c>
      <c r="C7760">
        <f t="shared" si="364"/>
        <v>0</v>
      </c>
      <c r="D7760">
        <f t="shared" si="365"/>
        <v>11</v>
      </c>
    </row>
    <row r="7761" spans="1:4" x14ac:dyDescent="0.25">
      <c r="A7761" s="7">
        <f t="shared" si="366"/>
        <v>44885.041666647863</v>
      </c>
      <c r="B7761" s="8">
        <v>-4.9800999999999998E-2</v>
      </c>
      <c r="C7761">
        <f t="shared" si="364"/>
        <v>1</v>
      </c>
      <c r="D7761">
        <f t="shared" si="365"/>
        <v>11</v>
      </c>
    </row>
    <row r="7762" spans="1:4" x14ac:dyDescent="0.25">
      <c r="A7762" s="7">
        <f t="shared" si="366"/>
        <v>44885.083333314527</v>
      </c>
      <c r="B7762" s="8">
        <v>-4.9800999999999998E-2</v>
      </c>
      <c r="C7762">
        <f t="shared" si="364"/>
        <v>2</v>
      </c>
      <c r="D7762">
        <f t="shared" si="365"/>
        <v>11</v>
      </c>
    </row>
    <row r="7763" spans="1:4" x14ac:dyDescent="0.25">
      <c r="A7763" s="7">
        <f t="shared" si="366"/>
        <v>44885.124999981192</v>
      </c>
      <c r="B7763" s="8">
        <v>-4.9800999999999998E-2</v>
      </c>
      <c r="C7763">
        <f t="shared" si="364"/>
        <v>3</v>
      </c>
      <c r="D7763">
        <f t="shared" si="365"/>
        <v>11</v>
      </c>
    </row>
    <row r="7764" spans="1:4" x14ac:dyDescent="0.25">
      <c r="A7764" s="7">
        <f t="shared" si="366"/>
        <v>44885.166666647856</v>
      </c>
      <c r="B7764" s="8">
        <v>-4.9800999999999998E-2</v>
      </c>
      <c r="C7764">
        <f t="shared" si="364"/>
        <v>4</v>
      </c>
      <c r="D7764">
        <f t="shared" si="365"/>
        <v>11</v>
      </c>
    </row>
    <row r="7765" spans="1:4" x14ac:dyDescent="0.25">
      <c r="A7765" s="7">
        <f t="shared" si="366"/>
        <v>44885.20833331452</v>
      </c>
      <c r="B7765" s="8">
        <v>-4.9800999999999998E-2</v>
      </c>
      <c r="C7765">
        <f t="shared" si="364"/>
        <v>5</v>
      </c>
      <c r="D7765">
        <f t="shared" si="365"/>
        <v>11</v>
      </c>
    </row>
    <row r="7766" spans="1:4" x14ac:dyDescent="0.25">
      <c r="A7766" s="7">
        <f t="shared" si="366"/>
        <v>44885.249999981184</v>
      </c>
      <c r="B7766" s="8">
        <v>-4.9800999999999998E-2</v>
      </c>
      <c r="C7766">
        <f t="shared" si="364"/>
        <v>6</v>
      </c>
      <c r="D7766">
        <f t="shared" si="365"/>
        <v>11</v>
      </c>
    </row>
    <row r="7767" spans="1:4" x14ac:dyDescent="0.25">
      <c r="A7767" s="7">
        <f t="shared" si="366"/>
        <v>44885.291666647849</v>
      </c>
      <c r="B7767" s="8">
        <v>-4.9800999999999998E-2</v>
      </c>
      <c r="C7767">
        <f t="shared" si="364"/>
        <v>7</v>
      </c>
      <c r="D7767">
        <f t="shared" si="365"/>
        <v>11</v>
      </c>
    </row>
    <row r="7768" spans="1:4" x14ac:dyDescent="0.25">
      <c r="A7768" s="7">
        <f t="shared" si="366"/>
        <v>44885.333333314513</v>
      </c>
      <c r="B7768" s="8">
        <v>0.74275647845437054</v>
      </c>
      <c r="C7768">
        <f t="shared" si="364"/>
        <v>8</v>
      </c>
      <c r="D7768">
        <f t="shared" si="365"/>
        <v>11</v>
      </c>
    </row>
    <row r="7769" spans="1:4" x14ac:dyDescent="0.25">
      <c r="A7769" s="7">
        <f t="shared" si="366"/>
        <v>44885.374999981177</v>
      </c>
      <c r="B7769" s="8">
        <v>6.8685918173034137</v>
      </c>
      <c r="C7769">
        <f t="shared" si="364"/>
        <v>9</v>
      </c>
      <c r="D7769">
        <f t="shared" si="365"/>
        <v>11</v>
      </c>
    </row>
    <row r="7770" spans="1:4" x14ac:dyDescent="0.25">
      <c r="A7770" s="7">
        <f t="shared" si="366"/>
        <v>44885.416666647841</v>
      </c>
      <c r="B7770" s="8">
        <v>14.799505179396476</v>
      </c>
      <c r="C7770">
        <f t="shared" si="364"/>
        <v>10</v>
      </c>
      <c r="D7770">
        <f t="shared" si="365"/>
        <v>11</v>
      </c>
    </row>
    <row r="7771" spans="1:4" x14ac:dyDescent="0.25">
      <c r="A7771" s="7">
        <f t="shared" si="366"/>
        <v>44885.458333314506</v>
      </c>
      <c r="B7771" s="8">
        <v>19.217714422223128</v>
      </c>
      <c r="C7771">
        <f t="shared" si="364"/>
        <v>11</v>
      </c>
      <c r="D7771">
        <f t="shared" si="365"/>
        <v>11</v>
      </c>
    </row>
    <row r="7772" spans="1:4" x14ac:dyDescent="0.25">
      <c r="A7772" s="7">
        <f t="shared" si="366"/>
        <v>44885.49999998117</v>
      </c>
      <c r="B7772" s="8">
        <v>20.451226385185397</v>
      </c>
      <c r="C7772">
        <f t="shared" si="364"/>
        <v>12</v>
      </c>
      <c r="D7772">
        <f t="shared" si="365"/>
        <v>11</v>
      </c>
    </row>
    <row r="7773" spans="1:4" x14ac:dyDescent="0.25">
      <c r="A7773" s="7">
        <f t="shared" si="366"/>
        <v>44885.541666647834</v>
      </c>
      <c r="B7773" s="8">
        <v>20.451252150577496</v>
      </c>
      <c r="C7773">
        <f t="shared" si="364"/>
        <v>13</v>
      </c>
      <c r="D7773">
        <f t="shared" si="365"/>
        <v>11</v>
      </c>
    </row>
    <row r="7774" spans="1:4" x14ac:dyDescent="0.25">
      <c r="A7774" s="7">
        <f t="shared" si="366"/>
        <v>44885.583333314498</v>
      </c>
      <c r="B7774" s="8">
        <v>20.278014929656667</v>
      </c>
      <c r="C7774">
        <f t="shared" si="364"/>
        <v>14</v>
      </c>
      <c r="D7774">
        <f t="shared" si="365"/>
        <v>11</v>
      </c>
    </row>
    <row r="7775" spans="1:4" x14ac:dyDescent="0.25">
      <c r="A7775" s="7">
        <f t="shared" si="366"/>
        <v>44885.624999981163</v>
      </c>
      <c r="B7775" s="8">
        <v>16.756812353460898</v>
      </c>
      <c r="C7775">
        <f t="shared" si="364"/>
        <v>15</v>
      </c>
      <c r="D7775">
        <f t="shared" si="365"/>
        <v>11</v>
      </c>
    </row>
    <row r="7776" spans="1:4" x14ac:dyDescent="0.25">
      <c r="A7776" s="7">
        <f t="shared" si="366"/>
        <v>44885.666666647827</v>
      </c>
      <c r="B7776" s="8">
        <v>11.693872612337429</v>
      </c>
      <c r="C7776">
        <f t="shared" si="364"/>
        <v>16</v>
      </c>
      <c r="D7776">
        <f t="shared" si="365"/>
        <v>11</v>
      </c>
    </row>
    <row r="7777" spans="1:4" x14ac:dyDescent="0.25">
      <c r="A7777" s="7">
        <f t="shared" si="366"/>
        <v>44885.708333314491</v>
      </c>
      <c r="B7777" s="8">
        <v>3.0848811202639106</v>
      </c>
      <c r="C7777">
        <f t="shared" si="364"/>
        <v>17</v>
      </c>
      <c r="D7777">
        <f t="shared" si="365"/>
        <v>11</v>
      </c>
    </row>
    <row r="7778" spans="1:4" x14ac:dyDescent="0.25">
      <c r="A7778" s="7">
        <f t="shared" si="366"/>
        <v>44885.749999981155</v>
      </c>
      <c r="B7778" s="8">
        <v>-4.9800999999999998E-2</v>
      </c>
      <c r="C7778">
        <f t="shared" si="364"/>
        <v>18</v>
      </c>
      <c r="D7778">
        <f t="shared" si="365"/>
        <v>11</v>
      </c>
    </row>
    <row r="7779" spans="1:4" x14ac:dyDescent="0.25">
      <c r="A7779" s="7">
        <f t="shared" si="366"/>
        <v>44885.79166664782</v>
      </c>
      <c r="B7779" s="8">
        <v>-4.9800999999999998E-2</v>
      </c>
      <c r="C7779">
        <f t="shared" si="364"/>
        <v>19</v>
      </c>
      <c r="D7779">
        <f t="shared" si="365"/>
        <v>11</v>
      </c>
    </row>
    <row r="7780" spans="1:4" x14ac:dyDescent="0.25">
      <c r="A7780" s="7">
        <f t="shared" si="366"/>
        <v>44885.833333314484</v>
      </c>
      <c r="B7780" s="8">
        <v>-4.9800999999999998E-2</v>
      </c>
      <c r="C7780">
        <f t="shared" si="364"/>
        <v>20</v>
      </c>
      <c r="D7780">
        <f t="shared" si="365"/>
        <v>11</v>
      </c>
    </row>
    <row r="7781" spans="1:4" x14ac:dyDescent="0.25">
      <c r="A7781" s="7">
        <f t="shared" si="366"/>
        <v>44885.874999981148</v>
      </c>
      <c r="B7781" s="8">
        <v>-4.9800999999999998E-2</v>
      </c>
      <c r="C7781">
        <f t="shared" si="364"/>
        <v>21</v>
      </c>
      <c r="D7781">
        <f t="shared" si="365"/>
        <v>11</v>
      </c>
    </row>
    <row r="7782" spans="1:4" x14ac:dyDescent="0.25">
      <c r="A7782" s="7">
        <f t="shared" si="366"/>
        <v>44885.916666647812</v>
      </c>
      <c r="B7782" s="8">
        <v>-4.9800999999999998E-2</v>
      </c>
      <c r="C7782">
        <f t="shared" si="364"/>
        <v>22</v>
      </c>
      <c r="D7782">
        <f t="shared" si="365"/>
        <v>11</v>
      </c>
    </row>
    <row r="7783" spans="1:4" x14ac:dyDescent="0.25">
      <c r="A7783" s="7">
        <f t="shared" si="366"/>
        <v>44885.958333314476</v>
      </c>
      <c r="B7783" s="8">
        <v>-4.9800999999999998E-2</v>
      </c>
      <c r="C7783">
        <f t="shared" si="364"/>
        <v>23</v>
      </c>
      <c r="D7783">
        <f t="shared" si="365"/>
        <v>11</v>
      </c>
    </row>
    <row r="7784" spans="1:4" x14ac:dyDescent="0.25">
      <c r="A7784" s="7">
        <f t="shared" si="366"/>
        <v>44885.999999981141</v>
      </c>
      <c r="B7784" s="8">
        <v>-4.9800999999999998E-2</v>
      </c>
      <c r="C7784">
        <f t="shared" si="364"/>
        <v>0</v>
      </c>
      <c r="D7784">
        <f t="shared" si="365"/>
        <v>11</v>
      </c>
    </row>
    <row r="7785" spans="1:4" x14ac:dyDescent="0.25">
      <c r="A7785" s="7">
        <f t="shared" si="366"/>
        <v>44886.041666647805</v>
      </c>
      <c r="B7785" s="8">
        <v>-4.9800999999999998E-2</v>
      </c>
      <c r="C7785">
        <f t="shared" si="364"/>
        <v>1</v>
      </c>
      <c r="D7785">
        <f t="shared" si="365"/>
        <v>11</v>
      </c>
    </row>
    <row r="7786" spans="1:4" x14ac:dyDescent="0.25">
      <c r="A7786" s="7">
        <f t="shared" si="366"/>
        <v>44886.083333314469</v>
      </c>
      <c r="B7786" s="8">
        <v>-4.9800999999999998E-2</v>
      </c>
      <c r="C7786">
        <f t="shared" si="364"/>
        <v>2</v>
      </c>
      <c r="D7786">
        <f t="shared" si="365"/>
        <v>11</v>
      </c>
    </row>
    <row r="7787" spans="1:4" x14ac:dyDescent="0.25">
      <c r="A7787" s="7">
        <f t="shared" si="366"/>
        <v>44886.124999981133</v>
      </c>
      <c r="B7787" s="8">
        <v>-4.9800999999999998E-2</v>
      </c>
      <c r="C7787">
        <f t="shared" si="364"/>
        <v>3</v>
      </c>
      <c r="D7787">
        <f t="shared" si="365"/>
        <v>11</v>
      </c>
    </row>
    <row r="7788" spans="1:4" x14ac:dyDescent="0.25">
      <c r="A7788" s="7">
        <f t="shared" si="366"/>
        <v>44886.166666647798</v>
      </c>
      <c r="B7788" s="8">
        <v>-4.9800999999999998E-2</v>
      </c>
      <c r="C7788">
        <f t="shared" si="364"/>
        <v>4</v>
      </c>
      <c r="D7788">
        <f t="shared" si="365"/>
        <v>11</v>
      </c>
    </row>
    <row r="7789" spans="1:4" x14ac:dyDescent="0.25">
      <c r="A7789" s="7">
        <f t="shared" si="366"/>
        <v>44886.208333314462</v>
      </c>
      <c r="B7789" s="8">
        <v>-4.9800999999999998E-2</v>
      </c>
      <c r="C7789">
        <f t="shared" si="364"/>
        <v>5</v>
      </c>
      <c r="D7789">
        <f t="shared" si="365"/>
        <v>11</v>
      </c>
    </row>
    <row r="7790" spans="1:4" x14ac:dyDescent="0.25">
      <c r="A7790" s="7">
        <f t="shared" si="366"/>
        <v>44886.249999981126</v>
      </c>
      <c r="B7790" s="8">
        <v>-4.9800999999999998E-2</v>
      </c>
      <c r="C7790">
        <f t="shared" si="364"/>
        <v>6</v>
      </c>
      <c r="D7790">
        <f t="shared" si="365"/>
        <v>11</v>
      </c>
    </row>
    <row r="7791" spans="1:4" x14ac:dyDescent="0.25">
      <c r="A7791" s="7">
        <f t="shared" si="366"/>
        <v>44886.29166664779</v>
      </c>
      <c r="B7791" s="8">
        <v>-4.9800999999999998E-2</v>
      </c>
      <c r="C7791">
        <f t="shared" si="364"/>
        <v>7</v>
      </c>
      <c r="D7791">
        <f t="shared" si="365"/>
        <v>11</v>
      </c>
    </row>
    <row r="7792" spans="1:4" x14ac:dyDescent="0.25">
      <c r="A7792" s="7">
        <f t="shared" si="366"/>
        <v>44886.333333314455</v>
      </c>
      <c r="B7792" s="8">
        <v>0.67474718009012413</v>
      </c>
      <c r="C7792">
        <f t="shared" si="364"/>
        <v>8</v>
      </c>
      <c r="D7792">
        <f t="shared" si="365"/>
        <v>11</v>
      </c>
    </row>
    <row r="7793" spans="1:4" x14ac:dyDescent="0.25">
      <c r="A7793" s="7">
        <f t="shared" si="366"/>
        <v>44886.374999981119</v>
      </c>
      <c r="B7793" s="8">
        <v>6.8183688844117487</v>
      </c>
      <c r="C7793">
        <f t="shared" si="364"/>
        <v>9</v>
      </c>
      <c r="D7793">
        <f t="shared" si="365"/>
        <v>11</v>
      </c>
    </row>
    <row r="7794" spans="1:4" x14ac:dyDescent="0.25">
      <c r="A7794" s="7">
        <f t="shared" si="366"/>
        <v>44886.416666647783</v>
      </c>
      <c r="B7794" s="8">
        <v>14.060530029886298</v>
      </c>
      <c r="C7794">
        <f t="shared" si="364"/>
        <v>10</v>
      </c>
      <c r="D7794">
        <f t="shared" si="365"/>
        <v>11</v>
      </c>
    </row>
    <row r="7795" spans="1:4" x14ac:dyDescent="0.25">
      <c r="A7795" s="7">
        <f t="shared" si="366"/>
        <v>44886.458333314447</v>
      </c>
      <c r="B7795" s="8">
        <v>18.696204335092254</v>
      </c>
      <c r="C7795">
        <f t="shared" si="364"/>
        <v>11</v>
      </c>
      <c r="D7795">
        <f t="shared" si="365"/>
        <v>11</v>
      </c>
    </row>
    <row r="7796" spans="1:4" x14ac:dyDescent="0.25">
      <c r="A7796" s="7">
        <f t="shared" si="366"/>
        <v>44886.499999981112</v>
      </c>
      <c r="B7796" s="8">
        <v>20.451291313973485</v>
      </c>
      <c r="C7796">
        <f t="shared" si="364"/>
        <v>12</v>
      </c>
      <c r="D7796">
        <f t="shared" si="365"/>
        <v>11</v>
      </c>
    </row>
    <row r="7797" spans="1:4" x14ac:dyDescent="0.25">
      <c r="A7797" s="7">
        <f t="shared" si="366"/>
        <v>44886.541666647776</v>
      </c>
      <c r="B7797" s="8">
        <v>20.451276885353909</v>
      </c>
      <c r="C7797">
        <f t="shared" si="364"/>
        <v>13</v>
      </c>
      <c r="D7797">
        <f t="shared" si="365"/>
        <v>11</v>
      </c>
    </row>
    <row r="7798" spans="1:4" x14ac:dyDescent="0.25">
      <c r="A7798" s="7">
        <f t="shared" si="366"/>
        <v>44886.58333331444</v>
      </c>
      <c r="B7798" s="8">
        <v>19.118964949855485</v>
      </c>
      <c r="C7798">
        <f t="shared" si="364"/>
        <v>14</v>
      </c>
      <c r="D7798">
        <f t="shared" si="365"/>
        <v>11</v>
      </c>
    </row>
    <row r="7799" spans="1:4" x14ac:dyDescent="0.25">
      <c r="A7799" s="7">
        <f t="shared" si="366"/>
        <v>44886.624999981104</v>
      </c>
      <c r="B7799" s="8">
        <v>11.108874537847537</v>
      </c>
      <c r="C7799">
        <f t="shared" si="364"/>
        <v>15</v>
      </c>
      <c r="D7799">
        <f t="shared" si="365"/>
        <v>11</v>
      </c>
    </row>
    <row r="7800" spans="1:4" x14ac:dyDescent="0.25">
      <c r="A7800" s="7">
        <f t="shared" si="366"/>
        <v>44886.666666647769</v>
      </c>
      <c r="B7800" s="8">
        <v>3.5895705288180086</v>
      </c>
      <c r="C7800">
        <f t="shared" si="364"/>
        <v>16</v>
      </c>
      <c r="D7800">
        <f t="shared" si="365"/>
        <v>11</v>
      </c>
    </row>
    <row r="7801" spans="1:4" x14ac:dyDescent="0.25">
      <c r="A7801" s="7">
        <f t="shared" si="366"/>
        <v>44886.708333314433</v>
      </c>
      <c r="B7801" s="8">
        <v>1.2010455076883528</v>
      </c>
      <c r="C7801">
        <f t="shared" si="364"/>
        <v>17</v>
      </c>
      <c r="D7801">
        <f t="shared" si="365"/>
        <v>11</v>
      </c>
    </row>
    <row r="7802" spans="1:4" x14ac:dyDescent="0.25">
      <c r="A7802" s="7">
        <f t="shared" si="366"/>
        <v>44886.749999981097</v>
      </c>
      <c r="B7802" s="8">
        <v>-4.9800999999999998E-2</v>
      </c>
      <c r="C7802">
        <f t="shared" si="364"/>
        <v>18</v>
      </c>
      <c r="D7802">
        <f t="shared" si="365"/>
        <v>11</v>
      </c>
    </row>
    <row r="7803" spans="1:4" x14ac:dyDescent="0.25">
      <c r="A7803" s="7">
        <f t="shared" si="366"/>
        <v>44886.791666647761</v>
      </c>
      <c r="B7803" s="8">
        <v>-4.9800999999999998E-2</v>
      </c>
      <c r="C7803">
        <f t="shared" si="364"/>
        <v>19</v>
      </c>
      <c r="D7803">
        <f t="shared" si="365"/>
        <v>11</v>
      </c>
    </row>
    <row r="7804" spans="1:4" x14ac:dyDescent="0.25">
      <c r="A7804" s="7">
        <f t="shared" si="366"/>
        <v>44886.833333314426</v>
      </c>
      <c r="B7804" s="8">
        <v>-4.9800999999999998E-2</v>
      </c>
      <c r="C7804">
        <f t="shared" si="364"/>
        <v>20</v>
      </c>
      <c r="D7804">
        <f t="shared" si="365"/>
        <v>11</v>
      </c>
    </row>
    <row r="7805" spans="1:4" x14ac:dyDescent="0.25">
      <c r="A7805" s="7">
        <f t="shared" si="366"/>
        <v>44886.87499998109</v>
      </c>
      <c r="B7805" s="8">
        <v>-4.9800999999999998E-2</v>
      </c>
      <c r="C7805">
        <f t="shared" si="364"/>
        <v>21</v>
      </c>
      <c r="D7805">
        <f t="shared" si="365"/>
        <v>11</v>
      </c>
    </row>
    <row r="7806" spans="1:4" x14ac:dyDescent="0.25">
      <c r="A7806" s="7">
        <f t="shared" si="366"/>
        <v>44886.916666647754</v>
      </c>
      <c r="B7806" s="8">
        <v>-4.9800999999999998E-2</v>
      </c>
      <c r="C7806">
        <f t="shared" si="364"/>
        <v>22</v>
      </c>
      <c r="D7806">
        <f t="shared" si="365"/>
        <v>11</v>
      </c>
    </row>
    <row r="7807" spans="1:4" x14ac:dyDescent="0.25">
      <c r="A7807" s="7">
        <f t="shared" si="366"/>
        <v>44886.958333314418</v>
      </c>
      <c r="B7807" s="8">
        <v>-4.9800999999999998E-2</v>
      </c>
      <c r="C7807">
        <f t="shared" si="364"/>
        <v>23</v>
      </c>
      <c r="D7807">
        <f t="shared" si="365"/>
        <v>11</v>
      </c>
    </row>
    <row r="7808" spans="1:4" x14ac:dyDescent="0.25">
      <c r="A7808" s="7">
        <f t="shared" si="366"/>
        <v>44886.999999981083</v>
      </c>
      <c r="B7808" s="8">
        <v>-4.9800999999999998E-2</v>
      </c>
      <c r="C7808">
        <f t="shared" si="364"/>
        <v>0</v>
      </c>
      <c r="D7808">
        <f t="shared" si="365"/>
        <v>11</v>
      </c>
    </row>
    <row r="7809" spans="1:4" x14ac:dyDescent="0.25">
      <c r="A7809" s="7">
        <f t="shared" si="366"/>
        <v>44887.041666647747</v>
      </c>
      <c r="B7809" s="8">
        <v>-4.9800999999999998E-2</v>
      </c>
      <c r="C7809">
        <f t="shared" si="364"/>
        <v>1</v>
      </c>
      <c r="D7809">
        <f t="shared" si="365"/>
        <v>11</v>
      </c>
    </row>
    <row r="7810" spans="1:4" x14ac:dyDescent="0.25">
      <c r="A7810" s="7">
        <f t="shared" si="366"/>
        <v>44887.083333314411</v>
      </c>
      <c r="B7810" s="8">
        <v>-4.9800999999999998E-2</v>
      </c>
      <c r="C7810">
        <f t="shared" si="364"/>
        <v>2</v>
      </c>
      <c r="D7810">
        <f t="shared" si="365"/>
        <v>11</v>
      </c>
    </row>
    <row r="7811" spans="1:4" x14ac:dyDescent="0.25">
      <c r="A7811" s="7">
        <f t="shared" si="366"/>
        <v>44887.124999981075</v>
      </c>
      <c r="B7811" s="8">
        <v>-4.9800999999999998E-2</v>
      </c>
      <c r="C7811">
        <f t="shared" si="364"/>
        <v>3</v>
      </c>
      <c r="D7811">
        <f t="shared" si="365"/>
        <v>11</v>
      </c>
    </row>
    <row r="7812" spans="1:4" x14ac:dyDescent="0.25">
      <c r="A7812" s="7">
        <f t="shared" si="366"/>
        <v>44887.166666647739</v>
      </c>
      <c r="B7812" s="8">
        <v>-4.9800999999999998E-2</v>
      </c>
      <c r="C7812">
        <f t="shared" si="364"/>
        <v>4</v>
      </c>
      <c r="D7812">
        <f t="shared" si="365"/>
        <v>11</v>
      </c>
    </row>
    <row r="7813" spans="1:4" x14ac:dyDescent="0.25">
      <c r="A7813" s="7">
        <f t="shared" si="366"/>
        <v>44887.208333314404</v>
      </c>
      <c r="B7813" s="8">
        <v>-4.9800999999999998E-2</v>
      </c>
      <c r="C7813">
        <f t="shared" si="364"/>
        <v>5</v>
      </c>
      <c r="D7813">
        <f t="shared" si="365"/>
        <v>11</v>
      </c>
    </row>
    <row r="7814" spans="1:4" x14ac:dyDescent="0.25">
      <c r="A7814" s="7">
        <f t="shared" si="366"/>
        <v>44887.249999981068</v>
      </c>
      <c r="B7814" s="8">
        <v>-4.9800999999999998E-2</v>
      </c>
      <c r="C7814">
        <f t="shared" si="364"/>
        <v>6</v>
      </c>
      <c r="D7814">
        <f t="shared" si="365"/>
        <v>11</v>
      </c>
    </row>
    <row r="7815" spans="1:4" x14ac:dyDescent="0.25">
      <c r="A7815" s="7">
        <f t="shared" si="366"/>
        <v>44887.291666647732</v>
      </c>
      <c r="B7815" s="8">
        <v>-4.9800999999999998E-2</v>
      </c>
      <c r="C7815">
        <f t="shared" si="364"/>
        <v>7</v>
      </c>
      <c r="D7815">
        <f t="shared" si="365"/>
        <v>11</v>
      </c>
    </row>
    <row r="7816" spans="1:4" x14ac:dyDescent="0.25">
      <c r="A7816" s="7">
        <f t="shared" si="366"/>
        <v>44887.333333314396</v>
      </c>
      <c r="B7816" s="8">
        <v>0.32884988303144619</v>
      </c>
      <c r="C7816">
        <f t="shared" si="364"/>
        <v>8</v>
      </c>
      <c r="D7816">
        <f t="shared" si="365"/>
        <v>11</v>
      </c>
    </row>
    <row r="7817" spans="1:4" x14ac:dyDescent="0.25">
      <c r="A7817" s="7">
        <f t="shared" si="366"/>
        <v>44887.374999981061</v>
      </c>
      <c r="B7817" s="8">
        <v>1.9316046495238799</v>
      </c>
      <c r="C7817">
        <f t="shared" si="364"/>
        <v>9</v>
      </c>
      <c r="D7817">
        <f t="shared" si="365"/>
        <v>11</v>
      </c>
    </row>
    <row r="7818" spans="1:4" x14ac:dyDescent="0.25">
      <c r="A7818" s="7">
        <f t="shared" si="366"/>
        <v>44887.416666647725</v>
      </c>
      <c r="B7818" s="8">
        <v>3.0729187640209945</v>
      </c>
      <c r="C7818">
        <f t="shared" ref="C7818:C7881" si="367">HOUR(A7818)</f>
        <v>10</v>
      </c>
      <c r="D7818">
        <f t="shared" ref="D7818:D7881" si="368">MONTH(A7818)</f>
        <v>11</v>
      </c>
    </row>
    <row r="7819" spans="1:4" x14ac:dyDescent="0.25">
      <c r="A7819" s="7">
        <f t="shared" ref="A7819:A7882" si="369">+A7818+1/24</f>
        <v>44887.458333314389</v>
      </c>
      <c r="B7819" s="8">
        <v>6.9108109887939859</v>
      </c>
      <c r="C7819">
        <f t="shared" si="367"/>
        <v>11</v>
      </c>
      <c r="D7819">
        <f t="shared" si="368"/>
        <v>11</v>
      </c>
    </row>
    <row r="7820" spans="1:4" x14ac:dyDescent="0.25">
      <c r="A7820" s="7">
        <f t="shared" si="369"/>
        <v>44887.499999981053</v>
      </c>
      <c r="B7820" s="8">
        <v>2.4601208620738406</v>
      </c>
      <c r="C7820">
        <f t="shared" si="367"/>
        <v>12</v>
      </c>
      <c r="D7820">
        <f t="shared" si="368"/>
        <v>11</v>
      </c>
    </row>
    <row r="7821" spans="1:4" x14ac:dyDescent="0.25">
      <c r="A7821" s="7">
        <f t="shared" si="369"/>
        <v>44887.541666647718</v>
      </c>
      <c r="B7821" s="8">
        <v>2.303387920714834</v>
      </c>
      <c r="C7821">
        <f t="shared" si="367"/>
        <v>13</v>
      </c>
      <c r="D7821">
        <f t="shared" si="368"/>
        <v>11</v>
      </c>
    </row>
    <row r="7822" spans="1:4" x14ac:dyDescent="0.25">
      <c r="A7822" s="7">
        <f t="shared" si="369"/>
        <v>44887.583333314382</v>
      </c>
      <c r="B7822" s="8">
        <v>6.2670709121693893</v>
      </c>
      <c r="C7822">
        <f t="shared" si="367"/>
        <v>14</v>
      </c>
      <c r="D7822">
        <f t="shared" si="368"/>
        <v>11</v>
      </c>
    </row>
    <row r="7823" spans="1:4" x14ac:dyDescent="0.25">
      <c r="A7823" s="7">
        <f t="shared" si="369"/>
        <v>44887.624999981046</v>
      </c>
      <c r="B7823" s="8">
        <v>3.4938386991727932</v>
      </c>
      <c r="C7823">
        <f t="shared" si="367"/>
        <v>15</v>
      </c>
      <c r="D7823">
        <f t="shared" si="368"/>
        <v>11</v>
      </c>
    </row>
    <row r="7824" spans="1:4" x14ac:dyDescent="0.25">
      <c r="A7824" s="7">
        <f t="shared" si="369"/>
        <v>44887.66666664771</v>
      </c>
      <c r="B7824" s="8">
        <v>3.5424621165230605</v>
      </c>
      <c r="C7824">
        <f t="shared" si="367"/>
        <v>16</v>
      </c>
      <c r="D7824">
        <f t="shared" si="368"/>
        <v>11</v>
      </c>
    </row>
    <row r="7825" spans="1:4" x14ac:dyDescent="0.25">
      <c r="A7825" s="7">
        <f t="shared" si="369"/>
        <v>44887.708333314375</v>
      </c>
      <c r="B7825" s="8">
        <v>1.1344481528110364</v>
      </c>
      <c r="C7825">
        <f t="shared" si="367"/>
        <v>17</v>
      </c>
      <c r="D7825">
        <f t="shared" si="368"/>
        <v>11</v>
      </c>
    </row>
    <row r="7826" spans="1:4" x14ac:dyDescent="0.25">
      <c r="A7826" s="7">
        <f t="shared" si="369"/>
        <v>44887.749999981039</v>
      </c>
      <c r="B7826" s="8">
        <v>-4.9800999999999998E-2</v>
      </c>
      <c r="C7826">
        <f t="shared" si="367"/>
        <v>18</v>
      </c>
      <c r="D7826">
        <f t="shared" si="368"/>
        <v>11</v>
      </c>
    </row>
    <row r="7827" spans="1:4" x14ac:dyDescent="0.25">
      <c r="A7827" s="7">
        <f t="shared" si="369"/>
        <v>44887.791666647703</v>
      </c>
      <c r="B7827" s="8">
        <v>-4.9800999999999998E-2</v>
      </c>
      <c r="C7827">
        <f t="shared" si="367"/>
        <v>19</v>
      </c>
      <c r="D7827">
        <f t="shared" si="368"/>
        <v>11</v>
      </c>
    </row>
    <row r="7828" spans="1:4" x14ac:dyDescent="0.25">
      <c r="A7828" s="7">
        <f t="shared" si="369"/>
        <v>44887.833333314367</v>
      </c>
      <c r="B7828" s="8">
        <v>-4.9800999999999998E-2</v>
      </c>
      <c r="C7828">
        <f t="shared" si="367"/>
        <v>20</v>
      </c>
      <c r="D7828">
        <f t="shared" si="368"/>
        <v>11</v>
      </c>
    </row>
    <row r="7829" spans="1:4" x14ac:dyDescent="0.25">
      <c r="A7829" s="7">
        <f t="shared" si="369"/>
        <v>44887.874999981032</v>
      </c>
      <c r="B7829" s="8">
        <v>-4.9800999999999998E-2</v>
      </c>
      <c r="C7829">
        <f t="shared" si="367"/>
        <v>21</v>
      </c>
      <c r="D7829">
        <f t="shared" si="368"/>
        <v>11</v>
      </c>
    </row>
    <row r="7830" spans="1:4" x14ac:dyDescent="0.25">
      <c r="A7830" s="7">
        <f t="shared" si="369"/>
        <v>44887.916666647696</v>
      </c>
      <c r="B7830" s="8">
        <v>-4.9800999999999998E-2</v>
      </c>
      <c r="C7830">
        <f t="shared" si="367"/>
        <v>22</v>
      </c>
      <c r="D7830">
        <f t="shared" si="368"/>
        <v>11</v>
      </c>
    </row>
    <row r="7831" spans="1:4" x14ac:dyDescent="0.25">
      <c r="A7831" s="7">
        <f t="shared" si="369"/>
        <v>44887.95833331436</v>
      </c>
      <c r="B7831" s="8">
        <v>-4.9800999999999998E-2</v>
      </c>
      <c r="C7831">
        <f t="shared" si="367"/>
        <v>23</v>
      </c>
      <c r="D7831">
        <f t="shared" si="368"/>
        <v>11</v>
      </c>
    </row>
    <row r="7832" spans="1:4" x14ac:dyDescent="0.25">
      <c r="A7832" s="7">
        <f t="shared" si="369"/>
        <v>44887.999999981024</v>
      </c>
      <c r="B7832" s="8">
        <v>-4.9800999999999998E-2</v>
      </c>
      <c r="C7832">
        <f t="shared" si="367"/>
        <v>0</v>
      </c>
      <c r="D7832">
        <f t="shared" si="368"/>
        <v>11</v>
      </c>
    </row>
    <row r="7833" spans="1:4" x14ac:dyDescent="0.25">
      <c r="A7833" s="7">
        <f t="shared" si="369"/>
        <v>44888.041666647689</v>
      </c>
      <c r="B7833" s="8">
        <v>-4.9800999999999998E-2</v>
      </c>
      <c r="C7833">
        <f t="shared" si="367"/>
        <v>1</v>
      </c>
      <c r="D7833">
        <f t="shared" si="368"/>
        <v>11</v>
      </c>
    </row>
    <row r="7834" spans="1:4" x14ac:dyDescent="0.25">
      <c r="A7834" s="7">
        <f t="shared" si="369"/>
        <v>44888.083333314353</v>
      </c>
      <c r="B7834" s="8">
        <v>-4.9800999999999998E-2</v>
      </c>
      <c r="C7834">
        <f t="shared" si="367"/>
        <v>2</v>
      </c>
      <c r="D7834">
        <f t="shared" si="368"/>
        <v>11</v>
      </c>
    </row>
    <row r="7835" spans="1:4" x14ac:dyDescent="0.25">
      <c r="A7835" s="7">
        <f t="shared" si="369"/>
        <v>44888.124999981017</v>
      </c>
      <c r="B7835" s="8">
        <v>-4.9800999999999998E-2</v>
      </c>
      <c r="C7835">
        <f t="shared" si="367"/>
        <v>3</v>
      </c>
      <c r="D7835">
        <f t="shared" si="368"/>
        <v>11</v>
      </c>
    </row>
    <row r="7836" spans="1:4" x14ac:dyDescent="0.25">
      <c r="A7836" s="7">
        <f t="shared" si="369"/>
        <v>44888.166666647681</v>
      </c>
      <c r="B7836" s="8">
        <v>-4.9800999999999998E-2</v>
      </c>
      <c r="C7836">
        <f t="shared" si="367"/>
        <v>4</v>
      </c>
      <c r="D7836">
        <f t="shared" si="368"/>
        <v>11</v>
      </c>
    </row>
    <row r="7837" spans="1:4" x14ac:dyDescent="0.25">
      <c r="A7837" s="7">
        <f t="shared" si="369"/>
        <v>44888.208333314346</v>
      </c>
      <c r="B7837" s="8">
        <v>-4.9800999999999998E-2</v>
      </c>
      <c r="C7837">
        <f t="shared" si="367"/>
        <v>5</v>
      </c>
      <c r="D7837">
        <f t="shared" si="368"/>
        <v>11</v>
      </c>
    </row>
    <row r="7838" spans="1:4" x14ac:dyDescent="0.25">
      <c r="A7838" s="7">
        <f t="shared" si="369"/>
        <v>44888.24999998101</v>
      </c>
      <c r="B7838" s="8">
        <v>-4.9800999999999998E-2</v>
      </c>
      <c r="C7838">
        <f t="shared" si="367"/>
        <v>6</v>
      </c>
      <c r="D7838">
        <f t="shared" si="368"/>
        <v>11</v>
      </c>
    </row>
    <row r="7839" spans="1:4" x14ac:dyDescent="0.25">
      <c r="A7839" s="7">
        <f t="shared" si="369"/>
        <v>44888.291666647674</v>
      </c>
      <c r="B7839" s="8">
        <v>-4.9800999999999998E-2</v>
      </c>
      <c r="C7839">
        <f t="shared" si="367"/>
        <v>7</v>
      </c>
      <c r="D7839">
        <f t="shared" si="368"/>
        <v>11</v>
      </c>
    </row>
    <row r="7840" spans="1:4" x14ac:dyDescent="0.25">
      <c r="A7840" s="7">
        <f t="shared" si="369"/>
        <v>44888.333333314338</v>
      </c>
      <c r="B7840" s="8">
        <v>0.54559660627907725</v>
      </c>
      <c r="C7840">
        <f t="shared" si="367"/>
        <v>8</v>
      </c>
      <c r="D7840">
        <f t="shared" si="368"/>
        <v>11</v>
      </c>
    </row>
    <row r="7841" spans="1:4" x14ac:dyDescent="0.25">
      <c r="A7841" s="7">
        <f t="shared" si="369"/>
        <v>44888.374999981002</v>
      </c>
      <c r="B7841" s="8">
        <v>6.4769918677426137</v>
      </c>
      <c r="C7841">
        <f t="shared" si="367"/>
        <v>9</v>
      </c>
      <c r="D7841">
        <f t="shared" si="368"/>
        <v>11</v>
      </c>
    </row>
    <row r="7842" spans="1:4" x14ac:dyDescent="0.25">
      <c r="A7842" s="7">
        <f t="shared" si="369"/>
        <v>44888.416666647667</v>
      </c>
      <c r="B7842" s="8">
        <v>14.316062943781462</v>
      </c>
      <c r="C7842">
        <f t="shared" si="367"/>
        <v>10</v>
      </c>
      <c r="D7842">
        <f t="shared" si="368"/>
        <v>11</v>
      </c>
    </row>
    <row r="7843" spans="1:4" x14ac:dyDescent="0.25">
      <c r="A7843" s="7">
        <f t="shared" si="369"/>
        <v>44888.458333314331</v>
      </c>
      <c r="B7843" s="8">
        <v>19.069520131805152</v>
      </c>
      <c r="C7843">
        <f t="shared" si="367"/>
        <v>11</v>
      </c>
      <c r="D7843">
        <f t="shared" si="368"/>
        <v>11</v>
      </c>
    </row>
    <row r="7844" spans="1:4" x14ac:dyDescent="0.25">
      <c r="A7844" s="7">
        <f t="shared" si="369"/>
        <v>44888.499999980995</v>
      </c>
      <c r="B7844" s="8">
        <v>20.451183099326673</v>
      </c>
      <c r="C7844">
        <f t="shared" si="367"/>
        <v>12</v>
      </c>
      <c r="D7844">
        <f t="shared" si="368"/>
        <v>11</v>
      </c>
    </row>
    <row r="7845" spans="1:4" x14ac:dyDescent="0.25">
      <c r="A7845" s="7">
        <f t="shared" si="369"/>
        <v>44888.541666647659</v>
      </c>
      <c r="B7845" s="8">
        <v>20.45120371164035</v>
      </c>
      <c r="C7845">
        <f t="shared" si="367"/>
        <v>13</v>
      </c>
      <c r="D7845">
        <f t="shared" si="368"/>
        <v>11</v>
      </c>
    </row>
    <row r="7846" spans="1:4" x14ac:dyDescent="0.25">
      <c r="A7846" s="7">
        <f t="shared" si="369"/>
        <v>44888.583333314324</v>
      </c>
      <c r="B7846" s="8">
        <v>20.246347201537766</v>
      </c>
      <c r="C7846">
        <f t="shared" si="367"/>
        <v>14</v>
      </c>
      <c r="D7846">
        <f t="shared" si="368"/>
        <v>11</v>
      </c>
    </row>
    <row r="7847" spans="1:4" x14ac:dyDescent="0.25">
      <c r="A7847" s="7">
        <f t="shared" si="369"/>
        <v>44888.624999980988</v>
      </c>
      <c r="B7847" s="8">
        <v>16.812844866962656</v>
      </c>
      <c r="C7847">
        <f t="shared" si="367"/>
        <v>15</v>
      </c>
      <c r="D7847">
        <f t="shared" si="368"/>
        <v>11</v>
      </c>
    </row>
    <row r="7848" spans="1:4" x14ac:dyDescent="0.25">
      <c r="A7848" s="7">
        <f t="shared" si="369"/>
        <v>44888.666666647652</v>
      </c>
      <c r="B7848" s="8">
        <v>11.034112645522441</v>
      </c>
      <c r="C7848">
        <f t="shared" si="367"/>
        <v>16</v>
      </c>
      <c r="D7848">
        <f t="shared" si="368"/>
        <v>11</v>
      </c>
    </row>
    <row r="7849" spans="1:4" x14ac:dyDescent="0.25">
      <c r="A7849" s="7">
        <f t="shared" si="369"/>
        <v>44888.708333314316</v>
      </c>
      <c r="B7849" s="8">
        <v>3.0336265410726715</v>
      </c>
      <c r="C7849">
        <f t="shared" si="367"/>
        <v>17</v>
      </c>
      <c r="D7849">
        <f t="shared" si="368"/>
        <v>11</v>
      </c>
    </row>
    <row r="7850" spans="1:4" x14ac:dyDescent="0.25">
      <c r="A7850" s="7">
        <f t="shared" si="369"/>
        <v>44888.749999980981</v>
      </c>
      <c r="B7850" s="8">
        <v>-4.9800999999999998E-2</v>
      </c>
      <c r="C7850">
        <f t="shared" si="367"/>
        <v>18</v>
      </c>
      <c r="D7850">
        <f t="shared" si="368"/>
        <v>11</v>
      </c>
    </row>
    <row r="7851" spans="1:4" x14ac:dyDescent="0.25">
      <c r="A7851" s="7">
        <f t="shared" si="369"/>
        <v>44888.791666647645</v>
      </c>
      <c r="B7851" s="8">
        <v>-4.9800999999999998E-2</v>
      </c>
      <c r="C7851">
        <f t="shared" si="367"/>
        <v>19</v>
      </c>
      <c r="D7851">
        <f t="shared" si="368"/>
        <v>11</v>
      </c>
    </row>
    <row r="7852" spans="1:4" x14ac:dyDescent="0.25">
      <c r="A7852" s="7">
        <f t="shared" si="369"/>
        <v>44888.833333314309</v>
      </c>
      <c r="B7852" s="8">
        <v>-4.9800999999999998E-2</v>
      </c>
      <c r="C7852">
        <f t="shared" si="367"/>
        <v>20</v>
      </c>
      <c r="D7852">
        <f t="shared" si="368"/>
        <v>11</v>
      </c>
    </row>
    <row r="7853" spans="1:4" x14ac:dyDescent="0.25">
      <c r="A7853" s="7">
        <f t="shared" si="369"/>
        <v>44888.874999980973</v>
      </c>
      <c r="B7853" s="8">
        <v>-4.9800999999999998E-2</v>
      </c>
      <c r="C7853">
        <f t="shared" si="367"/>
        <v>21</v>
      </c>
      <c r="D7853">
        <f t="shared" si="368"/>
        <v>11</v>
      </c>
    </row>
    <row r="7854" spans="1:4" x14ac:dyDescent="0.25">
      <c r="A7854" s="7">
        <f t="shared" si="369"/>
        <v>44888.916666647638</v>
      </c>
      <c r="B7854" s="8">
        <v>-4.9800999999999998E-2</v>
      </c>
      <c r="C7854">
        <f t="shared" si="367"/>
        <v>22</v>
      </c>
      <c r="D7854">
        <f t="shared" si="368"/>
        <v>11</v>
      </c>
    </row>
    <row r="7855" spans="1:4" x14ac:dyDescent="0.25">
      <c r="A7855" s="7">
        <f t="shared" si="369"/>
        <v>44888.958333314302</v>
      </c>
      <c r="B7855" s="8">
        <v>-4.9800999999999998E-2</v>
      </c>
      <c r="C7855">
        <f t="shared" si="367"/>
        <v>23</v>
      </c>
      <c r="D7855">
        <f t="shared" si="368"/>
        <v>11</v>
      </c>
    </row>
    <row r="7856" spans="1:4" x14ac:dyDescent="0.25">
      <c r="A7856" s="7">
        <f t="shared" si="369"/>
        <v>44888.999999980966</v>
      </c>
      <c r="B7856" s="8">
        <v>-4.9800999999999998E-2</v>
      </c>
      <c r="C7856">
        <f t="shared" si="367"/>
        <v>0</v>
      </c>
      <c r="D7856">
        <f t="shared" si="368"/>
        <v>11</v>
      </c>
    </row>
    <row r="7857" spans="1:4" x14ac:dyDescent="0.25">
      <c r="A7857" s="7">
        <f t="shared" si="369"/>
        <v>44889.04166664763</v>
      </c>
      <c r="B7857" s="8">
        <v>-4.9800999999999998E-2</v>
      </c>
      <c r="C7857">
        <f t="shared" si="367"/>
        <v>1</v>
      </c>
      <c r="D7857">
        <f t="shared" si="368"/>
        <v>11</v>
      </c>
    </row>
    <row r="7858" spans="1:4" x14ac:dyDescent="0.25">
      <c r="A7858" s="7">
        <f t="shared" si="369"/>
        <v>44889.083333314295</v>
      </c>
      <c r="B7858" s="8">
        <v>-4.9800999999999998E-2</v>
      </c>
      <c r="C7858">
        <f t="shared" si="367"/>
        <v>2</v>
      </c>
      <c r="D7858">
        <f t="shared" si="368"/>
        <v>11</v>
      </c>
    </row>
    <row r="7859" spans="1:4" x14ac:dyDescent="0.25">
      <c r="A7859" s="7">
        <f t="shared" si="369"/>
        <v>44889.124999980959</v>
      </c>
      <c r="B7859" s="8">
        <v>-4.9800999999999998E-2</v>
      </c>
      <c r="C7859">
        <f t="shared" si="367"/>
        <v>3</v>
      </c>
      <c r="D7859">
        <f t="shared" si="368"/>
        <v>11</v>
      </c>
    </row>
    <row r="7860" spans="1:4" x14ac:dyDescent="0.25">
      <c r="A7860" s="7">
        <f t="shared" si="369"/>
        <v>44889.166666647623</v>
      </c>
      <c r="B7860" s="8">
        <v>-4.9800999999999998E-2</v>
      </c>
      <c r="C7860">
        <f t="shared" si="367"/>
        <v>4</v>
      </c>
      <c r="D7860">
        <f t="shared" si="368"/>
        <v>11</v>
      </c>
    </row>
    <row r="7861" spans="1:4" x14ac:dyDescent="0.25">
      <c r="A7861" s="7">
        <f t="shared" si="369"/>
        <v>44889.208333314287</v>
      </c>
      <c r="B7861" s="8">
        <v>-4.9800999999999998E-2</v>
      </c>
      <c r="C7861">
        <f t="shared" si="367"/>
        <v>5</v>
      </c>
      <c r="D7861">
        <f t="shared" si="368"/>
        <v>11</v>
      </c>
    </row>
    <row r="7862" spans="1:4" x14ac:dyDescent="0.25">
      <c r="A7862" s="7">
        <f t="shared" si="369"/>
        <v>44889.249999980952</v>
      </c>
      <c r="B7862" s="8">
        <v>-4.9800999999999998E-2</v>
      </c>
      <c r="C7862">
        <f t="shared" si="367"/>
        <v>6</v>
      </c>
      <c r="D7862">
        <f t="shared" si="368"/>
        <v>11</v>
      </c>
    </row>
    <row r="7863" spans="1:4" x14ac:dyDescent="0.25">
      <c r="A7863" s="7">
        <f t="shared" si="369"/>
        <v>44889.291666647616</v>
      </c>
      <c r="B7863" s="8">
        <v>-4.9800999999999998E-2</v>
      </c>
      <c r="C7863">
        <f t="shared" si="367"/>
        <v>7</v>
      </c>
      <c r="D7863">
        <f t="shared" si="368"/>
        <v>11</v>
      </c>
    </row>
    <row r="7864" spans="1:4" x14ac:dyDescent="0.25">
      <c r="A7864" s="7">
        <f t="shared" si="369"/>
        <v>44889.33333331428</v>
      </c>
      <c r="B7864" s="8">
        <v>0.47840767799920769</v>
      </c>
      <c r="C7864">
        <f t="shared" si="367"/>
        <v>8</v>
      </c>
      <c r="D7864">
        <f t="shared" si="368"/>
        <v>11</v>
      </c>
    </row>
    <row r="7865" spans="1:4" x14ac:dyDescent="0.25">
      <c r="A7865" s="7">
        <f t="shared" si="369"/>
        <v>44889.374999980944</v>
      </c>
      <c r="B7865" s="8">
        <v>6.4643441520699101</v>
      </c>
      <c r="C7865">
        <f t="shared" si="367"/>
        <v>9</v>
      </c>
      <c r="D7865">
        <f t="shared" si="368"/>
        <v>11</v>
      </c>
    </row>
    <row r="7866" spans="1:4" x14ac:dyDescent="0.25">
      <c r="A7866" s="7">
        <f t="shared" si="369"/>
        <v>44889.416666647609</v>
      </c>
      <c r="B7866" s="8">
        <v>14.182472477604216</v>
      </c>
      <c r="C7866">
        <f t="shared" si="367"/>
        <v>10</v>
      </c>
      <c r="D7866">
        <f t="shared" si="368"/>
        <v>11</v>
      </c>
    </row>
    <row r="7867" spans="1:4" x14ac:dyDescent="0.25">
      <c r="A7867" s="7">
        <f t="shared" si="369"/>
        <v>44889.458333314273</v>
      </c>
      <c r="B7867" s="8">
        <v>18.540335049676347</v>
      </c>
      <c r="C7867">
        <f t="shared" si="367"/>
        <v>11</v>
      </c>
      <c r="D7867">
        <f t="shared" si="368"/>
        <v>11</v>
      </c>
    </row>
    <row r="7868" spans="1:4" x14ac:dyDescent="0.25">
      <c r="A7868" s="7">
        <f t="shared" si="369"/>
        <v>44889.499999980937</v>
      </c>
      <c r="B7868" s="8">
        <v>20.451246997499076</v>
      </c>
      <c r="C7868">
        <f t="shared" si="367"/>
        <v>12</v>
      </c>
      <c r="D7868">
        <f t="shared" si="368"/>
        <v>11</v>
      </c>
    </row>
    <row r="7869" spans="1:4" x14ac:dyDescent="0.25">
      <c r="A7869" s="7">
        <f t="shared" si="369"/>
        <v>44889.541666647601</v>
      </c>
      <c r="B7869" s="8">
        <v>20.451257303655915</v>
      </c>
      <c r="C7869">
        <f t="shared" si="367"/>
        <v>13</v>
      </c>
      <c r="D7869">
        <f t="shared" si="368"/>
        <v>11</v>
      </c>
    </row>
    <row r="7870" spans="1:4" x14ac:dyDescent="0.25">
      <c r="A7870" s="7">
        <f t="shared" si="369"/>
        <v>44889.583333314265</v>
      </c>
      <c r="B7870" s="8">
        <v>19.409737705829915</v>
      </c>
      <c r="C7870">
        <f t="shared" si="367"/>
        <v>14</v>
      </c>
      <c r="D7870">
        <f t="shared" si="368"/>
        <v>11</v>
      </c>
    </row>
    <row r="7871" spans="1:4" x14ac:dyDescent="0.25">
      <c r="A7871" s="7">
        <f t="shared" si="369"/>
        <v>44889.62499998093</v>
      </c>
      <c r="B7871" s="8">
        <v>15.282982455944738</v>
      </c>
      <c r="C7871">
        <f t="shared" si="367"/>
        <v>15</v>
      </c>
      <c r="D7871">
        <f t="shared" si="368"/>
        <v>11</v>
      </c>
    </row>
    <row r="7872" spans="1:4" x14ac:dyDescent="0.25">
      <c r="A7872" s="7">
        <f t="shared" si="369"/>
        <v>44889.666666647594</v>
      </c>
      <c r="B7872" s="8">
        <v>8.7324973837838993</v>
      </c>
      <c r="C7872">
        <f t="shared" si="367"/>
        <v>16</v>
      </c>
      <c r="D7872">
        <f t="shared" si="368"/>
        <v>11</v>
      </c>
    </row>
    <row r="7873" spans="1:4" x14ac:dyDescent="0.25">
      <c r="A7873" s="7">
        <f t="shared" si="369"/>
        <v>44889.708333314258</v>
      </c>
      <c r="B7873" s="8">
        <v>2.5177364012660521</v>
      </c>
      <c r="C7873">
        <f t="shared" si="367"/>
        <v>17</v>
      </c>
      <c r="D7873">
        <f t="shared" si="368"/>
        <v>11</v>
      </c>
    </row>
    <row r="7874" spans="1:4" x14ac:dyDescent="0.25">
      <c r="A7874" s="7">
        <f t="shared" si="369"/>
        <v>44889.749999980922</v>
      </c>
      <c r="B7874" s="8">
        <v>-4.9800999999999998E-2</v>
      </c>
      <c r="C7874">
        <f t="shared" si="367"/>
        <v>18</v>
      </c>
      <c r="D7874">
        <f t="shared" si="368"/>
        <v>11</v>
      </c>
    </row>
    <row r="7875" spans="1:4" x14ac:dyDescent="0.25">
      <c r="A7875" s="7">
        <f t="shared" si="369"/>
        <v>44889.791666647587</v>
      </c>
      <c r="B7875" s="8">
        <v>-4.9800999999999998E-2</v>
      </c>
      <c r="C7875">
        <f t="shared" si="367"/>
        <v>19</v>
      </c>
      <c r="D7875">
        <f t="shared" si="368"/>
        <v>11</v>
      </c>
    </row>
    <row r="7876" spans="1:4" x14ac:dyDescent="0.25">
      <c r="A7876" s="7">
        <f t="shared" si="369"/>
        <v>44889.833333314251</v>
      </c>
      <c r="B7876" s="8">
        <v>-4.9800999999999998E-2</v>
      </c>
      <c r="C7876">
        <f t="shared" si="367"/>
        <v>20</v>
      </c>
      <c r="D7876">
        <f t="shared" si="368"/>
        <v>11</v>
      </c>
    </row>
    <row r="7877" spans="1:4" x14ac:dyDescent="0.25">
      <c r="A7877" s="7">
        <f t="shared" si="369"/>
        <v>44889.874999980915</v>
      </c>
      <c r="B7877" s="8">
        <v>-4.9800999999999998E-2</v>
      </c>
      <c r="C7877">
        <f t="shared" si="367"/>
        <v>21</v>
      </c>
      <c r="D7877">
        <f t="shared" si="368"/>
        <v>11</v>
      </c>
    </row>
    <row r="7878" spans="1:4" x14ac:dyDescent="0.25">
      <c r="A7878" s="7">
        <f t="shared" si="369"/>
        <v>44889.916666647579</v>
      </c>
      <c r="B7878" s="8">
        <v>-4.9800999999999998E-2</v>
      </c>
      <c r="C7878">
        <f t="shared" si="367"/>
        <v>22</v>
      </c>
      <c r="D7878">
        <f t="shared" si="368"/>
        <v>11</v>
      </c>
    </row>
    <row r="7879" spans="1:4" x14ac:dyDescent="0.25">
      <c r="A7879" s="7">
        <f t="shared" si="369"/>
        <v>44889.958333314244</v>
      </c>
      <c r="B7879" s="8">
        <v>-4.9800999999999998E-2</v>
      </c>
      <c r="C7879">
        <f t="shared" si="367"/>
        <v>23</v>
      </c>
      <c r="D7879">
        <f t="shared" si="368"/>
        <v>11</v>
      </c>
    </row>
    <row r="7880" spans="1:4" x14ac:dyDescent="0.25">
      <c r="A7880" s="7">
        <f t="shared" si="369"/>
        <v>44889.999999980908</v>
      </c>
      <c r="B7880" s="8">
        <v>-4.9800999999999998E-2</v>
      </c>
      <c r="C7880">
        <f t="shared" si="367"/>
        <v>0</v>
      </c>
      <c r="D7880">
        <f t="shared" si="368"/>
        <v>11</v>
      </c>
    </row>
    <row r="7881" spans="1:4" x14ac:dyDescent="0.25">
      <c r="A7881" s="7">
        <f t="shared" si="369"/>
        <v>44890.041666647572</v>
      </c>
      <c r="B7881" s="8">
        <v>-4.9800999999999998E-2</v>
      </c>
      <c r="C7881">
        <f t="shared" si="367"/>
        <v>1</v>
      </c>
      <c r="D7881">
        <f t="shared" si="368"/>
        <v>11</v>
      </c>
    </row>
    <row r="7882" spans="1:4" x14ac:dyDescent="0.25">
      <c r="A7882" s="7">
        <f t="shared" si="369"/>
        <v>44890.083333314236</v>
      </c>
      <c r="B7882" s="8">
        <v>-4.9800999999999998E-2</v>
      </c>
      <c r="C7882">
        <f t="shared" ref="C7882:C7945" si="370">HOUR(A7882)</f>
        <v>2</v>
      </c>
      <c r="D7882">
        <f t="shared" ref="D7882:D7945" si="371">MONTH(A7882)</f>
        <v>11</v>
      </c>
    </row>
    <row r="7883" spans="1:4" x14ac:dyDescent="0.25">
      <c r="A7883" s="7">
        <f t="shared" ref="A7883:A7946" si="372">+A7882+1/24</f>
        <v>44890.124999980901</v>
      </c>
      <c r="B7883" s="8">
        <v>-4.9800999999999998E-2</v>
      </c>
      <c r="C7883">
        <f t="shared" si="370"/>
        <v>3</v>
      </c>
      <c r="D7883">
        <f t="shared" si="371"/>
        <v>11</v>
      </c>
    </row>
    <row r="7884" spans="1:4" x14ac:dyDescent="0.25">
      <c r="A7884" s="7">
        <f t="shared" si="372"/>
        <v>44890.166666647565</v>
      </c>
      <c r="B7884" s="8">
        <v>-4.9800999999999998E-2</v>
      </c>
      <c r="C7884">
        <f t="shared" si="370"/>
        <v>4</v>
      </c>
      <c r="D7884">
        <f t="shared" si="371"/>
        <v>11</v>
      </c>
    </row>
    <row r="7885" spans="1:4" x14ac:dyDescent="0.25">
      <c r="A7885" s="7">
        <f t="shared" si="372"/>
        <v>44890.208333314229</v>
      </c>
      <c r="B7885" s="8">
        <v>-4.9800999999999998E-2</v>
      </c>
      <c r="C7885">
        <f t="shared" si="370"/>
        <v>5</v>
      </c>
      <c r="D7885">
        <f t="shared" si="371"/>
        <v>11</v>
      </c>
    </row>
    <row r="7886" spans="1:4" x14ac:dyDescent="0.25">
      <c r="A7886" s="7">
        <f t="shared" si="372"/>
        <v>44890.249999980893</v>
      </c>
      <c r="B7886" s="8">
        <v>-4.9800999999999998E-2</v>
      </c>
      <c r="C7886">
        <f t="shared" si="370"/>
        <v>6</v>
      </c>
      <c r="D7886">
        <f t="shared" si="371"/>
        <v>11</v>
      </c>
    </row>
    <row r="7887" spans="1:4" x14ac:dyDescent="0.25">
      <c r="A7887" s="7">
        <f t="shared" si="372"/>
        <v>44890.291666647558</v>
      </c>
      <c r="B7887" s="8">
        <v>-4.9800999999999998E-2</v>
      </c>
      <c r="C7887">
        <f t="shared" si="370"/>
        <v>7</v>
      </c>
      <c r="D7887">
        <f t="shared" si="371"/>
        <v>11</v>
      </c>
    </row>
    <row r="7888" spans="1:4" x14ac:dyDescent="0.25">
      <c r="A7888" s="7">
        <f t="shared" si="372"/>
        <v>44890.333333314222</v>
      </c>
      <c r="B7888" s="8">
        <v>0.445141464954592</v>
      </c>
      <c r="C7888">
        <f t="shared" si="370"/>
        <v>8</v>
      </c>
      <c r="D7888">
        <f t="shared" si="371"/>
        <v>11</v>
      </c>
    </row>
    <row r="7889" spans="1:4" x14ac:dyDescent="0.25">
      <c r="A7889" s="7">
        <f t="shared" si="372"/>
        <v>44890.374999980886</v>
      </c>
      <c r="B7889" s="8">
        <v>5.8884515671471904</v>
      </c>
      <c r="C7889">
        <f t="shared" si="370"/>
        <v>9</v>
      </c>
      <c r="D7889">
        <f t="shared" si="371"/>
        <v>11</v>
      </c>
    </row>
    <row r="7890" spans="1:4" x14ac:dyDescent="0.25">
      <c r="A7890" s="7">
        <f t="shared" si="372"/>
        <v>44890.41666664755</v>
      </c>
      <c r="B7890" s="8">
        <v>10.973431024670655</v>
      </c>
      <c r="C7890">
        <f t="shared" si="370"/>
        <v>10</v>
      </c>
      <c r="D7890">
        <f t="shared" si="371"/>
        <v>11</v>
      </c>
    </row>
    <row r="7891" spans="1:4" x14ac:dyDescent="0.25">
      <c r="A7891" s="7">
        <f t="shared" si="372"/>
        <v>44890.458333314215</v>
      </c>
      <c r="B7891" s="8">
        <v>17.869036309664523</v>
      </c>
      <c r="C7891">
        <f t="shared" si="370"/>
        <v>11</v>
      </c>
      <c r="D7891">
        <f t="shared" si="371"/>
        <v>11</v>
      </c>
    </row>
    <row r="7892" spans="1:4" x14ac:dyDescent="0.25">
      <c r="A7892" s="7">
        <f t="shared" si="372"/>
        <v>44890.499999980879</v>
      </c>
      <c r="B7892" s="8">
        <v>20.039493358239799</v>
      </c>
      <c r="C7892">
        <f t="shared" si="370"/>
        <v>12</v>
      </c>
      <c r="D7892">
        <f t="shared" si="371"/>
        <v>11</v>
      </c>
    </row>
    <row r="7893" spans="1:4" x14ac:dyDescent="0.25">
      <c r="A7893" s="7">
        <f t="shared" si="372"/>
        <v>44890.541666647543</v>
      </c>
      <c r="B7893" s="8">
        <v>20.444996313376279</v>
      </c>
      <c r="C7893">
        <f t="shared" si="370"/>
        <v>13</v>
      </c>
      <c r="D7893">
        <f t="shared" si="371"/>
        <v>11</v>
      </c>
    </row>
    <row r="7894" spans="1:4" x14ac:dyDescent="0.25">
      <c r="A7894" s="7">
        <f t="shared" si="372"/>
        <v>44890.583333314207</v>
      </c>
      <c r="B7894" s="8">
        <v>19.218740915444286</v>
      </c>
      <c r="C7894">
        <f t="shared" si="370"/>
        <v>14</v>
      </c>
      <c r="D7894">
        <f t="shared" si="371"/>
        <v>11</v>
      </c>
    </row>
    <row r="7895" spans="1:4" x14ac:dyDescent="0.25">
      <c r="A7895" s="7">
        <f t="shared" si="372"/>
        <v>44890.624999980872</v>
      </c>
      <c r="B7895" s="8">
        <v>16.359516191015238</v>
      </c>
      <c r="C7895">
        <f t="shared" si="370"/>
        <v>15</v>
      </c>
      <c r="D7895">
        <f t="shared" si="371"/>
        <v>11</v>
      </c>
    </row>
    <row r="7896" spans="1:4" x14ac:dyDescent="0.25">
      <c r="A7896" s="7">
        <f t="shared" si="372"/>
        <v>44890.666666647536</v>
      </c>
      <c r="B7896" s="8">
        <v>7.9922112911238132</v>
      </c>
      <c r="C7896">
        <f t="shared" si="370"/>
        <v>16</v>
      </c>
      <c r="D7896">
        <f t="shared" si="371"/>
        <v>11</v>
      </c>
    </row>
    <row r="7897" spans="1:4" x14ac:dyDescent="0.25">
      <c r="A7897" s="7">
        <f t="shared" si="372"/>
        <v>44890.7083333142</v>
      </c>
      <c r="B7897" s="8">
        <v>2.2225299366195257</v>
      </c>
      <c r="C7897">
        <f t="shared" si="370"/>
        <v>17</v>
      </c>
      <c r="D7897">
        <f t="shared" si="371"/>
        <v>11</v>
      </c>
    </row>
    <row r="7898" spans="1:4" x14ac:dyDescent="0.25">
      <c r="A7898" s="7">
        <f t="shared" si="372"/>
        <v>44890.749999980864</v>
      </c>
      <c r="B7898" s="8">
        <v>-4.9800999999999998E-2</v>
      </c>
      <c r="C7898">
        <f t="shared" si="370"/>
        <v>18</v>
      </c>
      <c r="D7898">
        <f t="shared" si="371"/>
        <v>11</v>
      </c>
    </row>
    <row r="7899" spans="1:4" x14ac:dyDescent="0.25">
      <c r="A7899" s="7">
        <f t="shared" si="372"/>
        <v>44890.791666647528</v>
      </c>
      <c r="B7899" s="8">
        <v>-4.9800999999999998E-2</v>
      </c>
      <c r="C7899">
        <f t="shared" si="370"/>
        <v>19</v>
      </c>
      <c r="D7899">
        <f t="shared" si="371"/>
        <v>11</v>
      </c>
    </row>
    <row r="7900" spans="1:4" x14ac:dyDescent="0.25">
      <c r="A7900" s="7">
        <f t="shared" si="372"/>
        <v>44890.833333314193</v>
      </c>
      <c r="B7900" s="8">
        <v>-4.9800999999999998E-2</v>
      </c>
      <c r="C7900">
        <f t="shared" si="370"/>
        <v>20</v>
      </c>
      <c r="D7900">
        <f t="shared" si="371"/>
        <v>11</v>
      </c>
    </row>
    <row r="7901" spans="1:4" x14ac:dyDescent="0.25">
      <c r="A7901" s="7">
        <f t="shared" si="372"/>
        <v>44890.874999980857</v>
      </c>
      <c r="B7901" s="8">
        <v>-4.9800999999999998E-2</v>
      </c>
      <c r="C7901">
        <f t="shared" si="370"/>
        <v>21</v>
      </c>
      <c r="D7901">
        <f t="shared" si="371"/>
        <v>11</v>
      </c>
    </row>
    <row r="7902" spans="1:4" x14ac:dyDescent="0.25">
      <c r="A7902" s="7">
        <f t="shared" si="372"/>
        <v>44890.916666647521</v>
      </c>
      <c r="B7902" s="8">
        <v>-4.9800999999999998E-2</v>
      </c>
      <c r="C7902">
        <f t="shared" si="370"/>
        <v>22</v>
      </c>
      <c r="D7902">
        <f t="shared" si="371"/>
        <v>11</v>
      </c>
    </row>
    <row r="7903" spans="1:4" x14ac:dyDescent="0.25">
      <c r="A7903" s="7">
        <f t="shared" si="372"/>
        <v>44890.958333314185</v>
      </c>
      <c r="B7903" s="8">
        <v>-4.9800999999999998E-2</v>
      </c>
      <c r="C7903">
        <f t="shared" si="370"/>
        <v>23</v>
      </c>
      <c r="D7903">
        <f t="shared" si="371"/>
        <v>11</v>
      </c>
    </row>
    <row r="7904" spans="1:4" x14ac:dyDescent="0.25">
      <c r="A7904" s="7">
        <f t="shared" si="372"/>
        <v>44890.99999998085</v>
      </c>
      <c r="B7904" s="8">
        <v>-4.9800999999999998E-2</v>
      </c>
      <c r="C7904">
        <f t="shared" si="370"/>
        <v>0</v>
      </c>
      <c r="D7904">
        <f t="shared" si="371"/>
        <v>11</v>
      </c>
    </row>
    <row r="7905" spans="1:4" x14ac:dyDescent="0.25">
      <c r="A7905" s="7">
        <f t="shared" si="372"/>
        <v>44891.041666647514</v>
      </c>
      <c r="B7905" s="8">
        <v>-4.9800999999999998E-2</v>
      </c>
      <c r="C7905">
        <f t="shared" si="370"/>
        <v>1</v>
      </c>
      <c r="D7905">
        <f t="shared" si="371"/>
        <v>11</v>
      </c>
    </row>
    <row r="7906" spans="1:4" x14ac:dyDescent="0.25">
      <c r="A7906" s="7">
        <f t="shared" si="372"/>
        <v>44891.083333314178</v>
      </c>
      <c r="B7906" s="8">
        <v>-4.9800999999999998E-2</v>
      </c>
      <c r="C7906">
        <f t="shared" si="370"/>
        <v>2</v>
      </c>
      <c r="D7906">
        <f t="shared" si="371"/>
        <v>11</v>
      </c>
    </row>
    <row r="7907" spans="1:4" x14ac:dyDescent="0.25">
      <c r="A7907" s="7">
        <f t="shared" si="372"/>
        <v>44891.124999980842</v>
      </c>
      <c r="B7907" s="8">
        <v>-4.9800999999999998E-2</v>
      </c>
      <c r="C7907">
        <f t="shared" si="370"/>
        <v>3</v>
      </c>
      <c r="D7907">
        <f t="shared" si="371"/>
        <v>11</v>
      </c>
    </row>
    <row r="7908" spans="1:4" x14ac:dyDescent="0.25">
      <c r="A7908" s="7">
        <f t="shared" si="372"/>
        <v>44891.166666647507</v>
      </c>
      <c r="B7908" s="8">
        <v>-4.9800999999999998E-2</v>
      </c>
      <c r="C7908">
        <f t="shared" si="370"/>
        <v>4</v>
      </c>
      <c r="D7908">
        <f t="shared" si="371"/>
        <v>11</v>
      </c>
    </row>
    <row r="7909" spans="1:4" x14ac:dyDescent="0.25">
      <c r="A7909" s="7">
        <f t="shared" si="372"/>
        <v>44891.208333314171</v>
      </c>
      <c r="B7909" s="8">
        <v>-4.9800999999999998E-2</v>
      </c>
      <c r="C7909">
        <f t="shared" si="370"/>
        <v>5</v>
      </c>
      <c r="D7909">
        <f t="shared" si="371"/>
        <v>11</v>
      </c>
    </row>
    <row r="7910" spans="1:4" x14ac:dyDescent="0.25">
      <c r="A7910" s="7">
        <f t="shared" si="372"/>
        <v>44891.249999980835</v>
      </c>
      <c r="B7910" s="8">
        <v>-4.9800999999999998E-2</v>
      </c>
      <c r="C7910">
        <f t="shared" si="370"/>
        <v>6</v>
      </c>
      <c r="D7910">
        <f t="shared" si="371"/>
        <v>11</v>
      </c>
    </row>
    <row r="7911" spans="1:4" x14ac:dyDescent="0.25">
      <c r="A7911" s="7">
        <f t="shared" si="372"/>
        <v>44891.291666647499</v>
      </c>
      <c r="B7911" s="8">
        <v>-4.9800999999999998E-2</v>
      </c>
      <c r="C7911">
        <f t="shared" si="370"/>
        <v>7</v>
      </c>
      <c r="D7911">
        <f t="shared" si="371"/>
        <v>11</v>
      </c>
    </row>
    <row r="7912" spans="1:4" x14ac:dyDescent="0.25">
      <c r="A7912" s="7">
        <f t="shared" si="372"/>
        <v>44891.333333314164</v>
      </c>
      <c r="B7912" s="8">
        <v>-4.9800999999999998E-2</v>
      </c>
      <c r="C7912">
        <f t="shared" si="370"/>
        <v>8</v>
      </c>
      <c r="D7912">
        <f t="shared" si="371"/>
        <v>11</v>
      </c>
    </row>
    <row r="7913" spans="1:4" x14ac:dyDescent="0.25">
      <c r="A7913" s="7">
        <f t="shared" si="372"/>
        <v>44891.374999980828</v>
      </c>
      <c r="B7913" s="8">
        <v>6.0572911509448577</v>
      </c>
      <c r="C7913">
        <f t="shared" si="370"/>
        <v>9</v>
      </c>
      <c r="D7913">
        <f t="shared" si="371"/>
        <v>11</v>
      </c>
    </row>
    <row r="7914" spans="1:4" x14ac:dyDescent="0.25">
      <c r="A7914" s="7">
        <f t="shared" si="372"/>
        <v>44891.416666647492</v>
      </c>
      <c r="B7914" s="8">
        <v>13.525982654354211</v>
      </c>
      <c r="C7914">
        <f t="shared" si="370"/>
        <v>10</v>
      </c>
      <c r="D7914">
        <f t="shared" si="371"/>
        <v>11</v>
      </c>
    </row>
    <row r="7915" spans="1:4" x14ac:dyDescent="0.25">
      <c r="A7915" s="7">
        <f t="shared" si="372"/>
        <v>44891.458333314156</v>
      </c>
      <c r="B7915" s="8">
        <v>16.326574621911046</v>
      </c>
      <c r="C7915">
        <f t="shared" si="370"/>
        <v>11</v>
      </c>
      <c r="D7915">
        <f t="shared" si="371"/>
        <v>11</v>
      </c>
    </row>
    <row r="7916" spans="1:4" x14ac:dyDescent="0.25">
      <c r="A7916" s="7">
        <f t="shared" si="372"/>
        <v>44891.499999980821</v>
      </c>
      <c r="B7916" s="8">
        <v>20.029768468646608</v>
      </c>
      <c r="C7916">
        <f t="shared" si="370"/>
        <v>12</v>
      </c>
      <c r="D7916">
        <f t="shared" si="371"/>
        <v>11</v>
      </c>
    </row>
    <row r="7917" spans="1:4" x14ac:dyDescent="0.25">
      <c r="A7917" s="7">
        <f t="shared" si="372"/>
        <v>44891.541666647485</v>
      </c>
      <c r="B7917" s="8">
        <v>20.253717134293268</v>
      </c>
      <c r="C7917">
        <f t="shared" si="370"/>
        <v>13</v>
      </c>
      <c r="D7917">
        <f t="shared" si="371"/>
        <v>11</v>
      </c>
    </row>
    <row r="7918" spans="1:4" x14ac:dyDescent="0.25">
      <c r="A7918" s="7">
        <f t="shared" si="372"/>
        <v>44891.583333314149</v>
      </c>
      <c r="B7918" s="8">
        <v>17.85400477991498</v>
      </c>
      <c r="C7918">
        <f t="shared" si="370"/>
        <v>14</v>
      </c>
      <c r="D7918">
        <f t="shared" si="371"/>
        <v>11</v>
      </c>
    </row>
    <row r="7919" spans="1:4" x14ac:dyDescent="0.25">
      <c r="A7919" s="7">
        <f t="shared" si="372"/>
        <v>44891.624999980813</v>
      </c>
      <c r="B7919" s="8">
        <v>9.8824573332531696</v>
      </c>
      <c r="C7919">
        <f t="shared" si="370"/>
        <v>15</v>
      </c>
      <c r="D7919">
        <f t="shared" si="371"/>
        <v>11</v>
      </c>
    </row>
    <row r="7920" spans="1:4" x14ac:dyDescent="0.25">
      <c r="A7920" s="7">
        <f t="shared" si="372"/>
        <v>44891.666666647478</v>
      </c>
      <c r="B7920" s="8">
        <v>8.1695091378391691</v>
      </c>
      <c r="C7920">
        <f t="shared" si="370"/>
        <v>16</v>
      </c>
      <c r="D7920">
        <f t="shared" si="371"/>
        <v>11</v>
      </c>
    </row>
    <row r="7921" spans="1:4" x14ac:dyDescent="0.25">
      <c r="A7921" s="7">
        <f t="shared" si="372"/>
        <v>44891.708333314142</v>
      </c>
      <c r="B7921" s="8">
        <v>2.031092042721192</v>
      </c>
      <c r="C7921">
        <f t="shared" si="370"/>
        <v>17</v>
      </c>
      <c r="D7921">
        <f t="shared" si="371"/>
        <v>11</v>
      </c>
    </row>
    <row r="7922" spans="1:4" x14ac:dyDescent="0.25">
      <c r="A7922" s="7">
        <f t="shared" si="372"/>
        <v>44891.749999980806</v>
      </c>
      <c r="B7922" s="8">
        <v>-4.9800999999999998E-2</v>
      </c>
      <c r="C7922">
        <f t="shared" si="370"/>
        <v>18</v>
      </c>
      <c r="D7922">
        <f t="shared" si="371"/>
        <v>11</v>
      </c>
    </row>
    <row r="7923" spans="1:4" x14ac:dyDescent="0.25">
      <c r="A7923" s="7">
        <f t="shared" si="372"/>
        <v>44891.79166664747</v>
      </c>
      <c r="B7923" s="8">
        <v>-4.9800999999999998E-2</v>
      </c>
      <c r="C7923">
        <f t="shared" si="370"/>
        <v>19</v>
      </c>
      <c r="D7923">
        <f t="shared" si="371"/>
        <v>11</v>
      </c>
    </row>
    <row r="7924" spans="1:4" x14ac:dyDescent="0.25">
      <c r="A7924" s="7">
        <f t="shared" si="372"/>
        <v>44891.833333314135</v>
      </c>
      <c r="B7924" s="8">
        <v>-4.9800999999999998E-2</v>
      </c>
      <c r="C7924">
        <f t="shared" si="370"/>
        <v>20</v>
      </c>
      <c r="D7924">
        <f t="shared" si="371"/>
        <v>11</v>
      </c>
    </row>
    <row r="7925" spans="1:4" x14ac:dyDescent="0.25">
      <c r="A7925" s="7">
        <f t="shared" si="372"/>
        <v>44891.874999980799</v>
      </c>
      <c r="B7925" s="8">
        <v>-4.9800999999999998E-2</v>
      </c>
      <c r="C7925">
        <f t="shared" si="370"/>
        <v>21</v>
      </c>
      <c r="D7925">
        <f t="shared" si="371"/>
        <v>11</v>
      </c>
    </row>
    <row r="7926" spans="1:4" x14ac:dyDescent="0.25">
      <c r="A7926" s="7">
        <f t="shared" si="372"/>
        <v>44891.916666647463</v>
      </c>
      <c r="B7926" s="8">
        <v>-4.9800999999999998E-2</v>
      </c>
      <c r="C7926">
        <f t="shared" si="370"/>
        <v>22</v>
      </c>
      <c r="D7926">
        <f t="shared" si="371"/>
        <v>11</v>
      </c>
    </row>
    <row r="7927" spans="1:4" x14ac:dyDescent="0.25">
      <c r="A7927" s="7">
        <f t="shared" si="372"/>
        <v>44891.958333314127</v>
      </c>
      <c r="B7927" s="8">
        <v>-4.9800999999999998E-2</v>
      </c>
      <c r="C7927">
        <f t="shared" si="370"/>
        <v>23</v>
      </c>
      <c r="D7927">
        <f t="shared" si="371"/>
        <v>11</v>
      </c>
    </row>
    <row r="7928" spans="1:4" x14ac:dyDescent="0.25">
      <c r="A7928" s="7">
        <f t="shared" si="372"/>
        <v>44891.999999980791</v>
      </c>
      <c r="B7928" s="8">
        <v>-4.9800999999999998E-2</v>
      </c>
      <c r="C7928">
        <f t="shared" si="370"/>
        <v>0</v>
      </c>
      <c r="D7928">
        <f t="shared" si="371"/>
        <v>11</v>
      </c>
    </row>
    <row r="7929" spans="1:4" x14ac:dyDescent="0.25">
      <c r="A7929" s="7">
        <f t="shared" si="372"/>
        <v>44892.041666647456</v>
      </c>
      <c r="B7929" s="8">
        <v>-4.9800999999999998E-2</v>
      </c>
      <c r="C7929">
        <f t="shared" si="370"/>
        <v>1</v>
      </c>
      <c r="D7929">
        <f t="shared" si="371"/>
        <v>11</v>
      </c>
    </row>
    <row r="7930" spans="1:4" x14ac:dyDescent="0.25">
      <c r="A7930" s="7">
        <f t="shared" si="372"/>
        <v>44892.08333331412</v>
      </c>
      <c r="B7930" s="8">
        <v>-4.9800999999999998E-2</v>
      </c>
      <c r="C7930">
        <f t="shared" si="370"/>
        <v>2</v>
      </c>
      <c r="D7930">
        <f t="shared" si="371"/>
        <v>11</v>
      </c>
    </row>
    <row r="7931" spans="1:4" x14ac:dyDescent="0.25">
      <c r="A7931" s="7">
        <f t="shared" si="372"/>
        <v>44892.124999980784</v>
      </c>
      <c r="B7931" s="8">
        <v>-4.9800999999999998E-2</v>
      </c>
      <c r="C7931">
        <f t="shared" si="370"/>
        <v>3</v>
      </c>
      <c r="D7931">
        <f t="shared" si="371"/>
        <v>11</v>
      </c>
    </row>
    <row r="7932" spans="1:4" x14ac:dyDescent="0.25">
      <c r="A7932" s="7">
        <f t="shared" si="372"/>
        <v>44892.166666647448</v>
      </c>
      <c r="B7932" s="8">
        <v>-4.9800999999999998E-2</v>
      </c>
      <c r="C7932">
        <f t="shared" si="370"/>
        <v>4</v>
      </c>
      <c r="D7932">
        <f t="shared" si="371"/>
        <v>11</v>
      </c>
    </row>
    <row r="7933" spans="1:4" x14ac:dyDescent="0.25">
      <c r="A7933" s="7">
        <f t="shared" si="372"/>
        <v>44892.208333314113</v>
      </c>
      <c r="B7933" s="8">
        <v>-4.9800999999999998E-2</v>
      </c>
      <c r="C7933">
        <f t="shared" si="370"/>
        <v>5</v>
      </c>
      <c r="D7933">
        <f t="shared" si="371"/>
        <v>11</v>
      </c>
    </row>
    <row r="7934" spans="1:4" x14ac:dyDescent="0.25">
      <c r="A7934" s="7">
        <f t="shared" si="372"/>
        <v>44892.249999980777</v>
      </c>
      <c r="B7934" s="8">
        <v>-4.9800999999999998E-2</v>
      </c>
      <c r="C7934">
        <f t="shared" si="370"/>
        <v>6</v>
      </c>
      <c r="D7934">
        <f t="shared" si="371"/>
        <v>11</v>
      </c>
    </row>
    <row r="7935" spans="1:4" x14ac:dyDescent="0.25">
      <c r="A7935" s="7">
        <f t="shared" si="372"/>
        <v>44892.291666647441</v>
      </c>
      <c r="B7935" s="8">
        <v>-4.9800999999999998E-2</v>
      </c>
      <c r="C7935">
        <f t="shared" si="370"/>
        <v>7</v>
      </c>
      <c r="D7935">
        <f t="shared" si="371"/>
        <v>11</v>
      </c>
    </row>
    <row r="7936" spans="1:4" x14ac:dyDescent="0.25">
      <c r="A7936" s="7">
        <f t="shared" si="372"/>
        <v>44892.333333314105</v>
      </c>
      <c r="B7936" s="8">
        <v>-4.9800999999999998E-2</v>
      </c>
      <c r="C7936">
        <f t="shared" si="370"/>
        <v>8</v>
      </c>
      <c r="D7936">
        <f t="shared" si="371"/>
        <v>11</v>
      </c>
    </row>
    <row r="7937" spans="1:4" x14ac:dyDescent="0.25">
      <c r="A7937" s="7">
        <f t="shared" si="372"/>
        <v>44892.37499998077</v>
      </c>
      <c r="B7937" s="8">
        <v>4.9216866473364966</v>
      </c>
      <c r="C7937">
        <f t="shared" si="370"/>
        <v>9</v>
      </c>
      <c r="D7937">
        <f t="shared" si="371"/>
        <v>11</v>
      </c>
    </row>
    <row r="7938" spans="1:4" x14ac:dyDescent="0.25">
      <c r="A7938" s="7">
        <f t="shared" si="372"/>
        <v>44892.416666647434</v>
      </c>
      <c r="B7938" s="8">
        <v>9.1692238716795256</v>
      </c>
      <c r="C7938">
        <f t="shared" si="370"/>
        <v>10</v>
      </c>
      <c r="D7938">
        <f t="shared" si="371"/>
        <v>11</v>
      </c>
    </row>
    <row r="7939" spans="1:4" x14ac:dyDescent="0.25">
      <c r="A7939" s="7">
        <f t="shared" si="372"/>
        <v>44892.458333314098</v>
      </c>
      <c r="B7939" s="8">
        <v>13.433343702376352</v>
      </c>
      <c r="C7939">
        <f t="shared" si="370"/>
        <v>11</v>
      </c>
      <c r="D7939">
        <f t="shared" si="371"/>
        <v>11</v>
      </c>
    </row>
    <row r="7940" spans="1:4" x14ac:dyDescent="0.25">
      <c r="A7940" s="7">
        <f t="shared" si="372"/>
        <v>44892.499999980762</v>
      </c>
      <c r="B7940" s="8">
        <v>18.45382619978627</v>
      </c>
      <c r="C7940">
        <f t="shared" si="370"/>
        <v>12</v>
      </c>
      <c r="D7940">
        <f t="shared" si="371"/>
        <v>11</v>
      </c>
    </row>
    <row r="7941" spans="1:4" x14ac:dyDescent="0.25">
      <c r="A7941" s="7">
        <f t="shared" si="372"/>
        <v>44892.541666647427</v>
      </c>
      <c r="B7941" s="8">
        <v>11.685513288525396</v>
      </c>
      <c r="C7941">
        <f t="shared" si="370"/>
        <v>13</v>
      </c>
      <c r="D7941">
        <f t="shared" si="371"/>
        <v>11</v>
      </c>
    </row>
    <row r="7942" spans="1:4" x14ac:dyDescent="0.25">
      <c r="A7942" s="7">
        <f t="shared" si="372"/>
        <v>44892.583333314091</v>
      </c>
      <c r="B7942" s="8">
        <v>7.2991212130918068</v>
      </c>
      <c r="C7942">
        <f t="shared" si="370"/>
        <v>14</v>
      </c>
      <c r="D7942">
        <f t="shared" si="371"/>
        <v>11</v>
      </c>
    </row>
    <row r="7943" spans="1:4" x14ac:dyDescent="0.25">
      <c r="A7943" s="7">
        <f t="shared" si="372"/>
        <v>44892.624999980755</v>
      </c>
      <c r="B7943" s="8">
        <v>6.6428436966726832</v>
      </c>
      <c r="C7943">
        <f t="shared" si="370"/>
        <v>15</v>
      </c>
      <c r="D7943">
        <f t="shared" si="371"/>
        <v>11</v>
      </c>
    </row>
    <row r="7944" spans="1:4" x14ac:dyDescent="0.25">
      <c r="A7944" s="7">
        <f t="shared" si="372"/>
        <v>44892.666666647419</v>
      </c>
      <c r="B7944" s="8">
        <v>6.7896167680625732</v>
      </c>
      <c r="C7944">
        <f t="shared" si="370"/>
        <v>16</v>
      </c>
      <c r="D7944">
        <f t="shared" si="371"/>
        <v>11</v>
      </c>
    </row>
    <row r="7945" spans="1:4" x14ac:dyDescent="0.25">
      <c r="A7945" s="7">
        <f t="shared" si="372"/>
        <v>44892.708333314084</v>
      </c>
      <c r="B7945" s="8">
        <v>1.3633262532737418</v>
      </c>
      <c r="C7945">
        <f t="shared" si="370"/>
        <v>17</v>
      </c>
      <c r="D7945">
        <f t="shared" si="371"/>
        <v>11</v>
      </c>
    </row>
    <row r="7946" spans="1:4" x14ac:dyDescent="0.25">
      <c r="A7946" s="7">
        <f t="shared" si="372"/>
        <v>44892.749999980748</v>
      </c>
      <c r="B7946" s="8">
        <v>-4.9800999999999998E-2</v>
      </c>
      <c r="C7946">
        <f t="shared" ref="C7946:C8009" si="373">HOUR(A7946)</f>
        <v>18</v>
      </c>
      <c r="D7946">
        <f t="shared" ref="D7946:D8009" si="374">MONTH(A7946)</f>
        <v>11</v>
      </c>
    </row>
    <row r="7947" spans="1:4" x14ac:dyDescent="0.25">
      <c r="A7947" s="7">
        <f t="shared" ref="A7947:A8010" si="375">+A7946+1/24</f>
        <v>44892.791666647412</v>
      </c>
      <c r="B7947" s="8">
        <v>-4.9800999999999998E-2</v>
      </c>
      <c r="C7947">
        <f t="shared" si="373"/>
        <v>19</v>
      </c>
      <c r="D7947">
        <f t="shared" si="374"/>
        <v>11</v>
      </c>
    </row>
    <row r="7948" spans="1:4" x14ac:dyDescent="0.25">
      <c r="A7948" s="7">
        <f t="shared" si="375"/>
        <v>44892.833333314076</v>
      </c>
      <c r="B7948" s="8">
        <v>-4.9800999999999998E-2</v>
      </c>
      <c r="C7948">
        <f t="shared" si="373"/>
        <v>20</v>
      </c>
      <c r="D7948">
        <f t="shared" si="374"/>
        <v>11</v>
      </c>
    </row>
    <row r="7949" spans="1:4" x14ac:dyDescent="0.25">
      <c r="A7949" s="7">
        <f t="shared" si="375"/>
        <v>44892.874999980741</v>
      </c>
      <c r="B7949" s="8">
        <v>-4.9800999999999998E-2</v>
      </c>
      <c r="C7949">
        <f t="shared" si="373"/>
        <v>21</v>
      </c>
      <c r="D7949">
        <f t="shared" si="374"/>
        <v>11</v>
      </c>
    </row>
    <row r="7950" spans="1:4" x14ac:dyDescent="0.25">
      <c r="A7950" s="7">
        <f t="shared" si="375"/>
        <v>44892.916666647405</v>
      </c>
      <c r="B7950" s="8">
        <v>-4.9800999999999998E-2</v>
      </c>
      <c r="C7950">
        <f t="shared" si="373"/>
        <v>22</v>
      </c>
      <c r="D7950">
        <f t="shared" si="374"/>
        <v>11</v>
      </c>
    </row>
    <row r="7951" spans="1:4" x14ac:dyDescent="0.25">
      <c r="A7951" s="7">
        <f t="shared" si="375"/>
        <v>44892.958333314069</v>
      </c>
      <c r="B7951" s="8">
        <v>-4.9800999999999998E-2</v>
      </c>
      <c r="C7951">
        <f t="shared" si="373"/>
        <v>23</v>
      </c>
      <c r="D7951">
        <f t="shared" si="374"/>
        <v>11</v>
      </c>
    </row>
    <row r="7952" spans="1:4" x14ac:dyDescent="0.25">
      <c r="A7952" s="7">
        <f t="shared" si="375"/>
        <v>44892.999999980733</v>
      </c>
      <c r="B7952" s="8">
        <v>-4.9800999999999998E-2</v>
      </c>
      <c r="C7952">
        <f t="shared" si="373"/>
        <v>0</v>
      </c>
      <c r="D7952">
        <f t="shared" si="374"/>
        <v>11</v>
      </c>
    </row>
    <row r="7953" spans="1:4" x14ac:dyDescent="0.25">
      <c r="A7953" s="7">
        <f t="shared" si="375"/>
        <v>44893.041666647398</v>
      </c>
      <c r="B7953" s="8">
        <v>-4.9800999999999998E-2</v>
      </c>
      <c r="C7953">
        <f t="shared" si="373"/>
        <v>1</v>
      </c>
      <c r="D7953">
        <f t="shared" si="374"/>
        <v>11</v>
      </c>
    </row>
    <row r="7954" spans="1:4" x14ac:dyDescent="0.25">
      <c r="A7954" s="7">
        <f t="shared" si="375"/>
        <v>44893.083333314062</v>
      </c>
      <c r="B7954" s="8">
        <v>-4.9800999999999998E-2</v>
      </c>
      <c r="C7954">
        <f t="shared" si="373"/>
        <v>2</v>
      </c>
      <c r="D7954">
        <f t="shared" si="374"/>
        <v>11</v>
      </c>
    </row>
    <row r="7955" spans="1:4" x14ac:dyDescent="0.25">
      <c r="A7955" s="7">
        <f t="shared" si="375"/>
        <v>44893.124999980726</v>
      </c>
      <c r="B7955" s="8">
        <v>-4.9800999999999998E-2</v>
      </c>
      <c r="C7955">
        <f t="shared" si="373"/>
        <v>3</v>
      </c>
      <c r="D7955">
        <f t="shared" si="374"/>
        <v>11</v>
      </c>
    </row>
    <row r="7956" spans="1:4" x14ac:dyDescent="0.25">
      <c r="A7956" s="7">
        <f t="shared" si="375"/>
        <v>44893.16666664739</v>
      </c>
      <c r="B7956" s="8">
        <v>-4.9800999999999998E-2</v>
      </c>
      <c r="C7956">
        <f t="shared" si="373"/>
        <v>4</v>
      </c>
      <c r="D7956">
        <f t="shared" si="374"/>
        <v>11</v>
      </c>
    </row>
    <row r="7957" spans="1:4" x14ac:dyDescent="0.25">
      <c r="A7957" s="7">
        <f t="shared" si="375"/>
        <v>44893.208333314054</v>
      </c>
      <c r="B7957" s="8">
        <v>-4.9800999999999998E-2</v>
      </c>
      <c r="C7957">
        <f t="shared" si="373"/>
        <v>5</v>
      </c>
      <c r="D7957">
        <f t="shared" si="374"/>
        <v>11</v>
      </c>
    </row>
    <row r="7958" spans="1:4" x14ac:dyDescent="0.25">
      <c r="A7958" s="7">
        <f t="shared" si="375"/>
        <v>44893.249999980719</v>
      </c>
      <c r="B7958" s="8">
        <v>-4.9800999999999998E-2</v>
      </c>
      <c r="C7958">
        <f t="shared" si="373"/>
        <v>6</v>
      </c>
      <c r="D7958">
        <f t="shared" si="374"/>
        <v>11</v>
      </c>
    </row>
    <row r="7959" spans="1:4" x14ac:dyDescent="0.25">
      <c r="A7959" s="7">
        <f t="shared" si="375"/>
        <v>44893.291666647383</v>
      </c>
      <c r="B7959" s="8">
        <v>-4.9800999999999998E-2</v>
      </c>
      <c r="C7959">
        <f t="shared" si="373"/>
        <v>7</v>
      </c>
      <c r="D7959">
        <f t="shared" si="374"/>
        <v>11</v>
      </c>
    </row>
    <row r="7960" spans="1:4" x14ac:dyDescent="0.25">
      <c r="A7960" s="7">
        <f t="shared" si="375"/>
        <v>44893.333333314047</v>
      </c>
      <c r="B7960" s="8">
        <v>-4.9800999999999998E-2</v>
      </c>
      <c r="C7960">
        <f t="shared" si="373"/>
        <v>8</v>
      </c>
      <c r="D7960">
        <f t="shared" si="374"/>
        <v>11</v>
      </c>
    </row>
    <row r="7961" spans="1:4" x14ac:dyDescent="0.25">
      <c r="A7961" s="7">
        <f t="shared" si="375"/>
        <v>44893.374999980711</v>
      </c>
      <c r="B7961" s="8">
        <v>3.0432576446386275</v>
      </c>
      <c r="C7961">
        <f t="shared" si="373"/>
        <v>9</v>
      </c>
      <c r="D7961">
        <f t="shared" si="374"/>
        <v>11</v>
      </c>
    </row>
    <row r="7962" spans="1:4" x14ac:dyDescent="0.25">
      <c r="A7962" s="7">
        <f t="shared" si="375"/>
        <v>44893.416666647376</v>
      </c>
      <c r="B7962" s="8">
        <v>2.7637155077715518</v>
      </c>
      <c r="C7962">
        <f t="shared" si="373"/>
        <v>10</v>
      </c>
      <c r="D7962">
        <f t="shared" si="374"/>
        <v>11</v>
      </c>
    </row>
    <row r="7963" spans="1:4" x14ac:dyDescent="0.25">
      <c r="A7963" s="7">
        <f t="shared" si="375"/>
        <v>44893.45833331404</v>
      </c>
      <c r="B7963" s="8">
        <v>3.7482348439686262</v>
      </c>
      <c r="C7963">
        <f t="shared" si="373"/>
        <v>11</v>
      </c>
      <c r="D7963">
        <f t="shared" si="374"/>
        <v>11</v>
      </c>
    </row>
    <row r="7964" spans="1:4" x14ac:dyDescent="0.25">
      <c r="A7964" s="7">
        <f t="shared" si="375"/>
        <v>44893.499999980704</v>
      </c>
      <c r="B7964" s="8">
        <v>3.4537384735283001</v>
      </c>
      <c r="C7964">
        <f t="shared" si="373"/>
        <v>12</v>
      </c>
      <c r="D7964">
        <f t="shared" si="374"/>
        <v>11</v>
      </c>
    </row>
    <row r="7965" spans="1:4" x14ac:dyDescent="0.25">
      <c r="A7965" s="7">
        <f t="shared" si="375"/>
        <v>44893.541666647368</v>
      </c>
      <c r="B7965" s="8">
        <v>3.547791430224458</v>
      </c>
      <c r="C7965">
        <f t="shared" si="373"/>
        <v>13</v>
      </c>
      <c r="D7965">
        <f t="shared" si="374"/>
        <v>11</v>
      </c>
    </row>
    <row r="7966" spans="1:4" x14ac:dyDescent="0.25">
      <c r="A7966" s="7">
        <f t="shared" si="375"/>
        <v>44893.583333314033</v>
      </c>
      <c r="B7966" s="8">
        <v>6.4944721403570798</v>
      </c>
      <c r="C7966">
        <f t="shared" si="373"/>
        <v>14</v>
      </c>
      <c r="D7966">
        <f t="shared" si="374"/>
        <v>11</v>
      </c>
    </row>
    <row r="7967" spans="1:4" x14ac:dyDescent="0.25">
      <c r="A7967" s="7">
        <f t="shared" si="375"/>
        <v>44893.624999980697</v>
      </c>
      <c r="B7967" s="8">
        <v>2.0616755631406409</v>
      </c>
      <c r="C7967">
        <f t="shared" si="373"/>
        <v>15</v>
      </c>
      <c r="D7967">
        <f t="shared" si="374"/>
        <v>11</v>
      </c>
    </row>
    <row r="7968" spans="1:4" x14ac:dyDescent="0.25">
      <c r="A7968" s="7">
        <f t="shared" si="375"/>
        <v>44893.666666647361</v>
      </c>
      <c r="B7968" s="8">
        <v>2.0950067049733416</v>
      </c>
      <c r="C7968">
        <f t="shared" si="373"/>
        <v>16</v>
      </c>
      <c r="D7968">
        <f t="shared" si="374"/>
        <v>11</v>
      </c>
    </row>
    <row r="7969" spans="1:4" x14ac:dyDescent="0.25">
      <c r="A7969" s="7">
        <f t="shared" si="375"/>
        <v>44893.708333314025</v>
      </c>
      <c r="B7969" s="8">
        <v>0.66122137985474594</v>
      </c>
      <c r="C7969">
        <f t="shared" si="373"/>
        <v>17</v>
      </c>
      <c r="D7969">
        <f t="shared" si="374"/>
        <v>11</v>
      </c>
    </row>
    <row r="7970" spans="1:4" x14ac:dyDescent="0.25">
      <c r="A7970" s="7">
        <f t="shared" si="375"/>
        <v>44893.74999998069</v>
      </c>
      <c r="B7970" s="8">
        <v>-4.9800999999999998E-2</v>
      </c>
      <c r="C7970">
        <f t="shared" si="373"/>
        <v>18</v>
      </c>
      <c r="D7970">
        <f t="shared" si="374"/>
        <v>11</v>
      </c>
    </row>
    <row r="7971" spans="1:4" x14ac:dyDescent="0.25">
      <c r="A7971" s="7">
        <f t="shared" si="375"/>
        <v>44893.791666647354</v>
      </c>
      <c r="B7971" s="8">
        <v>-4.9800999999999998E-2</v>
      </c>
      <c r="C7971">
        <f t="shared" si="373"/>
        <v>19</v>
      </c>
      <c r="D7971">
        <f t="shared" si="374"/>
        <v>11</v>
      </c>
    </row>
    <row r="7972" spans="1:4" x14ac:dyDescent="0.25">
      <c r="A7972" s="7">
        <f t="shared" si="375"/>
        <v>44893.833333314018</v>
      </c>
      <c r="B7972" s="8">
        <v>-4.9800999999999998E-2</v>
      </c>
      <c r="C7972">
        <f t="shared" si="373"/>
        <v>20</v>
      </c>
      <c r="D7972">
        <f t="shared" si="374"/>
        <v>11</v>
      </c>
    </row>
    <row r="7973" spans="1:4" x14ac:dyDescent="0.25">
      <c r="A7973" s="7">
        <f t="shared" si="375"/>
        <v>44893.874999980682</v>
      </c>
      <c r="B7973" s="8">
        <v>-4.9800999999999998E-2</v>
      </c>
      <c r="C7973">
        <f t="shared" si="373"/>
        <v>21</v>
      </c>
      <c r="D7973">
        <f t="shared" si="374"/>
        <v>11</v>
      </c>
    </row>
    <row r="7974" spans="1:4" x14ac:dyDescent="0.25">
      <c r="A7974" s="7">
        <f t="shared" si="375"/>
        <v>44893.916666647347</v>
      </c>
      <c r="B7974" s="8">
        <v>-4.9800999999999998E-2</v>
      </c>
      <c r="C7974">
        <f t="shared" si="373"/>
        <v>22</v>
      </c>
      <c r="D7974">
        <f t="shared" si="374"/>
        <v>11</v>
      </c>
    </row>
    <row r="7975" spans="1:4" x14ac:dyDescent="0.25">
      <c r="A7975" s="7">
        <f t="shared" si="375"/>
        <v>44893.958333314011</v>
      </c>
      <c r="B7975" s="8">
        <v>-4.9800999999999998E-2</v>
      </c>
      <c r="C7975">
        <f t="shared" si="373"/>
        <v>23</v>
      </c>
      <c r="D7975">
        <f t="shared" si="374"/>
        <v>11</v>
      </c>
    </row>
    <row r="7976" spans="1:4" x14ac:dyDescent="0.25">
      <c r="A7976" s="7">
        <f t="shared" si="375"/>
        <v>44893.999999980675</v>
      </c>
      <c r="B7976" s="8">
        <v>-4.9800999999999998E-2</v>
      </c>
      <c r="C7976">
        <f t="shared" si="373"/>
        <v>0</v>
      </c>
      <c r="D7976">
        <f t="shared" si="374"/>
        <v>11</v>
      </c>
    </row>
    <row r="7977" spans="1:4" x14ac:dyDescent="0.25">
      <c r="A7977" s="7">
        <f t="shared" si="375"/>
        <v>44894.041666647339</v>
      </c>
      <c r="B7977" s="8">
        <v>-4.9800999999999998E-2</v>
      </c>
      <c r="C7977">
        <f t="shared" si="373"/>
        <v>1</v>
      </c>
      <c r="D7977">
        <f t="shared" si="374"/>
        <v>11</v>
      </c>
    </row>
    <row r="7978" spans="1:4" x14ac:dyDescent="0.25">
      <c r="A7978" s="7">
        <f t="shared" si="375"/>
        <v>44894.083333314004</v>
      </c>
      <c r="B7978" s="8">
        <v>-4.9800999999999998E-2</v>
      </c>
      <c r="C7978">
        <f t="shared" si="373"/>
        <v>2</v>
      </c>
      <c r="D7978">
        <f t="shared" si="374"/>
        <v>11</v>
      </c>
    </row>
    <row r="7979" spans="1:4" x14ac:dyDescent="0.25">
      <c r="A7979" s="7">
        <f t="shared" si="375"/>
        <v>44894.124999980668</v>
      </c>
      <c r="B7979" s="8">
        <v>-4.9800999999999998E-2</v>
      </c>
      <c r="C7979">
        <f t="shared" si="373"/>
        <v>3</v>
      </c>
      <c r="D7979">
        <f t="shared" si="374"/>
        <v>11</v>
      </c>
    </row>
    <row r="7980" spans="1:4" x14ac:dyDescent="0.25">
      <c r="A7980" s="7">
        <f t="shared" si="375"/>
        <v>44894.166666647332</v>
      </c>
      <c r="B7980" s="8">
        <v>-4.9800999999999998E-2</v>
      </c>
      <c r="C7980">
        <f t="shared" si="373"/>
        <v>4</v>
      </c>
      <c r="D7980">
        <f t="shared" si="374"/>
        <v>11</v>
      </c>
    </row>
    <row r="7981" spans="1:4" x14ac:dyDescent="0.25">
      <c r="A7981" s="7">
        <f t="shared" si="375"/>
        <v>44894.208333313996</v>
      </c>
      <c r="B7981" s="8">
        <v>-4.9800999999999998E-2</v>
      </c>
      <c r="C7981">
        <f t="shared" si="373"/>
        <v>5</v>
      </c>
      <c r="D7981">
        <f t="shared" si="374"/>
        <v>11</v>
      </c>
    </row>
    <row r="7982" spans="1:4" x14ac:dyDescent="0.25">
      <c r="A7982" s="7">
        <f t="shared" si="375"/>
        <v>44894.249999980661</v>
      </c>
      <c r="B7982" s="8">
        <v>-4.9800999999999998E-2</v>
      </c>
      <c r="C7982">
        <f t="shared" si="373"/>
        <v>6</v>
      </c>
      <c r="D7982">
        <f t="shared" si="374"/>
        <v>11</v>
      </c>
    </row>
    <row r="7983" spans="1:4" x14ac:dyDescent="0.25">
      <c r="A7983" s="7">
        <f t="shared" si="375"/>
        <v>44894.291666647325</v>
      </c>
      <c r="B7983" s="8">
        <v>-4.9800999999999998E-2</v>
      </c>
      <c r="C7983">
        <f t="shared" si="373"/>
        <v>7</v>
      </c>
      <c r="D7983">
        <f t="shared" si="374"/>
        <v>11</v>
      </c>
    </row>
    <row r="7984" spans="1:4" x14ac:dyDescent="0.25">
      <c r="A7984" s="7">
        <f t="shared" si="375"/>
        <v>44894.333333313989</v>
      </c>
      <c r="B7984" s="8">
        <v>-4.9800999999999998E-2</v>
      </c>
      <c r="C7984">
        <f t="shared" si="373"/>
        <v>8</v>
      </c>
      <c r="D7984">
        <f t="shared" si="374"/>
        <v>11</v>
      </c>
    </row>
    <row r="7985" spans="1:4" x14ac:dyDescent="0.25">
      <c r="A7985" s="7">
        <f t="shared" si="375"/>
        <v>44894.374999980653</v>
      </c>
      <c r="B7985" s="8">
        <v>0.51682284700053993</v>
      </c>
      <c r="C7985">
        <f t="shared" si="373"/>
        <v>9</v>
      </c>
      <c r="D7985">
        <f t="shared" si="374"/>
        <v>11</v>
      </c>
    </row>
    <row r="7986" spans="1:4" x14ac:dyDescent="0.25">
      <c r="A7986" s="7">
        <f t="shared" si="375"/>
        <v>44894.416666647317</v>
      </c>
      <c r="B7986" s="8">
        <v>1.0354224754401071</v>
      </c>
      <c r="C7986">
        <f t="shared" si="373"/>
        <v>10</v>
      </c>
      <c r="D7986">
        <f t="shared" si="374"/>
        <v>11</v>
      </c>
    </row>
    <row r="7987" spans="1:4" x14ac:dyDescent="0.25">
      <c r="A7987" s="7">
        <f t="shared" si="375"/>
        <v>44894.458333313982</v>
      </c>
      <c r="B7987" s="8">
        <v>3.1186224471388</v>
      </c>
      <c r="C7987">
        <f t="shared" si="373"/>
        <v>11</v>
      </c>
      <c r="D7987">
        <f t="shared" si="374"/>
        <v>11</v>
      </c>
    </row>
    <row r="7988" spans="1:4" x14ac:dyDescent="0.25">
      <c r="A7988" s="7">
        <f t="shared" si="375"/>
        <v>44894.499999980646</v>
      </c>
      <c r="B7988" s="8">
        <v>1.8765295779924587</v>
      </c>
      <c r="C7988">
        <f t="shared" si="373"/>
        <v>12</v>
      </c>
      <c r="D7988">
        <f t="shared" si="374"/>
        <v>11</v>
      </c>
    </row>
    <row r="7989" spans="1:4" x14ac:dyDescent="0.25">
      <c r="A7989" s="7">
        <f t="shared" si="375"/>
        <v>44894.54166664731</v>
      </c>
      <c r="B7989" s="8">
        <v>2.369077303174643</v>
      </c>
      <c r="C7989">
        <f t="shared" si="373"/>
        <v>13</v>
      </c>
      <c r="D7989">
        <f t="shared" si="374"/>
        <v>11</v>
      </c>
    </row>
    <row r="7990" spans="1:4" x14ac:dyDescent="0.25">
      <c r="A7990" s="7">
        <f t="shared" si="375"/>
        <v>44894.583333313974</v>
      </c>
      <c r="B7990" s="8">
        <v>2.4269917209151828</v>
      </c>
      <c r="C7990">
        <f t="shared" si="373"/>
        <v>14</v>
      </c>
      <c r="D7990">
        <f t="shared" si="374"/>
        <v>11</v>
      </c>
    </row>
    <row r="7991" spans="1:4" x14ac:dyDescent="0.25">
      <c r="A7991" s="7">
        <f t="shared" si="375"/>
        <v>44894.624999980639</v>
      </c>
      <c r="B7991" s="8">
        <v>2.0785024254115201</v>
      </c>
      <c r="C7991">
        <f t="shared" si="373"/>
        <v>15</v>
      </c>
      <c r="D7991">
        <f t="shared" si="374"/>
        <v>11</v>
      </c>
    </row>
    <row r="7992" spans="1:4" x14ac:dyDescent="0.25">
      <c r="A7992" s="7">
        <f t="shared" si="375"/>
        <v>44894.666666647303</v>
      </c>
      <c r="B7992" s="8">
        <v>1.4457177935066794</v>
      </c>
      <c r="C7992">
        <f t="shared" si="373"/>
        <v>16</v>
      </c>
      <c r="D7992">
        <f t="shared" si="374"/>
        <v>11</v>
      </c>
    </row>
    <row r="7993" spans="1:4" x14ac:dyDescent="0.25">
      <c r="A7993" s="7">
        <f t="shared" si="375"/>
        <v>44894.708333313967</v>
      </c>
      <c r="B7993" s="8">
        <v>0.84336930397849108</v>
      </c>
      <c r="C7993">
        <f t="shared" si="373"/>
        <v>17</v>
      </c>
      <c r="D7993">
        <f t="shared" si="374"/>
        <v>11</v>
      </c>
    </row>
    <row r="7994" spans="1:4" x14ac:dyDescent="0.25">
      <c r="A7994" s="7">
        <f t="shared" si="375"/>
        <v>44894.749999980631</v>
      </c>
      <c r="B7994" s="8">
        <v>-4.9800999999999998E-2</v>
      </c>
      <c r="C7994">
        <f t="shared" si="373"/>
        <v>18</v>
      </c>
      <c r="D7994">
        <f t="shared" si="374"/>
        <v>11</v>
      </c>
    </row>
    <row r="7995" spans="1:4" x14ac:dyDescent="0.25">
      <c r="A7995" s="7">
        <f t="shared" si="375"/>
        <v>44894.791666647296</v>
      </c>
      <c r="B7995" s="8">
        <v>-4.9800999999999998E-2</v>
      </c>
      <c r="C7995">
        <f t="shared" si="373"/>
        <v>19</v>
      </c>
      <c r="D7995">
        <f t="shared" si="374"/>
        <v>11</v>
      </c>
    </row>
    <row r="7996" spans="1:4" x14ac:dyDescent="0.25">
      <c r="A7996" s="7">
        <f t="shared" si="375"/>
        <v>44894.83333331396</v>
      </c>
      <c r="B7996" s="8">
        <v>-4.9800999999999998E-2</v>
      </c>
      <c r="C7996">
        <f t="shared" si="373"/>
        <v>20</v>
      </c>
      <c r="D7996">
        <f t="shared" si="374"/>
        <v>11</v>
      </c>
    </row>
    <row r="7997" spans="1:4" x14ac:dyDescent="0.25">
      <c r="A7997" s="7">
        <f t="shared" si="375"/>
        <v>44894.874999980624</v>
      </c>
      <c r="B7997" s="8">
        <v>-4.9800999999999998E-2</v>
      </c>
      <c r="C7997">
        <f t="shared" si="373"/>
        <v>21</v>
      </c>
      <c r="D7997">
        <f t="shared" si="374"/>
        <v>11</v>
      </c>
    </row>
    <row r="7998" spans="1:4" x14ac:dyDescent="0.25">
      <c r="A7998" s="7">
        <f t="shared" si="375"/>
        <v>44894.916666647288</v>
      </c>
      <c r="B7998" s="8">
        <v>-4.9800999999999998E-2</v>
      </c>
      <c r="C7998">
        <f t="shared" si="373"/>
        <v>22</v>
      </c>
      <c r="D7998">
        <f t="shared" si="374"/>
        <v>11</v>
      </c>
    </row>
    <row r="7999" spans="1:4" x14ac:dyDescent="0.25">
      <c r="A7999" s="7">
        <f t="shared" si="375"/>
        <v>44894.958333313953</v>
      </c>
      <c r="B7999" s="8">
        <v>-4.9800999999999998E-2</v>
      </c>
      <c r="C7999">
        <f t="shared" si="373"/>
        <v>23</v>
      </c>
      <c r="D7999">
        <f t="shared" si="374"/>
        <v>11</v>
      </c>
    </row>
    <row r="8000" spans="1:4" x14ac:dyDescent="0.25">
      <c r="A8000" s="7">
        <f t="shared" si="375"/>
        <v>44894.999999980617</v>
      </c>
      <c r="B8000" s="8">
        <v>-4.9800999999999998E-2</v>
      </c>
      <c r="C8000">
        <f t="shared" si="373"/>
        <v>0</v>
      </c>
      <c r="D8000">
        <f t="shared" si="374"/>
        <v>11</v>
      </c>
    </row>
    <row r="8001" spans="1:4" x14ac:dyDescent="0.25">
      <c r="A8001" s="7">
        <f t="shared" si="375"/>
        <v>44895.041666647281</v>
      </c>
      <c r="B8001" s="8">
        <v>-4.9800999999999998E-2</v>
      </c>
      <c r="C8001">
        <f t="shared" si="373"/>
        <v>1</v>
      </c>
      <c r="D8001">
        <f t="shared" si="374"/>
        <v>11</v>
      </c>
    </row>
    <row r="8002" spans="1:4" x14ac:dyDescent="0.25">
      <c r="A8002" s="7">
        <f t="shared" si="375"/>
        <v>44895.083333313945</v>
      </c>
      <c r="B8002" s="8">
        <v>-4.9800999999999998E-2</v>
      </c>
      <c r="C8002">
        <f t="shared" si="373"/>
        <v>2</v>
      </c>
      <c r="D8002">
        <f t="shared" si="374"/>
        <v>11</v>
      </c>
    </row>
    <row r="8003" spans="1:4" x14ac:dyDescent="0.25">
      <c r="A8003" s="7">
        <f t="shared" si="375"/>
        <v>44895.12499998061</v>
      </c>
      <c r="B8003" s="8">
        <v>-4.9800999999999998E-2</v>
      </c>
      <c r="C8003">
        <f t="shared" si="373"/>
        <v>3</v>
      </c>
      <c r="D8003">
        <f t="shared" si="374"/>
        <v>11</v>
      </c>
    </row>
    <row r="8004" spans="1:4" x14ac:dyDescent="0.25">
      <c r="A8004" s="7">
        <f t="shared" si="375"/>
        <v>44895.166666647274</v>
      </c>
      <c r="B8004" s="8">
        <v>-4.9800999999999998E-2</v>
      </c>
      <c r="C8004">
        <f t="shared" si="373"/>
        <v>4</v>
      </c>
      <c r="D8004">
        <f t="shared" si="374"/>
        <v>11</v>
      </c>
    </row>
    <row r="8005" spans="1:4" x14ac:dyDescent="0.25">
      <c r="A8005" s="7">
        <f t="shared" si="375"/>
        <v>44895.208333313938</v>
      </c>
      <c r="B8005" s="8">
        <v>-4.9800999999999998E-2</v>
      </c>
      <c r="C8005">
        <f t="shared" si="373"/>
        <v>5</v>
      </c>
      <c r="D8005">
        <f t="shared" si="374"/>
        <v>11</v>
      </c>
    </row>
    <row r="8006" spans="1:4" x14ac:dyDescent="0.25">
      <c r="A8006" s="7">
        <f t="shared" si="375"/>
        <v>44895.249999980602</v>
      </c>
      <c r="B8006" s="8">
        <v>-4.9800999999999998E-2</v>
      </c>
      <c r="C8006">
        <f t="shared" si="373"/>
        <v>6</v>
      </c>
      <c r="D8006">
        <f t="shared" si="374"/>
        <v>11</v>
      </c>
    </row>
    <row r="8007" spans="1:4" x14ac:dyDescent="0.25">
      <c r="A8007" s="7">
        <f t="shared" si="375"/>
        <v>44895.291666647267</v>
      </c>
      <c r="B8007" s="8">
        <v>-4.9800999999999998E-2</v>
      </c>
      <c r="C8007">
        <f t="shared" si="373"/>
        <v>7</v>
      </c>
      <c r="D8007">
        <f t="shared" si="374"/>
        <v>11</v>
      </c>
    </row>
    <row r="8008" spans="1:4" x14ac:dyDescent="0.25">
      <c r="A8008" s="7">
        <f t="shared" si="375"/>
        <v>44895.333333313931</v>
      </c>
      <c r="B8008" s="8">
        <v>-4.9800999999999998E-2</v>
      </c>
      <c r="C8008">
        <f t="shared" si="373"/>
        <v>8</v>
      </c>
      <c r="D8008">
        <f t="shared" si="374"/>
        <v>11</v>
      </c>
    </row>
    <row r="8009" spans="1:4" x14ac:dyDescent="0.25">
      <c r="A8009" s="7">
        <f t="shared" si="375"/>
        <v>44895.374999980595</v>
      </c>
      <c r="B8009" s="8">
        <v>0.78850653927795111</v>
      </c>
      <c r="C8009">
        <f t="shared" si="373"/>
        <v>9</v>
      </c>
      <c r="D8009">
        <f t="shared" si="374"/>
        <v>11</v>
      </c>
    </row>
    <row r="8010" spans="1:4" x14ac:dyDescent="0.25">
      <c r="A8010" s="7">
        <f t="shared" si="375"/>
        <v>44895.416666647259</v>
      </c>
      <c r="B8010" s="8">
        <v>1.8808416740138563</v>
      </c>
      <c r="C8010">
        <f t="shared" ref="C8010:C8073" si="376">HOUR(A8010)</f>
        <v>10</v>
      </c>
      <c r="D8010">
        <f t="shared" ref="D8010:D8073" si="377">MONTH(A8010)</f>
        <v>11</v>
      </c>
    </row>
    <row r="8011" spans="1:4" x14ac:dyDescent="0.25">
      <c r="A8011" s="7">
        <f t="shared" ref="A8011:A8074" si="378">+A8010+1/24</f>
        <v>44895.458333313924</v>
      </c>
      <c r="B8011" s="8">
        <v>2.7402422049552633</v>
      </c>
      <c r="C8011">
        <f t="shared" si="376"/>
        <v>11</v>
      </c>
      <c r="D8011">
        <f t="shared" si="377"/>
        <v>11</v>
      </c>
    </row>
    <row r="8012" spans="1:4" x14ac:dyDescent="0.25">
      <c r="A8012" s="7">
        <f t="shared" si="378"/>
        <v>44895.499999980588</v>
      </c>
      <c r="B8012" s="8">
        <v>3.1952786110908873</v>
      </c>
      <c r="C8012">
        <f t="shared" si="376"/>
        <v>12</v>
      </c>
      <c r="D8012">
        <f t="shared" si="377"/>
        <v>11</v>
      </c>
    </row>
    <row r="8013" spans="1:4" x14ac:dyDescent="0.25">
      <c r="A8013" s="7">
        <f t="shared" si="378"/>
        <v>44895.541666647252</v>
      </c>
      <c r="B8013" s="8">
        <v>3.0583149397802671</v>
      </c>
      <c r="C8013">
        <f t="shared" si="376"/>
        <v>13</v>
      </c>
      <c r="D8013">
        <f t="shared" si="377"/>
        <v>11</v>
      </c>
    </row>
    <row r="8014" spans="1:4" x14ac:dyDescent="0.25">
      <c r="A8014" s="7">
        <f t="shared" si="378"/>
        <v>44895.583333313916</v>
      </c>
      <c r="B8014" s="8">
        <v>3.2451851449675977</v>
      </c>
      <c r="C8014">
        <f t="shared" si="376"/>
        <v>14</v>
      </c>
      <c r="D8014">
        <f t="shared" si="377"/>
        <v>11</v>
      </c>
    </row>
    <row r="8015" spans="1:4" x14ac:dyDescent="0.25">
      <c r="A8015" s="7">
        <f t="shared" si="378"/>
        <v>44895.62499998058</v>
      </c>
      <c r="B8015" s="8">
        <v>2.2941041346343489</v>
      </c>
      <c r="C8015">
        <f t="shared" si="376"/>
        <v>15</v>
      </c>
      <c r="D8015">
        <f t="shared" si="377"/>
        <v>11</v>
      </c>
    </row>
    <row r="8016" spans="1:4" x14ac:dyDescent="0.25">
      <c r="A8016" s="7">
        <f t="shared" si="378"/>
        <v>44895.666666647245</v>
      </c>
      <c r="B8016" s="8">
        <v>1.5372467723929897</v>
      </c>
      <c r="C8016">
        <f t="shared" si="376"/>
        <v>16</v>
      </c>
      <c r="D8016">
        <f t="shared" si="377"/>
        <v>11</v>
      </c>
    </row>
    <row r="8017" spans="1:4" x14ac:dyDescent="0.25">
      <c r="A8017" s="7">
        <f t="shared" si="378"/>
        <v>44895.708333313909</v>
      </c>
      <c r="B8017" s="8">
        <v>0.6784151413090902</v>
      </c>
      <c r="C8017">
        <f t="shared" si="376"/>
        <v>17</v>
      </c>
      <c r="D8017">
        <f t="shared" si="377"/>
        <v>11</v>
      </c>
    </row>
    <row r="8018" spans="1:4" x14ac:dyDescent="0.25">
      <c r="A8018" s="7">
        <f t="shared" si="378"/>
        <v>44895.749999980573</v>
      </c>
      <c r="B8018" s="8">
        <v>-4.9800999999999998E-2</v>
      </c>
      <c r="C8018">
        <f t="shared" si="376"/>
        <v>18</v>
      </c>
      <c r="D8018">
        <f t="shared" si="377"/>
        <v>11</v>
      </c>
    </row>
    <row r="8019" spans="1:4" x14ac:dyDescent="0.25">
      <c r="A8019" s="7">
        <f t="shared" si="378"/>
        <v>44895.791666647237</v>
      </c>
      <c r="B8019" s="8">
        <v>-4.9800999999999998E-2</v>
      </c>
      <c r="C8019">
        <f t="shared" si="376"/>
        <v>19</v>
      </c>
      <c r="D8019">
        <f t="shared" si="377"/>
        <v>11</v>
      </c>
    </row>
    <row r="8020" spans="1:4" x14ac:dyDescent="0.25">
      <c r="A8020" s="7">
        <f t="shared" si="378"/>
        <v>44895.833333313902</v>
      </c>
      <c r="B8020" s="8">
        <v>-4.9800999999999998E-2</v>
      </c>
      <c r="C8020">
        <f t="shared" si="376"/>
        <v>20</v>
      </c>
      <c r="D8020">
        <f t="shared" si="377"/>
        <v>11</v>
      </c>
    </row>
    <row r="8021" spans="1:4" x14ac:dyDescent="0.25">
      <c r="A8021" s="7">
        <f t="shared" si="378"/>
        <v>44895.874999980566</v>
      </c>
      <c r="B8021" s="8">
        <v>-4.9800999999999998E-2</v>
      </c>
      <c r="C8021">
        <f t="shared" si="376"/>
        <v>21</v>
      </c>
      <c r="D8021">
        <f t="shared" si="377"/>
        <v>11</v>
      </c>
    </row>
    <row r="8022" spans="1:4" x14ac:dyDescent="0.25">
      <c r="A8022" s="7">
        <f t="shared" si="378"/>
        <v>44895.91666664723</v>
      </c>
      <c r="B8022" s="8">
        <v>-4.9800999999999998E-2</v>
      </c>
      <c r="C8022">
        <f t="shared" si="376"/>
        <v>22</v>
      </c>
      <c r="D8022">
        <f t="shared" si="377"/>
        <v>11</v>
      </c>
    </row>
    <row r="8023" spans="1:4" x14ac:dyDescent="0.25">
      <c r="A8023" s="7">
        <f t="shared" si="378"/>
        <v>44895.958333313894</v>
      </c>
      <c r="B8023" s="8">
        <v>-4.9800999999999998E-2</v>
      </c>
      <c r="C8023">
        <f t="shared" si="376"/>
        <v>23</v>
      </c>
      <c r="D8023">
        <f t="shared" si="377"/>
        <v>11</v>
      </c>
    </row>
    <row r="8024" spans="1:4" x14ac:dyDescent="0.25">
      <c r="A8024" s="7">
        <f t="shared" si="378"/>
        <v>44895.999999980559</v>
      </c>
      <c r="B8024" s="8">
        <v>-4.9800999999999998E-2</v>
      </c>
      <c r="C8024">
        <f t="shared" si="376"/>
        <v>0</v>
      </c>
      <c r="D8024">
        <f t="shared" si="377"/>
        <v>12</v>
      </c>
    </row>
    <row r="8025" spans="1:4" x14ac:dyDescent="0.25">
      <c r="A8025" s="7">
        <f t="shared" si="378"/>
        <v>44896.041666647223</v>
      </c>
      <c r="B8025" s="8">
        <v>-4.9800999999999998E-2</v>
      </c>
      <c r="C8025">
        <f t="shared" si="376"/>
        <v>1</v>
      </c>
      <c r="D8025">
        <f t="shared" si="377"/>
        <v>12</v>
      </c>
    </row>
    <row r="8026" spans="1:4" x14ac:dyDescent="0.25">
      <c r="A8026" s="7">
        <f t="shared" si="378"/>
        <v>44896.083333313887</v>
      </c>
      <c r="B8026" s="8">
        <v>-4.9800999999999998E-2</v>
      </c>
      <c r="C8026">
        <f t="shared" si="376"/>
        <v>2</v>
      </c>
      <c r="D8026">
        <f t="shared" si="377"/>
        <v>12</v>
      </c>
    </row>
    <row r="8027" spans="1:4" x14ac:dyDescent="0.25">
      <c r="A8027" s="7">
        <f t="shared" si="378"/>
        <v>44896.124999980551</v>
      </c>
      <c r="B8027" s="8">
        <v>-4.9800999999999998E-2</v>
      </c>
      <c r="C8027">
        <f t="shared" si="376"/>
        <v>3</v>
      </c>
      <c r="D8027">
        <f t="shared" si="377"/>
        <v>12</v>
      </c>
    </row>
    <row r="8028" spans="1:4" x14ac:dyDescent="0.25">
      <c r="A8028" s="7">
        <f t="shared" si="378"/>
        <v>44896.166666647216</v>
      </c>
      <c r="B8028" s="8">
        <v>-4.9800999999999998E-2</v>
      </c>
      <c r="C8028">
        <f t="shared" si="376"/>
        <v>4</v>
      </c>
      <c r="D8028">
        <f t="shared" si="377"/>
        <v>12</v>
      </c>
    </row>
    <row r="8029" spans="1:4" x14ac:dyDescent="0.25">
      <c r="A8029" s="7">
        <f t="shared" si="378"/>
        <v>44896.20833331388</v>
      </c>
      <c r="B8029" s="8">
        <v>-4.9800999999999998E-2</v>
      </c>
      <c r="C8029">
        <f t="shared" si="376"/>
        <v>5</v>
      </c>
      <c r="D8029">
        <f t="shared" si="377"/>
        <v>12</v>
      </c>
    </row>
    <row r="8030" spans="1:4" x14ac:dyDescent="0.25">
      <c r="A8030" s="7">
        <f t="shared" si="378"/>
        <v>44896.249999980544</v>
      </c>
      <c r="B8030" s="8">
        <v>-4.9800999999999998E-2</v>
      </c>
      <c r="C8030">
        <f t="shared" si="376"/>
        <v>6</v>
      </c>
      <c r="D8030">
        <f t="shared" si="377"/>
        <v>12</v>
      </c>
    </row>
    <row r="8031" spans="1:4" x14ac:dyDescent="0.25">
      <c r="A8031" s="7">
        <f t="shared" si="378"/>
        <v>44896.291666647208</v>
      </c>
      <c r="B8031" s="8">
        <v>-4.9800999999999998E-2</v>
      </c>
      <c r="C8031">
        <f t="shared" si="376"/>
        <v>7</v>
      </c>
      <c r="D8031">
        <f t="shared" si="377"/>
        <v>12</v>
      </c>
    </row>
    <row r="8032" spans="1:4" x14ac:dyDescent="0.25">
      <c r="A8032" s="7">
        <f t="shared" si="378"/>
        <v>44896.333333313873</v>
      </c>
      <c r="B8032" s="8">
        <v>-4.9800999999999998E-2</v>
      </c>
      <c r="C8032">
        <f t="shared" si="376"/>
        <v>8</v>
      </c>
      <c r="D8032">
        <f t="shared" si="377"/>
        <v>12</v>
      </c>
    </row>
    <row r="8033" spans="1:4" x14ac:dyDescent="0.25">
      <c r="A8033" s="7">
        <f t="shared" si="378"/>
        <v>44896.374999980537</v>
      </c>
      <c r="B8033" s="8">
        <v>0.47625266060419275</v>
      </c>
      <c r="C8033">
        <f t="shared" si="376"/>
        <v>9</v>
      </c>
      <c r="D8033">
        <f t="shared" si="377"/>
        <v>12</v>
      </c>
    </row>
    <row r="8034" spans="1:4" x14ac:dyDescent="0.25">
      <c r="A8034" s="7">
        <f t="shared" si="378"/>
        <v>44896.416666647201</v>
      </c>
      <c r="B8034" s="8">
        <v>1.247994174552298</v>
      </c>
      <c r="C8034">
        <f t="shared" si="376"/>
        <v>10</v>
      </c>
      <c r="D8034">
        <f t="shared" si="377"/>
        <v>12</v>
      </c>
    </row>
    <row r="8035" spans="1:4" x14ac:dyDescent="0.25">
      <c r="A8035" s="7">
        <f t="shared" si="378"/>
        <v>44896.458333313865</v>
      </c>
      <c r="B8035" s="8">
        <v>3.2457695040603638</v>
      </c>
      <c r="C8035">
        <f t="shared" si="376"/>
        <v>11</v>
      </c>
      <c r="D8035">
        <f t="shared" si="377"/>
        <v>12</v>
      </c>
    </row>
    <row r="8036" spans="1:4" x14ac:dyDescent="0.25">
      <c r="A8036" s="7">
        <f t="shared" si="378"/>
        <v>44896.49999998053</v>
      </c>
      <c r="B8036" s="8">
        <v>2.4496116739452103</v>
      </c>
      <c r="C8036">
        <f t="shared" si="376"/>
        <v>12</v>
      </c>
      <c r="D8036">
        <f t="shared" si="377"/>
        <v>12</v>
      </c>
    </row>
    <row r="8037" spans="1:4" x14ac:dyDescent="0.25">
      <c r="A8037" s="7">
        <f t="shared" si="378"/>
        <v>44896.541666647194</v>
      </c>
      <c r="B8037" s="8">
        <v>2.3411094853609082</v>
      </c>
      <c r="C8037">
        <f t="shared" si="376"/>
        <v>13</v>
      </c>
      <c r="D8037">
        <f t="shared" si="377"/>
        <v>12</v>
      </c>
    </row>
    <row r="8038" spans="1:4" x14ac:dyDescent="0.25">
      <c r="A8038" s="7">
        <f t="shared" si="378"/>
        <v>44896.583333313858</v>
      </c>
      <c r="B8038" s="8">
        <v>3.1453741384455443</v>
      </c>
      <c r="C8038">
        <f t="shared" si="376"/>
        <v>14</v>
      </c>
      <c r="D8038">
        <f t="shared" si="377"/>
        <v>12</v>
      </c>
    </row>
    <row r="8039" spans="1:4" x14ac:dyDescent="0.25">
      <c r="A8039" s="7">
        <f t="shared" si="378"/>
        <v>44896.624999980522</v>
      </c>
      <c r="B8039" s="8">
        <v>2.1239402096828823</v>
      </c>
      <c r="C8039">
        <f t="shared" si="376"/>
        <v>15</v>
      </c>
      <c r="D8039">
        <f t="shared" si="377"/>
        <v>12</v>
      </c>
    </row>
    <row r="8040" spans="1:4" x14ac:dyDescent="0.25">
      <c r="A8040" s="7">
        <f t="shared" si="378"/>
        <v>44896.666666647187</v>
      </c>
      <c r="B8040" s="8">
        <v>3.3251897792766454</v>
      </c>
      <c r="C8040">
        <f t="shared" si="376"/>
        <v>16</v>
      </c>
      <c r="D8040">
        <f t="shared" si="377"/>
        <v>12</v>
      </c>
    </row>
    <row r="8041" spans="1:4" x14ac:dyDescent="0.25">
      <c r="A8041" s="7">
        <f t="shared" si="378"/>
        <v>44896.708333313851</v>
      </c>
      <c r="B8041" s="8">
        <v>0.96372460354321687</v>
      </c>
      <c r="C8041">
        <f t="shared" si="376"/>
        <v>17</v>
      </c>
      <c r="D8041">
        <f t="shared" si="377"/>
        <v>12</v>
      </c>
    </row>
    <row r="8042" spans="1:4" x14ac:dyDescent="0.25">
      <c r="A8042" s="7">
        <f t="shared" si="378"/>
        <v>44896.749999980515</v>
      </c>
      <c r="B8042" s="8">
        <v>-4.9800999999999998E-2</v>
      </c>
      <c r="C8042">
        <f t="shared" si="376"/>
        <v>18</v>
      </c>
      <c r="D8042">
        <f t="shared" si="377"/>
        <v>12</v>
      </c>
    </row>
    <row r="8043" spans="1:4" x14ac:dyDescent="0.25">
      <c r="A8043" s="7">
        <f t="shared" si="378"/>
        <v>44896.791666647179</v>
      </c>
      <c r="B8043" s="8">
        <v>-4.9800999999999998E-2</v>
      </c>
      <c r="C8043">
        <f t="shared" si="376"/>
        <v>19</v>
      </c>
      <c r="D8043">
        <f t="shared" si="377"/>
        <v>12</v>
      </c>
    </row>
    <row r="8044" spans="1:4" x14ac:dyDescent="0.25">
      <c r="A8044" s="7">
        <f t="shared" si="378"/>
        <v>44896.833333313843</v>
      </c>
      <c r="B8044" s="8">
        <v>-4.9800999999999998E-2</v>
      </c>
      <c r="C8044">
        <f t="shared" si="376"/>
        <v>20</v>
      </c>
      <c r="D8044">
        <f t="shared" si="377"/>
        <v>12</v>
      </c>
    </row>
    <row r="8045" spans="1:4" x14ac:dyDescent="0.25">
      <c r="A8045" s="7">
        <f t="shared" si="378"/>
        <v>44896.874999980508</v>
      </c>
      <c r="B8045" s="8">
        <v>-4.9800999999999998E-2</v>
      </c>
      <c r="C8045">
        <f t="shared" si="376"/>
        <v>21</v>
      </c>
      <c r="D8045">
        <f t="shared" si="377"/>
        <v>12</v>
      </c>
    </row>
    <row r="8046" spans="1:4" x14ac:dyDescent="0.25">
      <c r="A8046" s="7">
        <f t="shared" si="378"/>
        <v>44896.916666647172</v>
      </c>
      <c r="B8046" s="8">
        <v>-4.9800999999999998E-2</v>
      </c>
      <c r="C8046">
        <f t="shared" si="376"/>
        <v>22</v>
      </c>
      <c r="D8046">
        <f t="shared" si="377"/>
        <v>12</v>
      </c>
    </row>
    <row r="8047" spans="1:4" x14ac:dyDescent="0.25">
      <c r="A8047" s="7">
        <f t="shared" si="378"/>
        <v>44896.958333313836</v>
      </c>
      <c r="B8047" s="8">
        <v>-4.9800999999999998E-2</v>
      </c>
      <c r="C8047">
        <f t="shared" si="376"/>
        <v>23</v>
      </c>
      <c r="D8047">
        <f t="shared" si="377"/>
        <v>12</v>
      </c>
    </row>
    <row r="8048" spans="1:4" x14ac:dyDescent="0.25">
      <c r="A8048" s="7">
        <f t="shared" si="378"/>
        <v>44896.9999999805</v>
      </c>
      <c r="B8048" s="8">
        <v>-4.9800999999999998E-2</v>
      </c>
      <c r="C8048">
        <f t="shared" si="376"/>
        <v>0</v>
      </c>
      <c r="D8048">
        <f t="shared" si="377"/>
        <v>12</v>
      </c>
    </row>
    <row r="8049" spans="1:4" x14ac:dyDescent="0.25">
      <c r="A8049" s="7">
        <f t="shared" si="378"/>
        <v>44897.041666647165</v>
      </c>
      <c r="B8049" s="8">
        <v>-4.9800999999999998E-2</v>
      </c>
      <c r="C8049">
        <f t="shared" si="376"/>
        <v>1</v>
      </c>
      <c r="D8049">
        <f t="shared" si="377"/>
        <v>12</v>
      </c>
    </row>
    <row r="8050" spans="1:4" x14ac:dyDescent="0.25">
      <c r="A8050" s="7">
        <f t="shared" si="378"/>
        <v>44897.083333313829</v>
      </c>
      <c r="B8050" s="8">
        <v>-4.9800999999999998E-2</v>
      </c>
      <c r="C8050">
        <f t="shared" si="376"/>
        <v>2</v>
      </c>
      <c r="D8050">
        <f t="shared" si="377"/>
        <v>12</v>
      </c>
    </row>
    <row r="8051" spans="1:4" x14ac:dyDescent="0.25">
      <c r="A8051" s="7">
        <f t="shared" si="378"/>
        <v>44897.124999980493</v>
      </c>
      <c r="B8051" s="8">
        <v>-4.9800999999999998E-2</v>
      </c>
      <c r="C8051">
        <f t="shared" si="376"/>
        <v>3</v>
      </c>
      <c r="D8051">
        <f t="shared" si="377"/>
        <v>12</v>
      </c>
    </row>
    <row r="8052" spans="1:4" x14ac:dyDescent="0.25">
      <c r="A8052" s="7">
        <f t="shared" si="378"/>
        <v>44897.166666647157</v>
      </c>
      <c r="B8052" s="8">
        <v>-4.9800999999999998E-2</v>
      </c>
      <c r="C8052">
        <f t="shared" si="376"/>
        <v>4</v>
      </c>
      <c r="D8052">
        <f t="shared" si="377"/>
        <v>12</v>
      </c>
    </row>
    <row r="8053" spans="1:4" x14ac:dyDescent="0.25">
      <c r="A8053" s="7">
        <f t="shared" si="378"/>
        <v>44897.208333313822</v>
      </c>
      <c r="B8053" s="8">
        <v>-4.9800999999999998E-2</v>
      </c>
      <c r="C8053">
        <f t="shared" si="376"/>
        <v>5</v>
      </c>
      <c r="D8053">
        <f t="shared" si="377"/>
        <v>12</v>
      </c>
    </row>
    <row r="8054" spans="1:4" x14ac:dyDescent="0.25">
      <c r="A8054" s="7">
        <f t="shared" si="378"/>
        <v>44897.249999980486</v>
      </c>
      <c r="B8054" s="8">
        <v>-4.9800999999999998E-2</v>
      </c>
      <c r="C8054">
        <f t="shared" si="376"/>
        <v>6</v>
      </c>
      <c r="D8054">
        <f t="shared" si="377"/>
        <v>12</v>
      </c>
    </row>
    <row r="8055" spans="1:4" x14ac:dyDescent="0.25">
      <c r="A8055" s="7">
        <f t="shared" si="378"/>
        <v>44897.29166664715</v>
      </c>
      <c r="B8055" s="8">
        <v>-4.9800999999999998E-2</v>
      </c>
      <c r="C8055">
        <f t="shared" si="376"/>
        <v>7</v>
      </c>
      <c r="D8055">
        <f t="shared" si="377"/>
        <v>12</v>
      </c>
    </row>
    <row r="8056" spans="1:4" x14ac:dyDescent="0.25">
      <c r="A8056" s="7">
        <f t="shared" si="378"/>
        <v>44897.333333313814</v>
      </c>
      <c r="B8056" s="8">
        <v>-4.9800999999999998E-2</v>
      </c>
      <c r="C8056">
        <f t="shared" si="376"/>
        <v>8</v>
      </c>
      <c r="D8056">
        <f t="shared" si="377"/>
        <v>12</v>
      </c>
    </row>
    <row r="8057" spans="1:4" x14ac:dyDescent="0.25">
      <c r="A8057" s="7">
        <f t="shared" si="378"/>
        <v>44897.374999980479</v>
      </c>
      <c r="B8057" s="8">
        <v>5.8928811533565506</v>
      </c>
      <c r="C8057">
        <f t="shared" si="376"/>
        <v>9</v>
      </c>
      <c r="D8057">
        <f t="shared" si="377"/>
        <v>12</v>
      </c>
    </row>
    <row r="8058" spans="1:4" x14ac:dyDescent="0.25">
      <c r="A8058" s="7">
        <f t="shared" si="378"/>
        <v>44897.416666647143</v>
      </c>
      <c r="B8058" s="8">
        <v>14.449881176024849</v>
      </c>
      <c r="C8058">
        <f t="shared" si="376"/>
        <v>10</v>
      </c>
      <c r="D8058">
        <f t="shared" si="377"/>
        <v>12</v>
      </c>
    </row>
    <row r="8059" spans="1:4" x14ac:dyDescent="0.25">
      <c r="A8059" s="7">
        <f t="shared" si="378"/>
        <v>44897.458333313807</v>
      </c>
      <c r="B8059" s="8">
        <v>18.60801661225312</v>
      </c>
      <c r="C8059">
        <f t="shared" si="376"/>
        <v>11</v>
      </c>
      <c r="D8059">
        <f t="shared" si="377"/>
        <v>12</v>
      </c>
    </row>
    <row r="8060" spans="1:4" x14ac:dyDescent="0.25">
      <c r="A8060" s="7">
        <f t="shared" si="378"/>
        <v>44897.499999980471</v>
      </c>
      <c r="B8060" s="8">
        <v>19.781059261194486</v>
      </c>
      <c r="C8060">
        <f t="shared" si="376"/>
        <v>12</v>
      </c>
      <c r="D8060">
        <f t="shared" si="377"/>
        <v>12</v>
      </c>
    </row>
    <row r="8061" spans="1:4" x14ac:dyDescent="0.25">
      <c r="A8061" s="7">
        <f t="shared" si="378"/>
        <v>44897.541666647136</v>
      </c>
      <c r="B8061" s="8">
        <v>10.977546273096431</v>
      </c>
      <c r="C8061">
        <f t="shared" si="376"/>
        <v>13</v>
      </c>
      <c r="D8061">
        <f t="shared" si="377"/>
        <v>12</v>
      </c>
    </row>
    <row r="8062" spans="1:4" x14ac:dyDescent="0.25">
      <c r="A8062" s="7">
        <f t="shared" si="378"/>
        <v>44897.5833333138</v>
      </c>
      <c r="B8062" s="8">
        <v>4.2349905090073463</v>
      </c>
      <c r="C8062">
        <f t="shared" si="376"/>
        <v>14</v>
      </c>
      <c r="D8062">
        <f t="shared" si="377"/>
        <v>12</v>
      </c>
    </row>
    <row r="8063" spans="1:4" x14ac:dyDescent="0.25">
      <c r="A8063" s="7">
        <f t="shared" si="378"/>
        <v>44897.624999980464</v>
      </c>
      <c r="B8063" s="8">
        <v>4.5827408530656593</v>
      </c>
      <c r="C8063">
        <f t="shared" si="376"/>
        <v>15</v>
      </c>
      <c r="D8063">
        <f t="shared" si="377"/>
        <v>12</v>
      </c>
    </row>
    <row r="8064" spans="1:4" x14ac:dyDescent="0.25">
      <c r="A8064" s="7">
        <f t="shared" si="378"/>
        <v>44897.666666647128</v>
      </c>
      <c r="B8064" s="8">
        <v>4.2122757393344008</v>
      </c>
      <c r="C8064">
        <f t="shared" si="376"/>
        <v>16</v>
      </c>
      <c r="D8064">
        <f t="shared" si="377"/>
        <v>12</v>
      </c>
    </row>
    <row r="8065" spans="1:4" x14ac:dyDescent="0.25">
      <c r="A8065" s="7">
        <f t="shared" si="378"/>
        <v>44897.708333313793</v>
      </c>
      <c r="B8065" s="8">
        <v>0.78430884159746528</v>
      </c>
      <c r="C8065">
        <f t="shared" si="376"/>
        <v>17</v>
      </c>
      <c r="D8065">
        <f t="shared" si="377"/>
        <v>12</v>
      </c>
    </row>
    <row r="8066" spans="1:4" x14ac:dyDescent="0.25">
      <c r="A8066" s="7">
        <f t="shared" si="378"/>
        <v>44897.749999980457</v>
      </c>
      <c r="B8066" s="8">
        <v>-4.9800999999999998E-2</v>
      </c>
      <c r="C8066">
        <f t="shared" si="376"/>
        <v>18</v>
      </c>
      <c r="D8066">
        <f t="shared" si="377"/>
        <v>12</v>
      </c>
    </row>
    <row r="8067" spans="1:4" x14ac:dyDescent="0.25">
      <c r="A8067" s="7">
        <f t="shared" si="378"/>
        <v>44897.791666647121</v>
      </c>
      <c r="B8067" s="8">
        <v>-4.9800999999999998E-2</v>
      </c>
      <c r="C8067">
        <f t="shared" si="376"/>
        <v>19</v>
      </c>
      <c r="D8067">
        <f t="shared" si="377"/>
        <v>12</v>
      </c>
    </row>
    <row r="8068" spans="1:4" x14ac:dyDescent="0.25">
      <c r="A8068" s="7">
        <f t="shared" si="378"/>
        <v>44897.833333313785</v>
      </c>
      <c r="B8068" s="8">
        <v>-4.9800999999999998E-2</v>
      </c>
      <c r="C8068">
        <f t="shared" si="376"/>
        <v>20</v>
      </c>
      <c r="D8068">
        <f t="shared" si="377"/>
        <v>12</v>
      </c>
    </row>
    <row r="8069" spans="1:4" x14ac:dyDescent="0.25">
      <c r="A8069" s="7">
        <f t="shared" si="378"/>
        <v>44897.87499998045</v>
      </c>
      <c r="B8069" s="8">
        <v>-4.9800999999999998E-2</v>
      </c>
      <c r="C8069">
        <f t="shared" si="376"/>
        <v>21</v>
      </c>
      <c r="D8069">
        <f t="shared" si="377"/>
        <v>12</v>
      </c>
    </row>
    <row r="8070" spans="1:4" x14ac:dyDescent="0.25">
      <c r="A8070" s="7">
        <f t="shared" si="378"/>
        <v>44897.916666647114</v>
      </c>
      <c r="B8070" s="8">
        <v>-4.9800999999999998E-2</v>
      </c>
      <c r="C8070">
        <f t="shared" si="376"/>
        <v>22</v>
      </c>
      <c r="D8070">
        <f t="shared" si="377"/>
        <v>12</v>
      </c>
    </row>
    <row r="8071" spans="1:4" x14ac:dyDescent="0.25">
      <c r="A8071" s="7">
        <f t="shared" si="378"/>
        <v>44897.958333313778</v>
      </c>
      <c r="B8071" s="8">
        <v>-4.9800999999999998E-2</v>
      </c>
      <c r="C8071">
        <f t="shared" si="376"/>
        <v>23</v>
      </c>
      <c r="D8071">
        <f t="shared" si="377"/>
        <v>12</v>
      </c>
    </row>
    <row r="8072" spans="1:4" x14ac:dyDescent="0.25">
      <c r="A8072" s="7">
        <f t="shared" si="378"/>
        <v>44897.999999980442</v>
      </c>
      <c r="B8072" s="8">
        <v>-4.9800999999999998E-2</v>
      </c>
      <c r="C8072">
        <f t="shared" si="376"/>
        <v>0</v>
      </c>
      <c r="D8072">
        <f t="shared" si="377"/>
        <v>12</v>
      </c>
    </row>
    <row r="8073" spans="1:4" x14ac:dyDescent="0.25">
      <c r="A8073" s="7">
        <f t="shared" si="378"/>
        <v>44898.041666647106</v>
      </c>
      <c r="B8073" s="8">
        <v>-4.9800999999999998E-2</v>
      </c>
      <c r="C8073">
        <f t="shared" si="376"/>
        <v>1</v>
      </c>
      <c r="D8073">
        <f t="shared" si="377"/>
        <v>12</v>
      </c>
    </row>
    <row r="8074" spans="1:4" x14ac:dyDescent="0.25">
      <c r="A8074" s="7">
        <f t="shared" si="378"/>
        <v>44898.083333313771</v>
      </c>
      <c r="B8074" s="8">
        <v>-4.9800999999999998E-2</v>
      </c>
      <c r="C8074">
        <f t="shared" ref="C8074:C8137" si="379">HOUR(A8074)</f>
        <v>2</v>
      </c>
      <c r="D8074">
        <f t="shared" ref="D8074:D8137" si="380">MONTH(A8074)</f>
        <v>12</v>
      </c>
    </row>
    <row r="8075" spans="1:4" x14ac:dyDescent="0.25">
      <c r="A8075" s="7">
        <f t="shared" ref="A8075:A8138" si="381">+A8074+1/24</f>
        <v>44898.124999980435</v>
      </c>
      <c r="B8075" s="8">
        <v>-4.9800999999999998E-2</v>
      </c>
      <c r="C8075">
        <f t="shared" si="379"/>
        <v>3</v>
      </c>
      <c r="D8075">
        <f t="shared" si="380"/>
        <v>12</v>
      </c>
    </row>
    <row r="8076" spans="1:4" x14ac:dyDescent="0.25">
      <c r="A8076" s="7">
        <f t="shared" si="381"/>
        <v>44898.166666647099</v>
      </c>
      <c r="B8076" s="8">
        <v>-4.9800999999999998E-2</v>
      </c>
      <c r="C8076">
        <f t="shared" si="379"/>
        <v>4</v>
      </c>
      <c r="D8076">
        <f t="shared" si="380"/>
        <v>12</v>
      </c>
    </row>
    <row r="8077" spans="1:4" x14ac:dyDescent="0.25">
      <c r="A8077" s="7">
        <f t="shared" si="381"/>
        <v>44898.208333313763</v>
      </c>
      <c r="B8077" s="8">
        <v>-4.9800999999999998E-2</v>
      </c>
      <c r="C8077">
        <f t="shared" si="379"/>
        <v>5</v>
      </c>
      <c r="D8077">
        <f t="shared" si="380"/>
        <v>12</v>
      </c>
    </row>
    <row r="8078" spans="1:4" x14ac:dyDescent="0.25">
      <c r="A8078" s="7">
        <f t="shared" si="381"/>
        <v>44898.249999980428</v>
      </c>
      <c r="B8078" s="8">
        <v>-4.9800999999999998E-2</v>
      </c>
      <c r="C8078">
        <f t="shared" si="379"/>
        <v>6</v>
      </c>
      <c r="D8078">
        <f t="shared" si="380"/>
        <v>12</v>
      </c>
    </row>
    <row r="8079" spans="1:4" x14ac:dyDescent="0.25">
      <c r="A8079" s="7">
        <f t="shared" si="381"/>
        <v>44898.291666647092</v>
      </c>
      <c r="B8079" s="8">
        <v>-4.9800999999999998E-2</v>
      </c>
      <c r="C8079">
        <f t="shared" si="379"/>
        <v>7</v>
      </c>
      <c r="D8079">
        <f t="shared" si="380"/>
        <v>12</v>
      </c>
    </row>
    <row r="8080" spans="1:4" x14ac:dyDescent="0.25">
      <c r="A8080" s="7">
        <f t="shared" si="381"/>
        <v>44898.333333313756</v>
      </c>
      <c r="B8080" s="8">
        <v>-4.9800999999999998E-2</v>
      </c>
      <c r="C8080">
        <f t="shared" si="379"/>
        <v>8</v>
      </c>
      <c r="D8080">
        <f t="shared" si="380"/>
        <v>12</v>
      </c>
    </row>
    <row r="8081" spans="1:4" x14ac:dyDescent="0.25">
      <c r="A8081" s="7">
        <f t="shared" si="381"/>
        <v>44898.37499998042</v>
      </c>
      <c r="B8081" s="8">
        <v>0.87544927837094877</v>
      </c>
      <c r="C8081">
        <f t="shared" si="379"/>
        <v>9</v>
      </c>
      <c r="D8081">
        <f t="shared" si="380"/>
        <v>12</v>
      </c>
    </row>
    <row r="8082" spans="1:4" x14ac:dyDescent="0.25">
      <c r="A8082" s="7">
        <f t="shared" si="381"/>
        <v>44898.416666647085</v>
      </c>
      <c r="B8082" s="8">
        <v>2.8983602937934183</v>
      </c>
      <c r="C8082">
        <f t="shared" si="379"/>
        <v>10</v>
      </c>
      <c r="D8082">
        <f t="shared" si="380"/>
        <v>12</v>
      </c>
    </row>
    <row r="8083" spans="1:4" x14ac:dyDescent="0.25">
      <c r="A8083" s="7">
        <f t="shared" si="381"/>
        <v>44898.458333313749</v>
      </c>
      <c r="B8083" s="8">
        <v>17.655714322334457</v>
      </c>
      <c r="C8083">
        <f t="shared" si="379"/>
        <v>11</v>
      </c>
      <c r="D8083">
        <f t="shared" si="380"/>
        <v>12</v>
      </c>
    </row>
    <row r="8084" spans="1:4" x14ac:dyDescent="0.25">
      <c r="A8084" s="7">
        <f t="shared" si="381"/>
        <v>44898.499999980413</v>
      </c>
      <c r="B8084" s="8">
        <v>12.863595648160985</v>
      </c>
      <c r="C8084">
        <f t="shared" si="379"/>
        <v>12</v>
      </c>
      <c r="D8084">
        <f t="shared" si="380"/>
        <v>12</v>
      </c>
    </row>
    <row r="8085" spans="1:4" x14ac:dyDescent="0.25">
      <c r="A8085" s="7">
        <f t="shared" si="381"/>
        <v>44898.541666647077</v>
      </c>
      <c r="B8085" s="8">
        <v>11.234369517827824</v>
      </c>
      <c r="C8085">
        <f t="shared" si="379"/>
        <v>13</v>
      </c>
      <c r="D8085">
        <f t="shared" si="380"/>
        <v>12</v>
      </c>
    </row>
    <row r="8086" spans="1:4" x14ac:dyDescent="0.25">
      <c r="A8086" s="7">
        <f t="shared" si="381"/>
        <v>44898.583333313742</v>
      </c>
      <c r="B8086" s="8">
        <v>2.7691963219784812</v>
      </c>
      <c r="C8086">
        <f t="shared" si="379"/>
        <v>14</v>
      </c>
      <c r="D8086">
        <f t="shared" si="380"/>
        <v>12</v>
      </c>
    </row>
    <row r="8087" spans="1:4" x14ac:dyDescent="0.25">
      <c r="A8087" s="7">
        <f t="shared" si="381"/>
        <v>44898.624999980406</v>
      </c>
      <c r="B8087" s="8">
        <v>3.4375949094558402</v>
      </c>
      <c r="C8087">
        <f t="shared" si="379"/>
        <v>15</v>
      </c>
      <c r="D8087">
        <f t="shared" si="380"/>
        <v>12</v>
      </c>
    </row>
    <row r="8088" spans="1:4" x14ac:dyDescent="0.25">
      <c r="A8088" s="7">
        <f t="shared" si="381"/>
        <v>44898.66666664707</v>
      </c>
      <c r="B8088" s="8">
        <v>2.9393169610712246</v>
      </c>
      <c r="C8088">
        <f t="shared" si="379"/>
        <v>16</v>
      </c>
      <c r="D8088">
        <f t="shared" si="380"/>
        <v>12</v>
      </c>
    </row>
    <row r="8089" spans="1:4" x14ac:dyDescent="0.25">
      <c r="A8089" s="7">
        <f t="shared" si="381"/>
        <v>44898.708333313734</v>
      </c>
      <c r="B8089" s="8">
        <v>1.4404297044326375</v>
      </c>
      <c r="C8089">
        <f t="shared" si="379"/>
        <v>17</v>
      </c>
      <c r="D8089">
        <f t="shared" si="380"/>
        <v>12</v>
      </c>
    </row>
    <row r="8090" spans="1:4" x14ac:dyDescent="0.25">
      <c r="A8090" s="7">
        <f t="shared" si="381"/>
        <v>44898.749999980399</v>
      </c>
      <c r="B8090" s="8">
        <v>-4.9800999999999998E-2</v>
      </c>
      <c r="C8090">
        <f t="shared" si="379"/>
        <v>18</v>
      </c>
      <c r="D8090">
        <f t="shared" si="380"/>
        <v>12</v>
      </c>
    </row>
    <row r="8091" spans="1:4" x14ac:dyDescent="0.25">
      <c r="A8091" s="7">
        <f t="shared" si="381"/>
        <v>44898.791666647063</v>
      </c>
      <c r="B8091" s="8">
        <v>-4.9800999999999998E-2</v>
      </c>
      <c r="C8091">
        <f t="shared" si="379"/>
        <v>19</v>
      </c>
      <c r="D8091">
        <f t="shared" si="380"/>
        <v>12</v>
      </c>
    </row>
    <row r="8092" spans="1:4" x14ac:dyDescent="0.25">
      <c r="A8092" s="7">
        <f t="shared" si="381"/>
        <v>44898.833333313727</v>
      </c>
      <c r="B8092" s="8">
        <v>-4.9800999999999998E-2</v>
      </c>
      <c r="C8092">
        <f t="shared" si="379"/>
        <v>20</v>
      </c>
      <c r="D8092">
        <f t="shared" si="380"/>
        <v>12</v>
      </c>
    </row>
    <row r="8093" spans="1:4" x14ac:dyDescent="0.25">
      <c r="A8093" s="7">
        <f t="shared" si="381"/>
        <v>44898.874999980391</v>
      </c>
      <c r="B8093" s="8">
        <v>-4.9800999999999998E-2</v>
      </c>
      <c r="C8093">
        <f t="shared" si="379"/>
        <v>21</v>
      </c>
      <c r="D8093">
        <f t="shared" si="380"/>
        <v>12</v>
      </c>
    </row>
    <row r="8094" spans="1:4" x14ac:dyDescent="0.25">
      <c r="A8094" s="7">
        <f t="shared" si="381"/>
        <v>44898.916666647056</v>
      </c>
      <c r="B8094" s="8">
        <v>-4.9800999999999998E-2</v>
      </c>
      <c r="C8094">
        <f t="shared" si="379"/>
        <v>22</v>
      </c>
      <c r="D8094">
        <f t="shared" si="380"/>
        <v>12</v>
      </c>
    </row>
    <row r="8095" spans="1:4" x14ac:dyDescent="0.25">
      <c r="A8095" s="7">
        <f t="shared" si="381"/>
        <v>44898.95833331372</v>
      </c>
      <c r="B8095" s="8">
        <v>-4.9800999999999998E-2</v>
      </c>
      <c r="C8095">
        <f t="shared" si="379"/>
        <v>23</v>
      </c>
      <c r="D8095">
        <f t="shared" si="380"/>
        <v>12</v>
      </c>
    </row>
    <row r="8096" spans="1:4" x14ac:dyDescent="0.25">
      <c r="A8096" s="7">
        <f t="shared" si="381"/>
        <v>44898.999999980384</v>
      </c>
      <c r="B8096" s="8">
        <v>-4.9800999999999998E-2</v>
      </c>
      <c r="C8096">
        <f t="shared" si="379"/>
        <v>0</v>
      </c>
      <c r="D8096">
        <f t="shared" si="380"/>
        <v>12</v>
      </c>
    </row>
    <row r="8097" spans="1:4" x14ac:dyDescent="0.25">
      <c r="A8097" s="7">
        <f t="shared" si="381"/>
        <v>44899.041666647048</v>
      </c>
      <c r="B8097" s="8">
        <v>-4.9800999999999998E-2</v>
      </c>
      <c r="C8097">
        <f t="shared" si="379"/>
        <v>1</v>
      </c>
      <c r="D8097">
        <f t="shared" si="380"/>
        <v>12</v>
      </c>
    </row>
    <row r="8098" spans="1:4" x14ac:dyDescent="0.25">
      <c r="A8098" s="7">
        <f t="shared" si="381"/>
        <v>44899.083333313713</v>
      </c>
      <c r="B8098" s="8">
        <v>-4.9800999999999998E-2</v>
      </c>
      <c r="C8098">
        <f t="shared" si="379"/>
        <v>2</v>
      </c>
      <c r="D8098">
        <f t="shared" si="380"/>
        <v>12</v>
      </c>
    </row>
    <row r="8099" spans="1:4" x14ac:dyDescent="0.25">
      <c r="A8099" s="7">
        <f t="shared" si="381"/>
        <v>44899.124999980377</v>
      </c>
      <c r="B8099" s="8">
        <v>-4.9800999999999998E-2</v>
      </c>
      <c r="C8099">
        <f t="shared" si="379"/>
        <v>3</v>
      </c>
      <c r="D8099">
        <f t="shared" si="380"/>
        <v>12</v>
      </c>
    </row>
    <row r="8100" spans="1:4" x14ac:dyDescent="0.25">
      <c r="A8100" s="7">
        <f t="shared" si="381"/>
        <v>44899.166666647041</v>
      </c>
      <c r="B8100" s="8">
        <v>-4.9800999999999998E-2</v>
      </c>
      <c r="C8100">
        <f t="shared" si="379"/>
        <v>4</v>
      </c>
      <c r="D8100">
        <f t="shared" si="380"/>
        <v>12</v>
      </c>
    </row>
    <row r="8101" spans="1:4" x14ac:dyDescent="0.25">
      <c r="A8101" s="7">
        <f t="shared" si="381"/>
        <v>44899.208333313705</v>
      </c>
      <c r="B8101" s="8">
        <v>-4.9800999999999998E-2</v>
      </c>
      <c r="C8101">
        <f t="shared" si="379"/>
        <v>5</v>
      </c>
      <c r="D8101">
        <f t="shared" si="380"/>
        <v>12</v>
      </c>
    </row>
    <row r="8102" spans="1:4" x14ac:dyDescent="0.25">
      <c r="A8102" s="7">
        <f t="shared" si="381"/>
        <v>44899.249999980369</v>
      </c>
      <c r="B8102" s="8">
        <v>-4.9800999999999998E-2</v>
      </c>
      <c r="C8102">
        <f t="shared" si="379"/>
        <v>6</v>
      </c>
      <c r="D8102">
        <f t="shared" si="380"/>
        <v>12</v>
      </c>
    </row>
    <row r="8103" spans="1:4" x14ac:dyDescent="0.25">
      <c r="A8103" s="7">
        <f t="shared" si="381"/>
        <v>44899.291666647034</v>
      </c>
      <c r="B8103" s="8">
        <v>-4.9800999999999998E-2</v>
      </c>
      <c r="C8103">
        <f t="shared" si="379"/>
        <v>7</v>
      </c>
      <c r="D8103">
        <f t="shared" si="380"/>
        <v>12</v>
      </c>
    </row>
    <row r="8104" spans="1:4" x14ac:dyDescent="0.25">
      <c r="A8104" s="7">
        <f t="shared" si="381"/>
        <v>44899.333333313698</v>
      </c>
      <c r="B8104" s="8">
        <v>-4.9800999999999998E-2</v>
      </c>
      <c r="C8104">
        <f t="shared" si="379"/>
        <v>8</v>
      </c>
      <c r="D8104">
        <f t="shared" si="380"/>
        <v>12</v>
      </c>
    </row>
    <row r="8105" spans="1:4" x14ac:dyDescent="0.25">
      <c r="A8105" s="7">
        <f t="shared" si="381"/>
        <v>44899.374999980362</v>
      </c>
      <c r="B8105" s="8">
        <v>2.4132443383077682</v>
      </c>
      <c r="C8105">
        <f t="shared" si="379"/>
        <v>9</v>
      </c>
      <c r="D8105">
        <f t="shared" si="380"/>
        <v>12</v>
      </c>
    </row>
    <row r="8106" spans="1:4" x14ac:dyDescent="0.25">
      <c r="A8106" s="7">
        <f t="shared" si="381"/>
        <v>44899.416666647026</v>
      </c>
      <c r="B8106" s="8">
        <v>5.2987610994485443</v>
      </c>
      <c r="C8106">
        <f t="shared" si="379"/>
        <v>10</v>
      </c>
      <c r="D8106">
        <f t="shared" si="380"/>
        <v>12</v>
      </c>
    </row>
    <row r="8107" spans="1:4" x14ac:dyDescent="0.25">
      <c r="A8107" s="7">
        <f t="shared" si="381"/>
        <v>44899.458333313691</v>
      </c>
      <c r="B8107" s="8">
        <v>4.0139255060442141</v>
      </c>
      <c r="C8107">
        <f t="shared" si="379"/>
        <v>11</v>
      </c>
      <c r="D8107">
        <f t="shared" si="380"/>
        <v>12</v>
      </c>
    </row>
    <row r="8108" spans="1:4" x14ac:dyDescent="0.25">
      <c r="A8108" s="7">
        <f t="shared" si="381"/>
        <v>44899.499999980355</v>
      </c>
      <c r="B8108" s="8">
        <v>9.2301033707426168</v>
      </c>
      <c r="C8108">
        <f t="shared" si="379"/>
        <v>12</v>
      </c>
      <c r="D8108">
        <f t="shared" si="380"/>
        <v>12</v>
      </c>
    </row>
    <row r="8109" spans="1:4" x14ac:dyDescent="0.25">
      <c r="A8109" s="7">
        <f t="shared" si="381"/>
        <v>44899.541666647019</v>
      </c>
      <c r="B8109" s="8">
        <v>4.7094447452431503</v>
      </c>
      <c r="C8109">
        <f t="shared" si="379"/>
        <v>13</v>
      </c>
      <c r="D8109">
        <f t="shared" si="380"/>
        <v>12</v>
      </c>
    </row>
    <row r="8110" spans="1:4" x14ac:dyDescent="0.25">
      <c r="A8110" s="7">
        <f t="shared" si="381"/>
        <v>44899.583333313683</v>
      </c>
      <c r="B8110" s="8">
        <v>5.153251562887105</v>
      </c>
      <c r="C8110">
        <f t="shared" si="379"/>
        <v>14</v>
      </c>
      <c r="D8110">
        <f t="shared" si="380"/>
        <v>12</v>
      </c>
    </row>
    <row r="8111" spans="1:4" x14ac:dyDescent="0.25">
      <c r="A8111" s="7">
        <f t="shared" si="381"/>
        <v>44899.624999980348</v>
      </c>
      <c r="B8111" s="8">
        <v>4.6240417459818843</v>
      </c>
      <c r="C8111">
        <f t="shared" si="379"/>
        <v>15</v>
      </c>
      <c r="D8111">
        <f t="shared" si="380"/>
        <v>12</v>
      </c>
    </row>
    <row r="8112" spans="1:4" x14ac:dyDescent="0.25">
      <c r="A8112" s="7">
        <f t="shared" si="381"/>
        <v>44899.666666647012</v>
      </c>
      <c r="B8112" s="8">
        <v>3.3252031772805362</v>
      </c>
      <c r="C8112">
        <f t="shared" si="379"/>
        <v>16</v>
      </c>
      <c r="D8112">
        <f t="shared" si="380"/>
        <v>12</v>
      </c>
    </row>
    <row r="8113" spans="1:4" x14ac:dyDescent="0.25">
      <c r="A8113" s="7">
        <f t="shared" si="381"/>
        <v>44899.708333313676</v>
      </c>
      <c r="B8113" s="8">
        <v>1.3993297815747705</v>
      </c>
      <c r="C8113">
        <f t="shared" si="379"/>
        <v>17</v>
      </c>
      <c r="D8113">
        <f t="shared" si="380"/>
        <v>12</v>
      </c>
    </row>
    <row r="8114" spans="1:4" x14ac:dyDescent="0.25">
      <c r="A8114" s="7">
        <f t="shared" si="381"/>
        <v>44899.74999998034</v>
      </c>
      <c r="B8114" s="8">
        <v>-4.9800999999999998E-2</v>
      </c>
      <c r="C8114">
        <f t="shared" si="379"/>
        <v>18</v>
      </c>
      <c r="D8114">
        <f t="shared" si="380"/>
        <v>12</v>
      </c>
    </row>
    <row r="8115" spans="1:4" x14ac:dyDescent="0.25">
      <c r="A8115" s="7">
        <f t="shared" si="381"/>
        <v>44899.791666647005</v>
      </c>
      <c r="B8115" s="8">
        <v>-4.9800999999999998E-2</v>
      </c>
      <c r="C8115">
        <f t="shared" si="379"/>
        <v>19</v>
      </c>
      <c r="D8115">
        <f t="shared" si="380"/>
        <v>12</v>
      </c>
    </row>
    <row r="8116" spans="1:4" x14ac:dyDescent="0.25">
      <c r="A8116" s="7">
        <f t="shared" si="381"/>
        <v>44899.833333313669</v>
      </c>
      <c r="B8116" s="8">
        <v>-4.9800999999999998E-2</v>
      </c>
      <c r="C8116">
        <f t="shared" si="379"/>
        <v>20</v>
      </c>
      <c r="D8116">
        <f t="shared" si="380"/>
        <v>12</v>
      </c>
    </row>
    <row r="8117" spans="1:4" x14ac:dyDescent="0.25">
      <c r="A8117" s="7">
        <f t="shared" si="381"/>
        <v>44899.874999980333</v>
      </c>
      <c r="B8117" s="8">
        <v>-4.9800999999999998E-2</v>
      </c>
      <c r="C8117">
        <f t="shared" si="379"/>
        <v>21</v>
      </c>
      <c r="D8117">
        <f t="shared" si="380"/>
        <v>12</v>
      </c>
    </row>
    <row r="8118" spans="1:4" x14ac:dyDescent="0.25">
      <c r="A8118" s="7">
        <f t="shared" si="381"/>
        <v>44899.916666646997</v>
      </c>
      <c r="B8118" s="8">
        <v>-4.9800999999999998E-2</v>
      </c>
      <c r="C8118">
        <f t="shared" si="379"/>
        <v>22</v>
      </c>
      <c r="D8118">
        <f t="shared" si="380"/>
        <v>12</v>
      </c>
    </row>
    <row r="8119" spans="1:4" x14ac:dyDescent="0.25">
      <c r="A8119" s="7">
        <f t="shared" si="381"/>
        <v>44899.958333313662</v>
      </c>
      <c r="B8119" s="8">
        <v>-4.9800999999999998E-2</v>
      </c>
      <c r="C8119">
        <f t="shared" si="379"/>
        <v>23</v>
      </c>
      <c r="D8119">
        <f t="shared" si="380"/>
        <v>12</v>
      </c>
    </row>
    <row r="8120" spans="1:4" x14ac:dyDescent="0.25">
      <c r="A8120" s="7">
        <f t="shared" si="381"/>
        <v>44899.999999980326</v>
      </c>
      <c r="B8120" s="8">
        <v>-4.9800999999999998E-2</v>
      </c>
      <c r="C8120">
        <f t="shared" si="379"/>
        <v>0</v>
      </c>
      <c r="D8120">
        <f t="shared" si="380"/>
        <v>12</v>
      </c>
    </row>
    <row r="8121" spans="1:4" x14ac:dyDescent="0.25">
      <c r="A8121" s="7">
        <f t="shared" si="381"/>
        <v>44900.04166664699</v>
      </c>
      <c r="B8121" s="8">
        <v>-4.9800999999999998E-2</v>
      </c>
      <c r="C8121">
        <f t="shared" si="379"/>
        <v>1</v>
      </c>
      <c r="D8121">
        <f t="shared" si="380"/>
        <v>12</v>
      </c>
    </row>
    <row r="8122" spans="1:4" x14ac:dyDescent="0.25">
      <c r="A8122" s="7">
        <f t="shared" si="381"/>
        <v>44900.083333313654</v>
      </c>
      <c r="B8122" s="8">
        <v>-4.9800999999999998E-2</v>
      </c>
      <c r="C8122">
        <f t="shared" si="379"/>
        <v>2</v>
      </c>
      <c r="D8122">
        <f t="shared" si="380"/>
        <v>12</v>
      </c>
    </row>
    <row r="8123" spans="1:4" x14ac:dyDescent="0.25">
      <c r="A8123" s="7">
        <f t="shared" si="381"/>
        <v>44900.124999980319</v>
      </c>
      <c r="B8123" s="8">
        <v>-4.9800999999999998E-2</v>
      </c>
      <c r="C8123">
        <f t="shared" si="379"/>
        <v>3</v>
      </c>
      <c r="D8123">
        <f t="shared" si="380"/>
        <v>12</v>
      </c>
    </row>
    <row r="8124" spans="1:4" x14ac:dyDescent="0.25">
      <c r="A8124" s="7">
        <f t="shared" si="381"/>
        <v>44900.166666646983</v>
      </c>
      <c r="B8124" s="8">
        <v>-4.9800999999999998E-2</v>
      </c>
      <c r="C8124">
        <f t="shared" si="379"/>
        <v>4</v>
      </c>
      <c r="D8124">
        <f t="shared" si="380"/>
        <v>12</v>
      </c>
    </row>
    <row r="8125" spans="1:4" x14ac:dyDescent="0.25">
      <c r="A8125" s="7">
        <f t="shared" si="381"/>
        <v>44900.208333313647</v>
      </c>
      <c r="B8125" s="8">
        <v>-4.9800999999999998E-2</v>
      </c>
      <c r="C8125">
        <f t="shared" si="379"/>
        <v>5</v>
      </c>
      <c r="D8125">
        <f t="shared" si="380"/>
        <v>12</v>
      </c>
    </row>
    <row r="8126" spans="1:4" x14ac:dyDescent="0.25">
      <c r="A8126" s="7">
        <f t="shared" si="381"/>
        <v>44900.249999980311</v>
      </c>
      <c r="B8126" s="8">
        <v>-4.9800999999999998E-2</v>
      </c>
      <c r="C8126">
        <f t="shared" si="379"/>
        <v>6</v>
      </c>
      <c r="D8126">
        <f t="shared" si="380"/>
        <v>12</v>
      </c>
    </row>
    <row r="8127" spans="1:4" x14ac:dyDescent="0.25">
      <c r="A8127" s="7">
        <f t="shared" si="381"/>
        <v>44900.291666646976</v>
      </c>
      <c r="B8127" s="8">
        <v>-4.9800999999999998E-2</v>
      </c>
      <c r="C8127">
        <f t="shared" si="379"/>
        <v>7</v>
      </c>
      <c r="D8127">
        <f t="shared" si="380"/>
        <v>12</v>
      </c>
    </row>
    <row r="8128" spans="1:4" x14ac:dyDescent="0.25">
      <c r="A8128" s="7">
        <f t="shared" si="381"/>
        <v>44900.33333331364</v>
      </c>
      <c r="B8128" s="8">
        <v>-4.9800999999999998E-2</v>
      </c>
      <c r="C8128">
        <f t="shared" si="379"/>
        <v>8</v>
      </c>
      <c r="D8128">
        <f t="shared" si="380"/>
        <v>12</v>
      </c>
    </row>
    <row r="8129" spans="1:4" x14ac:dyDescent="0.25">
      <c r="A8129" s="7">
        <f t="shared" si="381"/>
        <v>44900.374999980304</v>
      </c>
      <c r="B8129" s="8">
        <v>1.1959418988217274</v>
      </c>
      <c r="C8129">
        <f t="shared" si="379"/>
        <v>9</v>
      </c>
      <c r="D8129">
        <f t="shared" si="380"/>
        <v>12</v>
      </c>
    </row>
    <row r="8130" spans="1:4" x14ac:dyDescent="0.25">
      <c r="A8130" s="7">
        <f t="shared" si="381"/>
        <v>44900.416666646968</v>
      </c>
      <c r="B8130" s="8">
        <v>4.0438360344220827</v>
      </c>
      <c r="C8130">
        <f t="shared" si="379"/>
        <v>10</v>
      </c>
      <c r="D8130">
        <f t="shared" si="380"/>
        <v>12</v>
      </c>
    </row>
    <row r="8131" spans="1:4" x14ac:dyDescent="0.25">
      <c r="A8131" s="7">
        <f t="shared" si="381"/>
        <v>44900.458333313632</v>
      </c>
      <c r="B8131" s="8">
        <v>4.0321983221195916</v>
      </c>
      <c r="C8131">
        <f t="shared" si="379"/>
        <v>11</v>
      </c>
      <c r="D8131">
        <f t="shared" si="380"/>
        <v>12</v>
      </c>
    </row>
    <row r="8132" spans="1:4" x14ac:dyDescent="0.25">
      <c r="A8132" s="7">
        <f t="shared" si="381"/>
        <v>44900.499999980297</v>
      </c>
      <c r="B8132" s="8">
        <v>5.5392830959078436</v>
      </c>
      <c r="C8132">
        <f t="shared" si="379"/>
        <v>12</v>
      </c>
      <c r="D8132">
        <f t="shared" si="380"/>
        <v>12</v>
      </c>
    </row>
    <row r="8133" spans="1:4" x14ac:dyDescent="0.25">
      <c r="A8133" s="7">
        <f t="shared" si="381"/>
        <v>44900.541666646961</v>
      </c>
      <c r="B8133" s="8">
        <v>6.2784612767077466</v>
      </c>
      <c r="C8133">
        <f t="shared" si="379"/>
        <v>13</v>
      </c>
      <c r="D8133">
        <f t="shared" si="380"/>
        <v>12</v>
      </c>
    </row>
    <row r="8134" spans="1:4" x14ac:dyDescent="0.25">
      <c r="A8134" s="7">
        <f t="shared" si="381"/>
        <v>44900.583333313625</v>
      </c>
      <c r="B8134" s="8">
        <v>8.2377936105910159</v>
      </c>
      <c r="C8134">
        <f t="shared" si="379"/>
        <v>14</v>
      </c>
      <c r="D8134">
        <f t="shared" si="380"/>
        <v>12</v>
      </c>
    </row>
    <row r="8135" spans="1:4" x14ac:dyDescent="0.25">
      <c r="A8135" s="7">
        <f t="shared" si="381"/>
        <v>44900.624999980289</v>
      </c>
      <c r="B8135" s="8">
        <v>3.6305766656486416</v>
      </c>
      <c r="C8135">
        <f t="shared" si="379"/>
        <v>15</v>
      </c>
      <c r="D8135">
        <f t="shared" si="380"/>
        <v>12</v>
      </c>
    </row>
    <row r="8136" spans="1:4" x14ac:dyDescent="0.25">
      <c r="A8136" s="7">
        <f t="shared" si="381"/>
        <v>44900.666666646954</v>
      </c>
      <c r="B8136" s="8">
        <v>1.8395923118818251</v>
      </c>
      <c r="C8136">
        <f t="shared" si="379"/>
        <v>16</v>
      </c>
      <c r="D8136">
        <f t="shared" si="380"/>
        <v>12</v>
      </c>
    </row>
    <row r="8137" spans="1:4" x14ac:dyDescent="0.25">
      <c r="A8137" s="7">
        <f t="shared" si="381"/>
        <v>44900.708333313618</v>
      </c>
      <c r="B8137" s="8">
        <v>0.86191832505715116</v>
      </c>
      <c r="C8137">
        <f t="shared" si="379"/>
        <v>17</v>
      </c>
      <c r="D8137">
        <f t="shared" si="380"/>
        <v>12</v>
      </c>
    </row>
    <row r="8138" spans="1:4" x14ac:dyDescent="0.25">
      <c r="A8138" s="7">
        <f t="shared" si="381"/>
        <v>44900.749999980282</v>
      </c>
      <c r="B8138" s="8">
        <v>-4.9800999999999998E-2</v>
      </c>
      <c r="C8138">
        <f t="shared" ref="C8138:C8201" si="382">HOUR(A8138)</f>
        <v>18</v>
      </c>
      <c r="D8138">
        <f t="shared" ref="D8138:D8201" si="383">MONTH(A8138)</f>
        <v>12</v>
      </c>
    </row>
    <row r="8139" spans="1:4" x14ac:dyDescent="0.25">
      <c r="A8139" s="7">
        <f t="shared" ref="A8139:A8202" si="384">+A8138+1/24</f>
        <v>44900.791666646946</v>
      </c>
      <c r="B8139" s="8">
        <v>-4.9800999999999998E-2</v>
      </c>
      <c r="C8139">
        <f t="shared" si="382"/>
        <v>19</v>
      </c>
      <c r="D8139">
        <f t="shared" si="383"/>
        <v>12</v>
      </c>
    </row>
    <row r="8140" spans="1:4" x14ac:dyDescent="0.25">
      <c r="A8140" s="7">
        <f t="shared" si="384"/>
        <v>44900.833333313611</v>
      </c>
      <c r="B8140" s="8">
        <v>-4.9800999999999998E-2</v>
      </c>
      <c r="C8140">
        <f t="shared" si="382"/>
        <v>20</v>
      </c>
      <c r="D8140">
        <f t="shared" si="383"/>
        <v>12</v>
      </c>
    </row>
    <row r="8141" spans="1:4" x14ac:dyDescent="0.25">
      <c r="A8141" s="7">
        <f t="shared" si="384"/>
        <v>44900.874999980275</v>
      </c>
      <c r="B8141" s="8">
        <v>-4.9800999999999998E-2</v>
      </c>
      <c r="C8141">
        <f t="shared" si="382"/>
        <v>21</v>
      </c>
      <c r="D8141">
        <f t="shared" si="383"/>
        <v>12</v>
      </c>
    </row>
    <row r="8142" spans="1:4" x14ac:dyDescent="0.25">
      <c r="A8142" s="7">
        <f t="shared" si="384"/>
        <v>44900.916666646939</v>
      </c>
      <c r="B8142" s="8">
        <v>-4.9800999999999998E-2</v>
      </c>
      <c r="C8142">
        <f t="shared" si="382"/>
        <v>22</v>
      </c>
      <c r="D8142">
        <f t="shared" si="383"/>
        <v>12</v>
      </c>
    </row>
    <row r="8143" spans="1:4" x14ac:dyDescent="0.25">
      <c r="A8143" s="7">
        <f t="shared" si="384"/>
        <v>44900.958333313603</v>
      </c>
      <c r="B8143" s="8">
        <v>-4.9800999999999998E-2</v>
      </c>
      <c r="C8143">
        <f t="shared" si="382"/>
        <v>23</v>
      </c>
      <c r="D8143">
        <f t="shared" si="383"/>
        <v>12</v>
      </c>
    </row>
    <row r="8144" spans="1:4" x14ac:dyDescent="0.25">
      <c r="A8144" s="7">
        <f t="shared" si="384"/>
        <v>44900.999999980268</v>
      </c>
      <c r="B8144" s="8">
        <v>-4.9800999999999998E-2</v>
      </c>
      <c r="C8144">
        <f t="shared" si="382"/>
        <v>0</v>
      </c>
      <c r="D8144">
        <f t="shared" si="383"/>
        <v>12</v>
      </c>
    </row>
    <row r="8145" spans="1:4" x14ac:dyDescent="0.25">
      <c r="A8145" s="7">
        <f t="shared" si="384"/>
        <v>44901.041666646932</v>
      </c>
      <c r="B8145" s="8">
        <v>-4.9800999999999998E-2</v>
      </c>
      <c r="C8145">
        <f t="shared" si="382"/>
        <v>1</v>
      </c>
      <c r="D8145">
        <f t="shared" si="383"/>
        <v>12</v>
      </c>
    </row>
    <row r="8146" spans="1:4" x14ac:dyDescent="0.25">
      <c r="A8146" s="7">
        <f t="shared" si="384"/>
        <v>44901.083333313596</v>
      </c>
      <c r="B8146" s="8">
        <v>-4.9800999999999998E-2</v>
      </c>
      <c r="C8146">
        <f t="shared" si="382"/>
        <v>2</v>
      </c>
      <c r="D8146">
        <f t="shared" si="383"/>
        <v>12</v>
      </c>
    </row>
    <row r="8147" spans="1:4" x14ac:dyDescent="0.25">
      <c r="A8147" s="7">
        <f t="shared" si="384"/>
        <v>44901.12499998026</v>
      </c>
      <c r="B8147" s="8">
        <v>-4.9800999999999998E-2</v>
      </c>
      <c r="C8147">
        <f t="shared" si="382"/>
        <v>3</v>
      </c>
      <c r="D8147">
        <f t="shared" si="383"/>
        <v>12</v>
      </c>
    </row>
    <row r="8148" spans="1:4" x14ac:dyDescent="0.25">
      <c r="A8148" s="7">
        <f t="shared" si="384"/>
        <v>44901.166666646925</v>
      </c>
      <c r="B8148" s="8">
        <v>-4.9800999999999998E-2</v>
      </c>
      <c r="C8148">
        <f t="shared" si="382"/>
        <v>4</v>
      </c>
      <c r="D8148">
        <f t="shared" si="383"/>
        <v>12</v>
      </c>
    </row>
    <row r="8149" spans="1:4" x14ac:dyDescent="0.25">
      <c r="A8149" s="7">
        <f t="shared" si="384"/>
        <v>44901.208333313589</v>
      </c>
      <c r="B8149" s="8">
        <v>-4.9800999999999998E-2</v>
      </c>
      <c r="C8149">
        <f t="shared" si="382"/>
        <v>5</v>
      </c>
      <c r="D8149">
        <f t="shared" si="383"/>
        <v>12</v>
      </c>
    </row>
    <row r="8150" spans="1:4" x14ac:dyDescent="0.25">
      <c r="A8150" s="7">
        <f t="shared" si="384"/>
        <v>44901.249999980253</v>
      </c>
      <c r="B8150" s="8">
        <v>-4.9800999999999998E-2</v>
      </c>
      <c r="C8150">
        <f t="shared" si="382"/>
        <v>6</v>
      </c>
      <c r="D8150">
        <f t="shared" si="383"/>
        <v>12</v>
      </c>
    </row>
    <row r="8151" spans="1:4" x14ac:dyDescent="0.25">
      <c r="A8151" s="7">
        <f t="shared" si="384"/>
        <v>44901.291666646917</v>
      </c>
      <c r="B8151" s="8">
        <v>-4.9800999999999998E-2</v>
      </c>
      <c r="C8151">
        <f t="shared" si="382"/>
        <v>7</v>
      </c>
      <c r="D8151">
        <f t="shared" si="383"/>
        <v>12</v>
      </c>
    </row>
    <row r="8152" spans="1:4" x14ac:dyDescent="0.25">
      <c r="A8152" s="7">
        <f t="shared" si="384"/>
        <v>44901.333333313582</v>
      </c>
      <c r="B8152" s="8">
        <v>-4.9800999999999998E-2</v>
      </c>
      <c r="C8152">
        <f t="shared" si="382"/>
        <v>8</v>
      </c>
      <c r="D8152">
        <f t="shared" si="383"/>
        <v>12</v>
      </c>
    </row>
    <row r="8153" spans="1:4" x14ac:dyDescent="0.25">
      <c r="A8153" s="7">
        <f t="shared" si="384"/>
        <v>44901.374999980246</v>
      </c>
      <c r="B8153" s="8">
        <v>2.4745216550248421</v>
      </c>
      <c r="C8153">
        <f t="shared" si="382"/>
        <v>9</v>
      </c>
      <c r="D8153">
        <f t="shared" si="383"/>
        <v>12</v>
      </c>
    </row>
    <row r="8154" spans="1:4" x14ac:dyDescent="0.25">
      <c r="A8154" s="7">
        <f t="shared" si="384"/>
        <v>44901.41666664691</v>
      </c>
      <c r="B8154" s="8">
        <v>3.434210367549944</v>
      </c>
      <c r="C8154">
        <f t="shared" si="382"/>
        <v>10</v>
      </c>
      <c r="D8154">
        <f t="shared" si="383"/>
        <v>12</v>
      </c>
    </row>
    <row r="8155" spans="1:4" x14ac:dyDescent="0.25">
      <c r="A8155" s="7">
        <f t="shared" si="384"/>
        <v>44901.458333313574</v>
      </c>
      <c r="B8155" s="8">
        <v>5.2531450186638695</v>
      </c>
      <c r="C8155">
        <f t="shared" si="382"/>
        <v>11</v>
      </c>
      <c r="D8155">
        <f t="shared" si="383"/>
        <v>12</v>
      </c>
    </row>
    <row r="8156" spans="1:4" x14ac:dyDescent="0.25">
      <c r="A8156" s="7">
        <f t="shared" si="384"/>
        <v>44901.499999980238</v>
      </c>
      <c r="B8156" s="8">
        <v>7.1144853827071506</v>
      </c>
      <c r="C8156">
        <f t="shared" si="382"/>
        <v>12</v>
      </c>
      <c r="D8156">
        <f t="shared" si="383"/>
        <v>12</v>
      </c>
    </row>
    <row r="8157" spans="1:4" x14ac:dyDescent="0.25">
      <c r="A8157" s="7">
        <f t="shared" si="384"/>
        <v>44901.541666646903</v>
      </c>
      <c r="B8157" s="8">
        <v>7.6872953961193549</v>
      </c>
      <c r="C8157">
        <f t="shared" si="382"/>
        <v>13</v>
      </c>
      <c r="D8157">
        <f t="shared" si="383"/>
        <v>12</v>
      </c>
    </row>
    <row r="8158" spans="1:4" x14ac:dyDescent="0.25">
      <c r="A8158" s="7">
        <f t="shared" si="384"/>
        <v>44901.583333313567</v>
      </c>
      <c r="B8158" s="8">
        <v>7.2272965754657985</v>
      </c>
      <c r="C8158">
        <f t="shared" si="382"/>
        <v>14</v>
      </c>
      <c r="D8158">
        <f t="shared" si="383"/>
        <v>12</v>
      </c>
    </row>
    <row r="8159" spans="1:4" x14ac:dyDescent="0.25">
      <c r="A8159" s="7">
        <f t="shared" si="384"/>
        <v>44901.624999980231</v>
      </c>
      <c r="B8159" s="8">
        <v>4.3000172055824137</v>
      </c>
      <c r="C8159">
        <f t="shared" si="382"/>
        <v>15</v>
      </c>
      <c r="D8159">
        <f t="shared" si="383"/>
        <v>12</v>
      </c>
    </row>
    <row r="8160" spans="1:4" x14ac:dyDescent="0.25">
      <c r="A8160" s="7">
        <f t="shared" si="384"/>
        <v>44901.666666646895</v>
      </c>
      <c r="B8160" s="8">
        <v>2.1627377371029377</v>
      </c>
      <c r="C8160">
        <f t="shared" si="382"/>
        <v>16</v>
      </c>
      <c r="D8160">
        <f t="shared" si="383"/>
        <v>12</v>
      </c>
    </row>
    <row r="8161" spans="1:4" x14ac:dyDescent="0.25">
      <c r="A8161" s="7">
        <f t="shared" si="384"/>
        <v>44901.70833331356</v>
      </c>
      <c r="B8161" s="8">
        <v>0.85780204601569277</v>
      </c>
      <c r="C8161">
        <f t="shared" si="382"/>
        <v>17</v>
      </c>
      <c r="D8161">
        <f t="shared" si="383"/>
        <v>12</v>
      </c>
    </row>
    <row r="8162" spans="1:4" x14ac:dyDescent="0.25">
      <c r="A8162" s="7">
        <f t="shared" si="384"/>
        <v>44901.749999980224</v>
      </c>
      <c r="B8162" s="8">
        <v>-4.9800999999999998E-2</v>
      </c>
      <c r="C8162">
        <f t="shared" si="382"/>
        <v>18</v>
      </c>
      <c r="D8162">
        <f t="shared" si="383"/>
        <v>12</v>
      </c>
    </row>
    <row r="8163" spans="1:4" x14ac:dyDescent="0.25">
      <c r="A8163" s="7">
        <f t="shared" si="384"/>
        <v>44901.791666646888</v>
      </c>
      <c r="B8163" s="8">
        <v>-4.9800999999999998E-2</v>
      </c>
      <c r="C8163">
        <f t="shared" si="382"/>
        <v>19</v>
      </c>
      <c r="D8163">
        <f t="shared" si="383"/>
        <v>12</v>
      </c>
    </row>
    <row r="8164" spans="1:4" x14ac:dyDescent="0.25">
      <c r="A8164" s="7">
        <f t="shared" si="384"/>
        <v>44901.833333313552</v>
      </c>
      <c r="B8164" s="8">
        <v>-4.9800999999999998E-2</v>
      </c>
      <c r="C8164">
        <f t="shared" si="382"/>
        <v>20</v>
      </c>
      <c r="D8164">
        <f t="shared" si="383"/>
        <v>12</v>
      </c>
    </row>
    <row r="8165" spans="1:4" x14ac:dyDescent="0.25">
      <c r="A8165" s="7">
        <f t="shared" si="384"/>
        <v>44901.874999980217</v>
      </c>
      <c r="B8165" s="8">
        <v>-4.9800999999999998E-2</v>
      </c>
      <c r="C8165">
        <f t="shared" si="382"/>
        <v>21</v>
      </c>
      <c r="D8165">
        <f t="shared" si="383"/>
        <v>12</v>
      </c>
    </row>
    <row r="8166" spans="1:4" x14ac:dyDescent="0.25">
      <c r="A8166" s="7">
        <f t="shared" si="384"/>
        <v>44901.916666646881</v>
      </c>
      <c r="B8166" s="8">
        <v>-4.9800999999999998E-2</v>
      </c>
      <c r="C8166">
        <f t="shared" si="382"/>
        <v>22</v>
      </c>
      <c r="D8166">
        <f t="shared" si="383"/>
        <v>12</v>
      </c>
    </row>
    <row r="8167" spans="1:4" x14ac:dyDescent="0.25">
      <c r="A8167" s="7">
        <f t="shared" si="384"/>
        <v>44901.958333313545</v>
      </c>
      <c r="B8167" s="8">
        <v>-4.9800999999999998E-2</v>
      </c>
      <c r="C8167">
        <f t="shared" si="382"/>
        <v>23</v>
      </c>
      <c r="D8167">
        <f t="shared" si="383"/>
        <v>12</v>
      </c>
    </row>
    <row r="8168" spans="1:4" x14ac:dyDescent="0.25">
      <c r="A8168" s="7">
        <f t="shared" si="384"/>
        <v>44901.999999980209</v>
      </c>
      <c r="B8168" s="8">
        <v>-4.9800999999999998E-2</v>
      </c>
      <c r="C8168">
        <f t="shared" si="382"/>
        <v>0</v>
      </c>
      <c r="D8168">
        <f t="shared" si="383"/>
        <v>12</v>
      </c>
    </row>
    <row r="8169" spans="1:4" x14ac:dyDescent="0.25">
      <c r="A8169" s="7">
        <f t="shared" si="384"/>
        <v>44902.041666646874</v>
      </c>
      <c r="B8169" s="8">
        <v>-4.9800999999999998E-2</v>
      </c>
      <c r="C8169">
        <f t="shared" si="382"/>
        <v>1</v>
      </c>
      <c r="D8169">
        <f t="shared" si="383"/>
        <v>12</v>
      </c>
    </row>
    <row r="8170" spans="1:4" x14ac:dyDescent="0.25">
      <c r="A8170" s="7">
        <f t="shared" si="384"/>
        <v>44902.083333313538</v>
      </c>
      <c r="B8170" s="8">
        <v>-4.9800999999999998E-2</v>
      </c>
      <c r="C8170">
        <f t="shared" si="382"/>
        <v>2</v>
      </c>
      <c r="D8170">
        <f t="shared" si="383"/>
        <v>12</v>
      </c>
    </row>
    <row r="8171" spans="1:4" x14ac:dyDescent="0.25">
      <c r="A8171" s="7">
        <f t="shared" si="384"/>
        <v>44902.124999980202</v>
      </c>
      <c r="B8171" s="8">
        <v>-4.9800999999999998E-2</v>
      </c>
      <c r="C8171">
        <f t="shared" si="382"/>
        <v>3</v>
      </c>
      <c r="D8171">
        <f t="shared" si="383"/>
        <v>12</v>
      </c>
    </row>
    <row r="8172" spans="1:4" x14ac:dyDescent="0.25">
      <c r="A8172" s="7">
        <f t="shared" si="384"/>
        <v>44902.166666646866</v>
      </c>
      <c r="B8172" s="8">
        <v>-4.9800999999999998E-2</v>
      </c>
      <c r="C8172">
        <f t="shared" si="382"/>
        <v>4</v>
      </c>
      <c r="D8172">
        <f t="shared" si="383"/>
        <v>12</v>
      </c>
    </row>
    <row r="8173" spans="1:4" x14ac:dyDescent="0.25">
      <c r="A8173" s="7">
        <f t="shared" si="384"/>
        <v>44902.208333313531</v>
      </c>
      <c r="B8173" s="8">
        <v>-4.9800999999999998E-2</v>
      </c>
      <c r="C8173">
        <f t="shared" si="382"/>
        <v>5</v>
      </c>
      <c r="D8173">
        <f t="shared" si="383"/>
        <v>12</v>
      </c>
    </row>
    <row r="8174" spans="1:4" x14ac:dyDescent="0.25">
      <c r="A8174" s="7">
        <f t="shared" si="384"/>
        <v>44902.249999980195</v>
      </c>
      <c r="B8174" s="8">
        <v>-4.9800999999999998E-2</v>
      </c>
      <c r="C8174">
        <f t="shared" si="382"/>
        <v>6</v>
      </c>
      <c r="D8174">
        <f t="shared" si="383"/>
        <v>12</v>
      </c>
    </row>
    <row r="8175" spans="1:4" x14ac:dyDescent="0.25">
      <c r="A8175" s="7">
        <f t="shared" si="384"/>
        <v>44902.291666646859</v>
      </c>
      <c r="B8175" s="8">
        <v>-4.9800999999999998E-2</v>
      </c>
      <c r="C8175">
        <f t="shared" si="382"/>
        <v>7</v>
      </c>
      <c r="D8175">
        <f t="shared" si="383"/>
        <v>12</v>
      </c>
    </row>
    <row r="8176" spans="1:4" x14ac:dyDescent="0.25">
      <c r="A8176" s="7">
        <f t="shared" si="384"/>
        <v>44902.333333313523</v>
      </c>
      <c r="B8176" s="8">
        <v>-4.9800999999999998E-2</v>
      </c>
      <c r="C8176">
        <f t="shared" si="382"/>
        <v>8</v>
      </c>
      <c r="D8176">
        <f t="shared" si="383"/>
        <v>12</v>
      </c>
    </row>
    <row r="8177" spans="1:4" x14ac:dyDescent="0.25">
      <c r="A8177" s="7">
        <f t="shared" si="384"/>
        <v>44902.374999980188</v>
      </c>
      <c r="B8177" s="8">
        <v>4.0535032095369745</v>
      </c>
      <c r="C8177">
        <f t="shared" si="382"/>
        <v>9</v>
      </c>
      <c r="D8177">
        <f t="shared" si="383"/>
        <v>12</v>
      </c>
    </row>
    <row r="8178" spans="1:4" x14ac:dyDescent="0.25">
      <c r="A8178" s="7">
        <f t="shared" si="384"/>
        <v>44902.416666646852</v>
      </c>
      <c r="B8178" s="8">
        <v>4.0835250444087041</v>
      </c>
      <c r="C8178">
        <f t="shared" si="382"/>
        <v>10</v>
      </c>
      <c r="D8178">
        <f t="shared" si="383"/>
        <v>12</v>
      </c>
    </row>
    <row r="8179" spans="1:4" x14ac:dyDescent="0.25">
      <c r="A8179" s="7">
        <f t="shared" si="384"/>
        <v>44902.458333313516</v>
      </c>
      <c r="B8179" s="8">
        <v>6.1339277331989503</v>
      </c>
      <c r="C8179">
        <f t="shared" si="382"/>
        <v>11</v>
      </c>
      <c r="D8179">
        <f t="shared" si="383"/>
        <v>12</v>
      </c>
    </row>
    <row r="8180" spans="1:4" x14ac:dyDescent="0.25">
      <c r="A8180" s="7">
        <f t="shared" si="384"/>
        <v>44902.49999998018</v>
      </c>
      <c r="B8180" s="8">
        <v>7.5186907926976145</v>
      </c>
      <c r="C8180">
        <f t="shared" si="382"/>
        <v>12</v>
      </c>
      <c r="D8180">
        <f t="shared" si="383"/>
        <v>12</v>
      </c>
    </row>
    <row r="8181" spans="1:4" x14ac:dyDescent="0.25">
      <c r="A8181" s="7">
        <f t="shared" si="384"/>
        <v>44902.541666646845</v>
      </c>
      <c r="B8181" s="8">
        <v>7.4990998191625406</v>
      </c>
      <c r="C8181">
        <f t="shared" si="382"/>
        <v>13</v>
      </c>
      <c r="D8181">
        <f t="shared" si="383"/>
        <v>12</v>
      </c>
    </row>
    <row r="8182" spans="1:4" x14ac:dyDescent="0.25">
      <c r="A8182" s="7">
        <f t="shared" si="384"/>
        <v>44902.583333313509</v>
      </c>
      <c r="B8182" s="8">
        <v>11.106676234593799</v>
      </c>
      <c r="C8182">
        <f t="shared" si="382"/>
        <v>14</v>
      </c>
      <c r="D8182">
        <f t="shared" si="383"/>
        <v>12</v>
      </c>
    </row>
    <row r="8183" spans="1:4" x14ac:dyDescent="0.25">
      <c r="A8183" s="7">
        <f t="shared" si="384"/>
        <v>44902.624999980173</v>
      </c>
      <c r="B8183" s="8">
        <v>9.2704344543003003</v>
      </c>
      <c r="C8183">
        <f t="shared" si="382"/>
        <v>15</v>
      </c>
      <c r="D8183">
        <f t="shared" si="383"/>
        <v>12</v>
      </c>
    </row>
    <row r="8184" spans="1:4" x14ac:dyDescent="0.25">
      <c r="A8184" s="7">
        <f t="shared" si="384"/>
        <v>44902.666666646837</v>
      </c>
      <c r="B8184" s="8">
        <v>2.4605444451199201</v>
      </c>
      <c r="C8184">
        <f t="shared" si="382"/>
        <v>16</v>
      </c>
      <c r="D8184">
        <f t="shared" si="383"/>
        <v>12</v>
      </c>
    </row>
    <row r="8185" spans="1:4" x14ac:dyDescent="0.25">
      <c r="A8185" s="7">
        <f t="shared" si="384"/>
        <v>44902.708333313501</v>
      </c>
      <c r="B8185" s="8">
        <v>0.65381537555030922</v>
      </c>
      <c r="C8185">
        <f t="shared" si="382"/>
        <v>17</v>
      </c>
      <c r="D8185">
        <f t="shared" si="383"/>
        <v>12</v>
      </c>
    </row>
    <row r="8186" spans="1:4" x14ac:dyDescent="0.25">
      <c r="A8186" s="7">
        <f t="shared" si="384"/>
        <v>44902.749999980166</v>
      </c>
      <c r="B8186" s="8">
        <v>-4.9800999999999998E-2</v>
      </c>
      <c r="C8186">
        <f t="shared" si="382"/>
        <v>18</v>
      </c>
      <c r="D8186">
        <f t="shared" si="383"/>
        <v>12</v>
      </c>
    </row>
    <row r="8187" spans="1:4" x14ac:dyDescent="0.25">
      <c r="A8187" s="7">
        <f t="shared" si="384"/>
        <v>44902.79166664683</v>
      </c>
      <c r="B8187" s="8">
        <v>-4.9800999999999998E-2</v>
      </c>
      <c r="C8187">
        <f t="shared" si="382"/>
        <v>19</v>
      </c>
      <c r="D8187">
        <f t="shared" si="383"/>
        <v>12</v>
      </c>
    </row>
    <row r="8188" spans="1:4" x14ac:dyDescent="0.25">
      <c r="A8188" s="7">
        <f t="shared" si="384"/>
        <v>44902.833333313494</v>
      </c>
      <c r="B8188" s="8">
        <v>-4.9800999999999998E-2</v>
      </c>
      <c r="C8188">
        <f t="shared" si="382"/>
        <v>20</v>
      </c>
      <c r="D8188">
        <f t="shared" si="383"/>
        <v>12</v>
      </c>
    </row>
    <row r="8189" spans="1:4" x14ac:dyDescent="0.25">
      <c r="A8189" s="7">
        <f t="shared" si="384"/>
        <v>44902.874999980158</v>
      </c>
      <c r="B8189" s="8">
        <v>-4.9800999999999998E-2</v>
      </c>
      <c r="C8189">
        <f t="shared" si="382"/>
        <v>21</v>
      </c>
      <c r="D8189">
        <f t="shared" si="383"/>
        <v>12</v>
      </c>
    </row>
    <row r="8190" spans="1:4" x14ac:dyDescent="0.25">
      <c r="A8190" s="7">
        <f t="shared" si="384"/>
        <v>44902.916666646823</v>
      </c>
      <c r="B8190" s="8">
        <v>-4.9800999999999998E-2</v>
      </c>
      <c r="C8190">
        <f t="shared" si="382"/>
        <v>22</v>
      </c>
      <c r="D8190">
        <f t="shared" si="383"/>
        <v>12</v>
      </c>
    </row>
    <row r="8191" spans="1:4" x14ac:dyDescent="0.25">
      <c r="A8191" s="7">
        <f t="shared" si="384"/>
        <v>44902.958333313487</v>
      </c>
      <c r="B8191" s="8">
        <v>-4.9800999999999998E-2</v>
      </c>
      <c r="C8191">
        <f t="shared" si="382"/>
        <v>23</v>
      </c>
      <c r="D8191">
        <f t="shared" si="383"/>
        <v>12</v>
      </c>
    </row>
    <row r="8192" spans="1:4" x14ac:dyDescent="0.25">
      <c r="A8192" s="7">
        <f t="shared" si="384"/>
        <v>44902.999999980151</v>
      </c>
      <c r="B8192" s="8">
        <v>-4.9800999999999998E-2</v>
      </c>
      <c r="C8192">
        <f t="shared" si="382"/>
        <v>0</v>
      </c>
      <c r="D8192">
        <f t="shared" si="383"/>
        <v>12</v>
      </c>
    </row>
    <row r="8193" spans="1:4" x14ac:dyDescent="0.25">
      <c r="A8193" s="7">
        <f t="shared" si="384"/>
        <v>44903.041666646815</v>
      </c>
      <c r="B8193" s="8">
        <v>-4.9800999999999998E-2</v>
      </c>
      <c r="C8193">
        <f t="shared" si="382"/>
        <v>1</v>
      </c>
      <c r="D8193">
        <f t="shared" si="383"/>
        <v>12</v>
      </c>
    </row>
    <row r="8194" spans="1:4" x14ac:dyDescent="0.25">
      <c r="A8194" s="7">
        <f t="shared" si="384"/>
        <v>44903.08333331348</v>
      </c>
      <c r="B8194" s="8">
        <v>-4.9800999999999998E-2</v>
      </c>
      <c r="C8194">
        <f t="shared" si="382"/>
        <v>2</v>
      </c>
      <c r="D8194">
        <f t="shared" si="383"/>
        <v>12</v>
      </c>
    </row>
    <row r="8195" spans="1:4" x14ac:dyDescent="0.25">
      <c r="A8195" s="7">
        <f t="shared" si="384"/>
        <v>44903.124999980144</v>
      </c>
      <c r="B8195" s="8">
        <v>-4.9800999999999998E-2</v>
      </c>
      <c r="C8195">
        <f t="shared" si="382"/>
        <v>3</v>
      </c>
      <c r="D8195">
        <f t="shared" si="383"/>
        <v>12</v>
      </c>
    </row>
    <row r="8196" spans="1:4" x14ac:dyDescent="0.25">
      <c r="A8196" s="7">
        <f t="shared" si="384"/>
        <v>44903.166666646808</v>
      </c>
      <c r="B8196" s="8">
        <v>-4.9800999999999998E-2</v>
      </c>
      <c r="C8196">
        <f t="shared" si="382"/>
        <v>4</v>
      </c>
      <c r="D8196">
        <f t="shared" si="383"/>
        <v>12</v>
      </c>
    </row>
    <row r="8197" spans="1:4" x14ac:dyDescent="0.25">
      <c r="A8197" s="7">
        <f t="shared" si="384"/>
        <v>44903.208333313472</v>
      </c>
      <c r="B8197" s="8">
        <v>-4.9800999999999998E-2</v>
      </c>
      <c r="C8197">
        <f t="shared" si="382"/>
        <v>5</v>
      </c>
      <c r="D8197">
        <f t="shared" si="383"/>
        <v>12</v>
      </c>
    </row>
    <row r="8198" spans="1:4" x14ac:dyDescent="0.25">
      <c r="A8198" s="7">
        <f t="shared" si="384"/>
        <v>44903.249999980137</v>
      </c>
      <c r="B8198" s="8">
        <v>-4.9800999999999998E-2</v>
      </c>
      <c r="C8198">
        <f t="shared" si="382"/>
        <v>6</v>
      </c>
      <c r="D8198">
        <f t="shared" si="383"/>
        <v>12</v>
      </c>
    </row>
    <row r="8199" spans="1:4" x14ac:dyDescent="0.25">
      <c r="A8199" s="7">
        <f t="shared" si="384"/>
        <v>44903.291666646801</v>
      </c>
      <c r="B8199" s="8">
        <v>-4.9800999999999998E-2</v>
      </c>
      <c r="C8199">
        <f t="shared" si="382"/>
        <v>7</v>
      </c>
      <c r="D8199">
        <f t="shared" si="383"/>
        <v>12</v>
      </c>
    </row>
    <row r="8200" spans="1:4" x14ac:dyDescent="0.25">
      <c r="A8200" s="7">
        <f t="shared" si="384"/>
        <v>44903.333333313465</v>
      </c>
      <c r="B8200" s="8">
        <v>-4.9800999999999998E-2</v>
      </c>
      <c r="C8200">
        <f t="shared" si="382"/>
        <v>8</v>
      </c>
      <c r="D8200">
        <f t="shared" si="383"/>
        <v>12</v>
      </c>
    </row>
    <row r="8201" spans="1:4" x14ac:dyDescent="0.25">
      <c r="A8201" s="7">
        <f t="shared" si="384"/>
        <v>44903.374999980129</v>
      </c>
      <c r="B8201" s="8">
        <v>4.1526834792604879</v>
      </c>
      <c r="C8201">
        <f t="shared" si="382"/>
        <v>9</v>
      </c>
      <c r="D8201">
        <f t="shared" si="383"/>
        <v>12</v>
      </c>
    </row>
    <row r="8202" spans="1:4" x14ac:dyDescent="0.25">
      <c r="A8202" s="7">
        <f t="shared" si="384"/>
        <v>44903.416666646794</v>
      </c>
      <c r="B8202" s="8">
        <v>10.674380363523216</v>
      </c>
      <c r="C8202">
        <f t="shared" ref="C8202:C8265" si="385">HOUR(A8202)</f>
        <v>10</v>
      </c>
      <c r="D8202">
        <f t="shared" ref="D8202:D8265" si="386">MONTH(A8202)</f>
        <v>12</v>
      </c>
    </row>
    <row r="8203" spans="1:4" x14ac:dyDescent="0.25">
      <c r="A8203" s="7">
        <f t="shared" ref="A8203:A8266" si="387">+A8202+1/24</f>
        <v>44903.458333313458</v>
      </c>
      <c r="B8203" s="8">
        <v>16.047169556929926</v>
      </c>
      <c r="C8203">
        <f t="shared" si="385"/>
        <v>11</v>
      </c>
      <c r="D8203">
        <f t="shared" si="386"/>
        <v>12</v>
      </c>
    </row>
    <row r="8204" spans="1:4" x14ac:dyDescent="0.25">
      <c r="A8204" s="7">
        <f t="shared" si="387"/>
        <v>44903.499999980122</v>
      </c>
      <c r="B8204" s="8">
        <v>18.940562283126994</v>
      </c>
      <c r="C8204">
        <f t="shared" si="385"/>
        <v>12</v>
      </c>
      <c r="D8204">
        <f t="shared" si="386"/>
        <v>12</v>
      </c>
    </row>
    <row r="8205" spans="1:4" x14ac:dyDescent="0.25">
      <c r="A8205" s="7">
        <f t="shared" si="387"/>
        <v>44903.541666646786</v>
      </c>
      <c r="B8205" s="8">
        <v>17.310944518833956</v>
      </c>
      <c r="C8205">
        <f t="shared" si="385"/>
        <v>13</v>
      </c>
      <c r="D8205">
        <f t="shared" si="386"/>
        <v>12</v>
      </c>
    </row>
    <row r="8206" spans="1:4" x14ac:dyDescent="0.25">
      <c r="A8206" s="7">
        <f t="shared" si="387"/>
        <v>44903.583333313451</v>
      </c>
      <c r="B8206" s="8">
        <v>16.391522991694139</v>
      </c>
      <c r="C8206">
        <f t="shared" si="385"/>
        <v>14</v>
      </c>
      <c r="D8206">
        <f t="shared" si="386"/>
        <v>12</v>
      </c>
    </row>
    <row r="8207" spans="1:4" x14ac:dyDescent="0.25">
      <c r="A8207" s="7">
        <f t="shared" si="387"/>
        <v>44903.624999980115</v>
      </c>
      <c r="B8207" s="8">
        <v>16.240742886525283</v>
      </c>
      <c r="C8207">
        <f t="shared" si="385"/>
        <v>15</v>
      </c>
      <c r="D8207">
        <f t="shared" si="386"/>
        <v>12</v>
      </c>
    </row>
    <row r="8208" spans="1:4" x14ac:dyDescent="0.25">
      <c r="A8208" s="7">
        <f t="shared" si="387"/>
        <v>44903.666666646779</v>
      </c>
      <c r="B8208" s="8">
        <v>9.6112250506453023</v>
      </c>
      <c r="C8208">
        <f t="shared" si="385"/>
        <v>16</v>
      </c>
      <c r="D8208">
        <f t="shared" si="386"/>
        <v>12</v>
      </c>
    </row>
    <row r="8209" spans="1:4" x14ac:dyDescent="0.25">
      <c r="A8209" s="7">
        <f t="shared" si="387"/>
        <v>44903.708333313443</v>
      </c>
      <c r="B8209" s="8">
        <v>3.3112847124695954</v>
      </c>
      <c r="C8209">
        <f t="shared" si="385"/>
        <v>17</v>
      </c>
      <c r="D8209">
        <f t="shared" si="386"/>
        <v>12</v>
      </c>
    </row>
    <row r="8210" spans="1:4" x14ac:dyDescent="0.25">
      <c r="A8210" s="7">
        <f t="shared" si="387"/>
        <v>44903.749999980108</v>
      </c>
      <c r="B8210" s="8">
        <v>-4.9800999999999998E-2</v>
      </c>
      <c r="C8210">
        <f t="shared" si="385"/>
        <v>18</v>
      </c>
      <c r="D8210">
        <f t="shared" si="386"/>
        <v>12</v>
      </c>
    </row>
    <row r="8211" spans="1:4" x14ac:dyDescent="0.25">
      <c r="A8211" s="7">
        <f t="shared" si="387"/>
        <v>44903.791666646772</v>
      </c>
      <c r="B8211" s="8">
        <v>-4.9800999999999998E-2</v>
      </c>
      <c r="C8211">
        <f t="shared" si="385"/>
        <v>19</v>
      </c>
      <c r="D8211">
        <f t="shared" si="386"/>
        <v>12</v>
      </c>
    </row>
    <row r="8212" spans="1:4" x14ac:dyDescent="0.25">
      <c r="A8212" s="7">
        <f t="shared" si="387"/>
        <v>44903.833333313436</v>
      </c>
      <c r="B8212" s="8">
        <v>-4.9800999999999998E-2</v>
      </c>
      <c r="C8212">
        <f t="shared" si="385"/>
        <v>20</v>
      </c>
      <c r="D8212">
        <f t="shared" si="386"/>
        <v>12</v>
      </c>
    </row>
    <row r="8213" spans="1:4" x14ac:dyDescent="0.25">
      <c r="A8213" s="7">
        <f t="shared" si="387"/>
        <v>44903.8749999801</v>
      </c>
      <c r="B8213" s="8">
        <v>-4.9800999999999998E-2</v>
      </c>
      <c r="C8213">
        <f t="shared" si="385"/>
        <v>21</v>
      </c>
      <c r="D8213">
        <f t="shared" si="386"/>
        <v>12</v>
      </c>
    </row>
    <row r="8214" spans="1:4" x14ac:dyDescent="0.25">
      <c r="A8214" s="7">
        <f t="shared" si="387"/>
        <v>44903.916666646764</v>
      </c>
      <c r="B8214" s="8">
        <v>-4.9800999999999998E-2</v>
      </c>
      <c r="C8214">
        <f t="shared" si="385"/>
        <v>22</v>
      </c>
      <c r="D8214">
        <f t="shared" si="386"/>
        <v>12</v>
      </c>
    </row>
    <row r="8215" spans="1:4" x14ac:dyDescent="0.25">
      <c r="A8215" s="7">
        <f t="shared" si="387"/>
        <v>44903.958333313429</v>
      </c>
      <c r="B8215" s="8">
        <v>-4.9800999999999998E-2</v>
      </c>
      <c r="C8215">
        <f t="shared" si="385"/>
        <v>23</v>
      </c>
      <c r="D8215">
        <f t="shared" si="386"/>
        <v>12</v>
      </c>
    </row>
    <row r="8216" spans="1:4" x14ac:dyDescent="0.25">
      <c r="A8216" s="7">
        <f t="shared" si="387"/>
        <v>44903.999999980093</v>
      </c>
      <c r="B8216" s="8">
        <v>-4.9800999999999998E-2</v>
      </c>
      <c r="C8216">
        <f t="shared" si="385"/>
        <v>0</v>
      </c>
      <c r="D8216">
        <f t="shared" si="386"/>
        <v>12</v>
      </c>
    </row>
    <row r="8217" spans="1:4" x14ac:dyDescent="0.25">
      <c r="A8217" s="7">
        <f t="shared" si="387"/>
        <v>44904.041666646757</v>
      </c>
      <c r="B8217" s="8">
        <v>-4.9800999999999998E-2</v>
      </c>
      <c r="C8217">
        <f t="shared" si="385"/>
        <v>1</v>
      </c>
      <c r="D8217">
        <f t="shared" si="386"/>
        <v>12</v>
      </c>
    </row>
    <row r="8218" spans="1:4" x14ac:dyDescent="0.25">
      <c r="A8218" s="7">
        <f t="shared" si="387"/>
        <v>44904.083333313421</v>
      </c>
      <c r="B8218" s="8">
        <v>-4.9800999999999998E-2</v>
      </c>
      <c r="C8218">
        <f t="shared" si="385"/>
        <v>2</v>
      </c>
      <c r="D8218">
        <f t="shared" si="386"/>
        <v>12</v>
      </c>
    </row>
    <row r="8219" spans="1:4" x14ac:dyDescent="0.25">
      <c r="A8219" s="7">
        <f t="shared" si="387"/>
        <v>44904.124999980086</v>
      </c>
      <c r="B8219" s="8">
        <v>-4.9800999999999998E-2</v>
      </c>
      <c r="C8219">
        <f t="shared" si="385"/>
        <v>3</v>
      </c>
      <c r="D8219">
        <f t="shared" si="386"/>
        <v>12</v>
      </c>
    </row>
    <row r="8220" spans="1:4" x14ac:dyDescent="0.25">
      <c r="A8220" s="7">
        <f t="shared" si="387"/>
        <v>44904.16666664675</v>
      </c>
      <c r="B8220" s="8">
        <v>-4.9800999999999998E-2</v>
      </c>
      <c r="C8220">
        <f t="shared" si="385"/>
        <v>4</v>
      </c>
      <c r="D8220">
        <f t="shared" si="386"/>
        <v>12</v>
      </c>
    </row>
    <row r="8221" spans="1:4" x14ac:dyDescent="0.25">
      <c r="A8221" s="7">
        <f t="shared" si="387"/>
        <v>44904.208333313414</v>
      </c>
      <c r="B8221" s="8">
        <v>-4.9800999999999998E-2</v>
      </c>
      <c r="C8221">
        <f t="shared" si="385"/>
        <v>5</v>
      </c>
      <c r="D8221">
        <f t="shared" si="386"/>
        <v>12</v>
      </c>
    </row>
    <row r="8222" spans="1:4" x14ac:dyDescent="0.25">
      <c r="A8222" s="7">
        <f t="shared" si="387"/>
        <v>44904.249999980078</v>
      </c>
      <c r="B8222" s="8">
        <v>-4.9800999999999998E-2</v>
      </c>
      <c r="C8222">
        <f t="shared" si="385"/>
        <v>6</v>
      </c>
      <c r="D8222">
        <f t="shared" si="386"/>
        <v>12</v>
      </c>
    </row>
    <row r="8223" spans="1:4" x14ac:dyDescent="0.25">
      <c r="A8223" s="7">
        <f t="shared" si="387"/>
        <v>44904.291666646743</v>
      </c>
      <c r="B8223" s="8">
        <v>-4.9800999999999998E-2</v>
      </c>
      <c r="C8223">
        <f t="shared" si="385"/>
        <v>7</v>
      </c>
      <c r="D8223">
        <f t="shared" si="386"/>
        <v>12</v>
      </c>
    </row>
    <row r="8224" spans="1:4" x14ac:dyDescent="0.25">
      <c r="A8224" s="7">
        <f t="shared" si="387"/>
        <v>44904.333333313407</v>
      </c>
      <c r="B8224" s="8">
        <v>-4.9800999999999998E-2</v>
      </c>
      <c r="C8224">
        <f t="shared" si="385"/>
        <v>8</v>
      </c>
      <c r="D8224">
        <f t="shared" si="386"/>
        <v>12</v>
      </c>
    </row>
    <row r="8225" spans="1:4" x14ac:dyDescent="0.25">
      <c r="A8225" s="7">
        <f t="shared" si="387"/>
        <v>44904.374999980071</v>
      </c>
      <c r="B8225" s="8">
        <v>4.6644944421902688</v>
      </c>
      <c r="C8225">
        <f t="shared" si="385"/>
        <v>9</v>
      </c>
      <c r="D8225">
        <f t="shared" si="386"/>
        <v>12</v>
      </c>
    </row>
    <row r="8226" spans="1:4" x14ac:dyDescent="0.25">
      <c r="A8226" s="7">
        <f t="shared" si="387"/>
        <v>44904.416666646735</v>
      </c>
      <c r="B8226" s="8">
        <v>10.593520318196541</v>
      </c>
      <c r="C8226">
        <f t="shared" si="385"/>
        <v>10</v>
      </c>
      <c r="D8226">
        <f t="shared" si="386"/>
        <v>12</v>
      </c>
    </row>
    <row r="8227" spans="1:4" x14ac:dyDescent="0.25">
      <c r="A8227" s="7">
        <f t="shared" si="387"/>
        <v>44904.4583333134</v>
      </c>
      <c r="B8227" s="8">
        <v>16.409506204762341</v>
      </c>
      <c r="C8227">
        <f t="shared" si="385"/>
        <v>11</v>
      </c>
      <c r="D8227">
        <f t="shared" si="386"/>
        <v>12</v>
      </c>
    </row>
    <row r="8228" spans="1:4" x14ac:dyDescent="0.25">
      <c r="A8228" s="7">
        <f t="shared" si="387"/>
        <v>44904.499999980064</v>
      </c>
      <c r="B8228" s="8">
        <v>19.073953840477252</v>
      </c>
      <c r="C8228">
        <f t="shared" si="385"/>
        <v>12</v>
      </c>
      <c r="D8228">
        <f t="shared" si="386"/>
        <v>12</v>
      </c>
    </row>
    <row r="8229" spans="1:4" x14ac:dyDescent="0.25">
      <c r="A8229" s="7">
        <f t="shared" si="387"/>
        <v>44904.541666646728</v>
      </c>
      <c r="B8229" s="8">
        <v>20.03390948246448</v>
      </c>
      <c r="C8229">
        <f t="shared" si="385"/>
        <v>13</v>
      </c>
      <c r="D8229">
        <f t="shared" si="386"/>
        <v>12</v>
      </c>
    </row>
    <row r="8230" spans="1:4" x14ac:dyDescent="0.25">
      <c r="A8230" s="7">
        <f t="shared" si="387"/>
        <v>44904.583333313392</v>
      </c>
      <c r="B8230" s="8">
        <v>17.890235043666465</v>
      </c>
      <c r="C8230">
        <f t="shared" si="385"/>
        <v>14</v>
      </c>
      <c r="D8230">
        <f t="shared" si="386"/>
        <v>12</v>
      </c>
    </row>
    <row r="8231" spans="1:4" x14ac:dyDescent="0.25">
      <c r="A8231" s="7">
        <f t="shared" si="387"/>
        <v>44904.624999980057</v>
      </c>
      <c r="B8231" s="8">
        <v>15.691714330018851</v>
      </c>
      <c r="C8231">
        <f t="shared" si="385"/>
        <v>15</v>
      </c>
      <c r="D8231">
        <f t="shared" si="386"/>
        <v>12</v>
      </c>
    </row>
    <row r="8232" spans="1:4" x14ac:dyDescent="0.25">
      <c r="A8232" s="7">
        <f t="shared" si="387"/>
        <v>44904.666666646721</v>
      </c>
      <c r="B8232" s="8">
        <v>8.4924216439157245</v>
      </c>
      <c r="C8232">
        <f t="shared" si="385"/>
        <v>16</v>
      </c>
      <c r="D8232">
        <f t="shared" si="386"/>
        <v>12</v>
      </c>
    </row>
    <row r="8233" spans="1:4" x14ac:dyDescent="0.25">
      <c r="A8233" s="7">
        <f t="shared" si="387"/>
        <v>44904.708333313385</v>
      </c>
      <c r="B8233" s="8">
        <v>3.1705644469911944</v>
      </c>
      <c r="C8233">
        <f t="shared" si="385"/>
        <v>17</v>
      </c>
      <c r="D8233">
        <f t="shared" si="386"/>
        <v>12</v>
      </c>
    </row>
    <row r="8234" spans="1:4" x14ac:dyDescent="0.25">
      <c r="A8234" s="7">
        <f t="shared" si="387"/>
        <v>44904.749999980049</v>
      </c>
      <c r="B8234" s="8">
        <v>-4.9800999999999998E-2</v>
      </c>
      <c r="C8234">
        <f t="shared" si="385"/>
        <v>18</v>
      </c>
      <c r="D8234">
        <f t="shared" si="386"/>
        <v>12</v>
      </c>
    </row>
    <row r="8235" spans="1:4" x14ac:dyDescent="0.25">
      <c r="A8235" s="7">
        <f t="shared" si="387"/>
        <v>44904.791666646714</v>
      </c>
      <c r="B8235" s="8">
        <v>-4.9800999999999998E-2</v>
      </c>
      <c r="C8235">
        <f t="shared" si="385"/>
        <v>19</v>
      </c>
      <c r="D8235">
        <f t="shared" si="386"/>
        <v>12</v>
      </c>
    </row>
    <row r="8236" spans="1:4" x14ac:dyDescent="0.25">
      <c r="A8236" s="7">
        <f t="shared" si="387"/>
        <v>44904.833333313378</v>
      </c>
      <c r="B8236" s="8">
        <v>-4.9800999999999998E-2</v>
      </c>
      <c r="C8236">
        <f t="shared" si="385"/>
        <v>20</v>
      </c>
      <c r="D8236">
        <f t="shared" si="386"/>
        <v>12</v>
      </c>
    </row>
    <row r="8237" spans="1:4" x14ac:dyDescent="0.25">
      <c r="A8237" s="7">
        <f t="shared" si="387"/>
        <v>44904.874999980042</v>
      </c>
      <c r="B8237" s="8">
        <v>-4.9800999999999998E-2</v>
      </c>
      <c r="C8237">
        <f t="shared" si="385"/>
        <v>21</v>
      </c>
      <c r="D8237">
        <f t="shared" si="386"/>
        <v>12</v>
      </c>
    </row>
    <row r="8238" spans="1:4" x14ac:dyDescent="0.25">
      <c r="A8238" s="7">
        <f t="shared" si="387"/>
        <v>44904.916666646706</v>
      </c>
      <c r="B8238" s="8">
        <v>-4.9800999999999998E-2</v>
      </c>
      <c r="C8238">
        <f t="shared" si="385"/>
        <v>22</v>
      </c>
      <c r="D8238">
        <f t="shared" si="386"/>
        <v>12</v>
      </c>
    </row>
    <row r="8239" spans="1:4" x14ac:dyDescent="0.25">
      <c r="A8239" s="7">
        <f t="shared" si="387"/>
        <v>44904.958333313371</v>
      </c>
      <c r="B8239" s="8">
        <v>-4.9800999999999998E-2</v>
      </c>
      <c r="C8239">
        <f t="shared" si="385"/>
        <v>23</v>
      </c>
      <c r="D8239">
        <f t="shared" si="386"/>
        <v>12</v>
      </c>
    </row>
    <row r="8240" spans="1:4" x14ac:dyDescent="0.25">
      <c r="A8240" s="7">
        <f t="shared" si="387"/>
        <v>44904.999999980035</v>
      </c>
      <c r="B8240" s="8">
        <v>-4.9800999999999998E-2</v>
      </c>
      <c r="C8240">
        <f t="shared" si="385"/>
        <v>0</v>
      </c>
      <c r="D8240">
        <f t="shared" si="386"/>
        <v>12</v>
      </c>
    </row>
    <row r="8241" spans="1:4" x14ac:dyDescent="0.25">
      <c r="A8241" s="7">
        <f t="shared" si="387"/>
        <v>44905.041666646699</v>
      </c>
      <c r="B8241" s="8">
        <v>-4.9800999999999998E-2</v>
      </c>
      <c r="C8241">
        <f t="shared" si="385"/>
        <v>1</v>
      </c>
      <c r="D8241">
        <f t="shared" si="386"/>
        <v>12</v>
      </c>
    </row>
    <row r="8242" spans="1:4" x14ac:dyDescent="0.25">
      <c r="A8242" s="7">
        <f t="shared" si="387"/>
        <v>44905.083333313363</v>
      </c>
      <c r="B8242" s="8">
        <v>-4.9800999999999998E-2</v>
      </c>
      <c r="C8242">
        <f t="shared" si="385"/>
        <v>2</v>
      </c>
      <c r="D8242">
        <f t="shared" si="386"/>
        <v>12</v>
      </c>
    </row>
    <row r="8243" spans="1:4" x14ac:dyDescent="0.25">
      <c r="A8243" s="7">
        <f t="shared" si="387"/>
        <v>44905.124999980027</v>
      </c>
      <c r="B8243" s="8">
        <v>-4.9800999999999998E-2</v>
      </c>
      <c r="C8243">
        <f t="shared" si="385"/>
        <v>3</v>
      </c>
      <c r="D8243">
        <f t="shared" si="386"/>
        <v>12</v>
      </c>
    </row>
    <row r="8244" spans="1:4" x14ac:dyDescent="0.25">
      <c r="A8244" s="7">
        <f t="shared" si="387"/>
        <v>44905.166666646692</v>
      </c>
      <c r="B8244" s="8">
        <v>-4.9800999999999998E-2</v>
      </c>
      <c r="C8244">
        <f t="shared" si="385"/>
        <v>4</v>
      </c>
      <c r="D8244">
        <f t="shared" si="386"/>
        <v>12</v>
      </c>
    </row>
    <row r="8245" spans="1:4" x14ac:dyDescent="0.25">
      <c r="A8245" s="7">
        <f t="shared" si="387"/>
        <v>44905.208333313356</v>
      </c>
      <c r="B8245" s="8">
        <v>-4.9800999999999998E-2</v>
      </c>
      <c r="C8245">
        <f t="shared" si="385"/>
        <v>5</v>
      </c>
      <c r="D8245">
        <f t="shared" si="386"/>
        <v>12</v>
      </c>
    </row>
    <row r="8246" spans="1:4" x14ac:dyDescent="0.25">
      <c r="A8246" s="7">
        <f t="shared" si="387"/>
        <v>44905.24999998002</v>
      </c>
      <c r="B8246" s="8">
        <v>-4.9800999999999998E-2</v>
      </c>
      <c r="C8246">
        <f t="shared" si="385"/>
        <v>6</v>
      </c>
      <c r="D8246">
        <f t="shared" si="386"/>
        <v>12</v>
      </c>
    </row>
    <row r="8247" spans="1:4" x14ac:dyDescent="0.25">
      <c r="A8247" s="7">
        <f t="shared" si="387"/>
        <v>44905.291666646684</v>
      </c>
      <c r="B8247" s="8">
        <v>-4.9800999999999998E-2</v>
      </c>
      <c r="C8247">
        <f t="shared" si="385"/>
        <v>7</v>
      </c>
      <c r="D8247">
        <f t="shared" si="386"/>
        <v>12</v>
      </c>
    </row>
    <row r="8248" spans="1:4" x14ac:dyDescent="0.25">
      <c r="A8248" s="7">
        <f t="shared" si="387"/>
        <v>44905.333333313349</v>
      </c>
      <c r="B8248" s="8">
        <v>-4.9800999999999998E-2</v>
      </c>
      <c r="C8248">
        <f t="shared" si="385"/>
        <v>8</v>
      </c>
      <c r="D8248">
        <f t="shared" si="386"/>
        <v>12</v>
      </c>
    </row>
    <row r="8249" spans="1:4" x14ac:dyDescent="0.25">
      <c r="A8249" s="7">
        <f t="shared" si="387"/>
        <v>44905.374999980013</v>
      </c>
      <c r="B8249" s="8">
        <v>1.3164631275115595</v>
      </c>
      <c r="C8249">
        <f t="shared" si="385"/>
        <v>9</v>
      </c>
      <c r="D8249">
        <f t="shared" si="386"/>
        <v>12</v>
      </c>
    </row>
    <row r="8250" spans="1:4" x14ac:dyDescent="0.25">
      <c r="A8250" s="7">
        <f t="shared" si="387"/>
        <v>44905.416666646677</v>
      </c>
      <c r="B8250" s="8">
        <v>3.1290574309381909</v>
      </c>
      <c r="C8250">
        <f t="shared" si="385"/>
        <v>10</v>
      </c>
      <c r="D8250">
        <f t="shared" si="386"/>
        <v>12</v>
      </c>
    </row>
    <row r="8251" spans="1:4" x14ac:dyDescent="0.25">
      <c r="A8251" s="7">
        <f t="shared" si="387"/>
        <v>44905.458333313341</v>
      </c>
      <c r="B8251" s="8">
        <v>6.424153232245235</v>
      </c>
      <c r="C8251">
        <f t="shared" si="385"/>
        <v>11</v>
      </c>
      <c r="D8251">
        <f t="shared" si="386"/>
        <v>12</v>
      </c>
    </row>
    <row r="8252" spans="1:4" x14ac:dyDescent="0.25">
      <c r="A8252" s="7">
        <f t="shared" si="387"/>
        <v>44905.499999980006</v>
      </c>
      <c r="B8252" s="8">
        <v>19.237572325220331</v>
      </c>
      <c r="C8252">
        <f t="shared" si="385"/>
        <v>12</v>
      </c>
      <c r="D8252">
        <f t="shared" si="386"/>
        <v>12</v>
      </c>
    </row>
    <row r="8253" spans="1:4" x14ac:dyDescent="0.25">
      <c r="A8253" s="7">
        <f t="shared" si="387"/>
        <v>44905.54166664667</v>
      </c>
      <c r="B8253" s="8">
        <v>20.451263487350019</v>
      </c>
      <c r="C8253">
        <f t="shared" si="385"/>
        <v>13</v>
      </c>
      <c r="D8253">
        <f t="shared" si="386"/>
        <v>12</v>
      </c>
    </row>
    <row r="8254" spans="1:4" x14ac:dyDescent="0.25">
      <c r="A8254" s="7">
        <f t="shared" si="387"/>
        <v>44905.583333313334</v>
      </c>
      <c r="B8254" s="8">
        <v>18.840976981439713</v>
      </c>
      <c r="C8254">
        <f t="shared" si="385"/>
        <v>14</v>
      </c>
      <c r="D8254">
        <f t="shared" si="386"/>
        <v>12</v>
      </c>
    </row>
    <row r="8255" spans="1:4" x14ac:dyDescent="0.25">
      <c r="A8255" s="7">
        <f t="shared" si="387"/>
        <v>44905.624999979998</v>
      </c>
      <c r="B8255" s="8">
        <v>15.978624338410059</v>
      </c>
      <c r="C8255">
        <f t="shared" si="385"/>
        <v>15</v>
      </c>
      <c r="D8255">
        <f t="shared" si="386"/>
        <v>12</v>
      </c>
    </row>
    <row r="8256" spans="1:4" x14ac:dyDescent="0.25">
      <c r="A8256" s="7">
        <f t="shared" si="387"/>
        <v>44905.666666646663</v>
      </c>
      <c r="B8256" s="8">
        <v>9.7702016423481375</v>
      </c>
      <c r="C8256">
        <f t="shared" si="385"/>
        <v>16</v>
      </c>
      <c r="D8256">
        <f t="shared" si="386"/>
        <v>12</v>
      </c>
    </row>
    <row r="8257" spans="1:4" x14ac:dyDescent="0.25">
      <c r="A8257" s="7">
        <f t="shared" si="387"/>
        <v>44905.708333313327</v>
      </c>
      <c r="B8257" s="8">
        <v>3.1864142855937456</v>
      </c>
      <c r="C8257">
        <f t="shared" si="385"/>
        <v>17</v>
      </c>
      <c r="D8257">
        <f t="shared" si="386"/>
        <v>12</v>
      </c>
    </row>
    <row r="8258" spans="1:4" x14ac:dyDescent="0.25">
      <c r="A8258" s="7">
        <f t="shared" si="387"/>
        <v>44905.749999979991</v>
      </c>
      <c r="B8258" s="8">
        <v>-4.9800999999999998E-2</v>
      </c>
      <c r="C8258">
        <f t="shared" si="385"/>
        <v>18</v>
      </c>
      <c r="D8258">
        <f t="shared" si="386"/>
        <v>12</v>
      </c>
    </row>
    <row r="8259" spans="1:4" x14ac:dyDescent="0.25">
      <c r="A8259" s="7">
        <f t="shared" si="387"/>
        <v>44905.791666646655</v>
      </c>
      <c r="B8259" s="8">
        <v>-4.9800999999999998E-2</v>
      </c>
      <c r="C8259">
        <f t="shared" si="385"/>
        <v>19</v>
      </c>
      <c r="D8259">
        <f t="shared" si="386"/>
        <v>12</v>
      </c>
    </row>
    <row r="8260" spans="1:4" x14ac:dyDescent="0.25">
      <c r="A8260" s="7">
        <f t="shared" si="387"/>
        <v>44905.83333331332</v>
      </c>
      <c r="B8260" s="8">
        <v>-4.9800999999999998E-2</v>
      </c>
      <c r="C8260">
        <f t="shared" si="385"/>
        <v>20</v>
      </c>
      <c r="D8260">
        <f t="shared" si="386"/>
        <v>12</v>
      </c>
    </row>
    <row r="8261" spans="1:4" x14ac:dyDescent="0.25">
      <c r="A8261" s="7">
        <f t="shared" si="387"/>
        <v>44905.874999979984</v>
      </c>
      <c r="B8261" s="8">
        <v>-4.9800999999999998E-2</v>
      </c>
      <c r="C8261">
        <f t="shared" si="385"/>
        <v>21</v>
      </c>
      <c r="D8261">
        <f t="shared" si="386"/>
        <v>12</v>
      </c>
    </row>
    <row r="8262" spans="1:4" x14ac:dyDescent="0.25">
      <c r="A8262" s="7">
        <f t="shared" si="387"/>
        <v>44905.916666646648</v>
      </c>
      <c r="B8262" s="8">
        <v>-4.9800999999999998E-2</v>
      </c>
      <c r="C8262">
        <f t="shared" si="385"/>
        <v>22</v>
      </c>
      <c r="D8262">
        <f t="shared" si="386"/>
        <v>12</v>
      </c>
    </row>
    <row r="8263" spans="1:4" x14ac:dyDescent="0.25">
      <c r="A8263" s="7">
        <f t="shared" si="387"/>
        <v>44905.958333313312</v>
      </c>
      <c r="B8263" s="8">
        <v>-4.9800999999999998E-2</v>
      </c>
      <c r="C8263">
        <f t="shared" si="385"/>
        <v>23</v>
      </c>
      <c r="D8263">
        <f t="shared" si="386"/>
        <v>12</v>
      </c>
    </row>
    <row r="8264" spans="1:4" x14ac:dyDescent="0.25">
      <c r="A8264" s="7">
        <f t="shared" si="387"/>
        <v>44905.999999979977</v>
      </c>
      <c r="B8264" s="8">
        <v>-4.9800999999999998E-2</v>
      </c>
      <c r="C8264">
        <f t="shared" si="385"/>
        <v>0</v>
      </c>
      <c r="D8264">
        <f t="shared" si="386"/>
        <v>12</v>
      </c>
    </row>
    <row r="8265" spans="1:4" x14ac:dyDescent="0.25">
      <c r="A8265" s="7">
        <f t="shared" si="387"/>
        <v>44906.041666646641</v>
      </c>
      <c r="B8265" s="8">
        <v>-4.9800999999999998E-2</v>
      </c>
      <c r="C8265">
        <f t="shared" si="385"/>
        <v>1</v>
      </c>
      <c r="D8265">
        <f t="shared" si="386"/>
        <v>12</v>
      </c>
    </row>
    <row r="8266" spans="1:4" x14ac:dyDescent="0.25">
      <c r="A8266" s="7">
        <f t="shared" si="387"/>
        <v>44906.083333313305</v>
      </c>
      <c r="B8266" s="8">
        <v>-4.9800999999999998E-2</v>
      </c>
      <c r="C8266">
        <f t="shared" ref="C8266:C8329" si="388">HOUR(A8266)</f>
        <v>2</v>
      </c>
      <c r="D8266">
        <f t="shared" ref="D8266:D8329" si="389">MONTH(A8266)</f>
        <v>12</v>
      </c>
    </row>
    <row r="8267" spans="1:4" x14ac:dyDescent="0.25">
      <c r="A8267" s="7">
        <f t="shared" ref="A8267:A8330" si="390">+A8266+1/24</f>
        <v>44906.124999979969</v>
      </c>
      <c r="B8267" s="8">
        <v>-4.9800999999999998E-2</v>
      </c>
      <c r="C8267">
        <f t="shared" si="388"/>
        <v>3</v>
      </c>
      <c r="D8267">
        <f t="shared" si="389"/>
        <v>12</v>
      </c>
    </row>
    <row r="8268" spans="1:4" x14ac:dyDescent="0.25">
      <c r="A8268" s="7">
        <f t="shared" si="390"/>
        <v>44906.166666646634</v>
      </c>
      <c r="B8268" s="8">
        <v>-4.9800999999999998E-2</v>
      </c>
      <c r="C8268">
        <f t="shared" si="388"/>
        <v>4</v>
      </c>
      <c r="D8268">
        <f t="shared" si="389"/>
        <v>12</v>
      </c>
    </row>
    <row r="8269" spans="1:4" x14ac:dyDescent="0.25">
      <c r="A8269" s="7">
        <f t="shared" si="390"/>
        <v>44906.208333313298</v>
      </c>
      <c r="B8269" s="8">
        <v>-4.9800999999999998E-2</v>
      </c>
      <c r="C8269">
        <f t="shared" si="388"/>
        <v>5</v>
      </c>
      <c r="D8269">
        <f t="shared" si="389"/>
        <v>12</v>
      </c>
    </row>
    <row r="8270" spans="1:4" x14ac:dyDescent="0.25">
      <c r="A8270" s="7">
        <f t="shared" si="390"/>
        <v>44906.249999979962</v>
      </c>
      <c r="B8270" s="8">
        <v>-4.9800999999999998E-2</v>
      </c>
      <c r="C8270">
        <f t="shared" si="388"/>
        <v>6</v>
      </c>
      <c r="D8270">
        <f t="shared" si="389"/>
        <v>12</v>
      </c>
    </row>
    <row r="8271" spans="1:4" x14ac:dyDescent="0.25">
      <c r="A8271" s="7">
        <f t="shared" si="390"/>
        <v>44906.291666646626</v>
      </c>
      <c r="B8271" s="8">
        <v>-4.9800999999999998E-2</v>
      </c>
      <c r="C8271">
        <f t="shared" si="388"/>
        <v>7</v>
      </c>
      <c r="D8271">
        <f t="shared" si="389"/>
        <v>12</v>
      </c>
    </row>
    <row r="8272" spans="1:4" x14ac:dyDescent="0.25">
      <c r="A8272" s="7">
        <f t="shared" si="390"/>
        <v>44906.33333331329</v>
      </c>
      <c r="B8272" s="8">
        <v>-4.9800999999999998E-2</v>
      </c>
      <c r="C8272">
        <f t="shared" si="388"/>
        <v>8</v>
      </c>
      <c r="D8272">
        <f t="shared" si="389"/>
        <v>12</v>
      </c>
    </row>
    <row r="8273" spans="1:4" x14ac:dyDescent="0.25">
      <c r="A8273" s="7">
        <f t="shared" si="390"/>
        <v>44906.374999979955</v>
      </c>
      <c r="B8273" s="8">
        <v>1.2923374449673681</v>
      </c>
      <c r="C8273">
        <f t="shared" si="388"/>
        <v>9</v>
      </c>
      <c r="D8273">
        <f t="shared" si="389"/>
        <v>12</v>
      </c>
    </row>
    <row r="8274" spans="1:4" x14ac:dyDescent="0.25">
      <c r="A8274" s="7">
        <f t="shared" si="390"/>
        <v>44906.416666646619</v>
      </c>
      <c r="B8274" s="8">
        <v>2.6712084746012299</v>
      </c>
      <c r="C8274">
        <f t="shared" si="388"/>
        <v>10</v>
      </c>
      <c r="D8274">
        <f t="shared" si="389"/>
        <v>12</v>
      </c>
    </row>
    <row r="8275" spans="1:4" x14ac:dyDescent="0.25">
      <c r="A8275" s="7">
        <f t="shared" si="390"/>
        <v>44906.458333313283</v>
      </c>
      <c r="B8275" s="8">
        <v>2.8666513410471612</v>
      </c>
      <c r="C8275">
        <f t="shared" si="388"/>
        <v>11</v>
      </c>
      <c r="D8275">
        <f t="shared" si="389"/>
        <v>12</v>
      </c>
    </row>
    <row r="8276" spans="1:4" x14ac:dyDescent="0.25">
      <c r="A8276" s="7">
        <f t="shared" si="390"/>
        <v>44906.499999979947</v>
      </c>
      <c r="B8276" s="8">
        <v>19.892349265203709</v>
      </c>
      <c r="C8276">
        <f t="shared" si="388"/>
        <v>12</v>
      </c>
      <c r="D8276">
        <f t="shared" si="389"/>
        <v>12</v>
      </c>
    </row>
    <row r="8277" spans="1:4" x14ac:dyDescent="0.25">
      <c r="A8277" s="7">
        <f t="shared" si="390"/>
        <v>44906.541666646612</v>
      </c>
      <c r="B8277" s="8">
        <v>20.451233599495186</v>
      </c>
      <c r="C8277">
        <f t="shared" si="388"/>
        <v>13</v>
      </c>
      <c r="D8277">
        <f t="shared" si="389"/>
        <v>12</v>
      </c>
    </row>
    <row r="8278" spans="1:4" x14ac:dyDescent="0.25">
      <c r="A8278" s="7">
        <f t="shared" si="390"/>
        <v>44906.583333313276</v>
      </c>
      <c r="B8278" s="8">
        <v>20.031834853092811</v>
      </c>
      <c r="C8278">
        <f t="shared" si="388"/>
        <v>14</v>
      </c>
      <c r="D8278">
        <f t="shared" si="389"/>
        <v>12</v>
      </c>
    </row>
    <row r="8279" spans="1:4" x14ac:dyDescent="0.25">
      <c r="A8279" s="7">
        <f t="shared" si="390"/>
        <v>44906.62499997994</v>
      </c>
      <c r="B8279" s="8">
        <v>14.760139782734596</v>
      </c>
      <c r="C8279">
        <f t="shared" si="388"/>
        <v>15</v>
      </c>
      <c r="D8279">
        <f t="shared" si="389"/>
        <v>12</v>
      </c>
    </row>
    <row r="8280" spans="1:4" x14ac:dyDescent="0.25">
      <c r="A8280" s="7">
        <f t="shared" si="390"/>
        <v>44906.666666646604</v>
      </c>
      <c r="B8280" s="8">
        <v>6.8287554292739969</v>
      </c>
      <c r="C8280">
        <f t="shared" si="388"/>
        <v>16</v>
      </c>
      <c r="D8280">
        <f t="shared" si="389"/>
        <v>12</v>
      </c>
    </row>
    <row r="8281" spans="1:4" x14ac:dyDescent="0.25">
      <c r="A8281" s="7">
        <f t="shared" si="390"/>
        <v>44906.708333313269</v>
      </c>
      <c r="B8281" s="8">
        <v>2.2652015483953254</v>
      </c>
      <c r="C8281">
        <f t="shared" si="388"/>
        <v>17</v>
      </c>
      <c r="D8281">
        <f t="shared" si="389"/>
        <v>12</v>
      </c>
    </row>
    <row r="8282" spans="1:4" x14ac:dyDescent="0.25">
      <c r="A8282" s="7">
        <f t="shared" si="390"/>
        <v>44906.749999979933</v>
      </c>
      <c r="B8282" s="8">
        <v>-4.9800999999999998E-2</v>
      </c>
      <c r="C8282">
        <f t="shared" si="388"/>
        <v>18</v>
      </c>
      <c r="D8282">
        <f t="shared" si="389"/>
        <v>12</v>
      </c>
    </row>
    <row r="8283" spans="1:4" x14ac:dyDescent="0.25">
      <c r="A8283" s="7">
        <f t="shared" si="390"/>
        <v>44906.791666646597</v>
      </c>
      <c r="B8283" s="8">
        <v>-4.9800999999999998E-2</v>
      </c>
      <c r="C8283">
        <f t="shared" si="388"/>
        <v>19</v>
      </c>
      <c r="D8283">
        <f t="shared" si="389"/>
        <v>12</v>
      </c>
    </row>
    <row r="8284" spans="1:4" x14ac:dyDescent="0.25">
      <c r="A8284" s="7">
        <f t="shared" si="390"/>
        <v>44906.833333313261</v>
      </c>
      <c r="B8284" s="8">
        <v>-4.9800999999999998E-2</v>
      </c>
      <c r="C8284">
        <f t="shared" si="388"/>
        <v>20</v>
      </c>
      <c r="D8284">
        <f t="shared" si="389"/>
        <v>12</v>
      </c>
    </row>
    <row r="8285" spans="1:4" x14ac:dyDescent="0.25">
      <c r="A8285" s="7">
        <f t="shared" si="390"/>
        <v>44906.874999979926</v>
      </c>
      <c r="B8285" s="8">
        <v>-4.9800999999999998E-2</v>
      </c>
      <c r="C8285">
        <f t="shared" si="388"/>
        <v>21</v>
      </c>
      <c r="D8285">
        <f t="shared" si="389"/>
        <v>12</v>
      </c>
    </row>
    <row r="8286" spans="1:4" x14ac:dyDescent="0.25">
      <c r="A8286" s="7">
        <f t="shared" si="390"/>
        <v>44906.91666664659</v>
      </c>
      <c r="B8286" s="8">
        <v>-4.9800999999999998E-2</v>
      </c>
      <c r="C8286">
        <f t="shared" si="388"/>
        <v>22</v>
      </c>
      <c r="D8286">
        <f t="shared" si="389"/>
        <v>12</v>
      </c>
    </row>
    <row r="8287" spans="1:4" x14ac:dyDescent="0.25">
      <c r="A8287" s="7">
        <f t="shared" si="390"/>
        <v>44906.958333313254</v>
      </c>
      <c r="B8287" s="8">
        <v>-4.9800999999999998E-2</v>
      </c>
      <c r="C8287">
        <f t="shared" si="388"/>
        <v>23</v>
      </c>
      <c r="D8287">
        <f t="shared" si="389"/>
        <v>12</v>
      </c>
    </row>
    <row r="8288" spans="1:4" x14ac:dyDescent="0.25">
      <c r="A8288" s="7">
        <f t="shared" si="390"/>
        <v>44906.999999979918</v>
      </c>
      <c r="B8288" s="8">
        <v>-4.9800999999999998E-2</v>
      </c>
      <c r="C8288">
        <f t="shared" si="388"/>
        <v>0</v>
      </c>
      <c r="D8288">
        <f t="shared" si="389"/>
        <v>12</v>
      </c>
    </row>
    <row r="8289" spans="1:4" x14ac:dyDescent="0.25">
      <c r="A8289" s="7">
        <f t="shared" si="390"/>
        <v>44907.041666646583</v>
      </c>
      <c r="B8289" s="8">
        <v>-4.9800999999999998E-2</v>
      </c>
      <c r="C8289">
        <f t="shared" si="388"/>
        <v>1</v>
      </c>
      <c r="D8289">
        <f t="shared" si="389"/>
        <v>12</v>
      </c>
    </row>
    <row r="8290" spans="1:4" x14ac:dyDescent="0.25">
      <c r="A8290" s="7">
        <f t="shared" si="390"/>
        <v>44907.083333313247</v>
      </c>
      <c r="B8290" s="8">
        <v>-4.9800999999999998E-2</v>
      </c>
      <c r="C8290">
        <f t="shared" si="388"/>
        <v>2</v>
      </c>
      <c r="D8290">
        <f t="shared" si="389"/>
        <v>12</v>
      </c>
    </row>
    <row r="8291" spans="1:4" x14ac:dyDescent="0.25">
      <c r="A8291" s="7">
        <f t="shared" si="390"/>
        <v>44907.124999979911</v>
      </c>
      <c r="B8291" s="8">
        <v>-4.9800999999999998E-2</v>
      </c>
      <c r="C8291">
        <f t="shared" si="388"/>
        <v>3</v>
      </c>
      <c r="D8291">
        <f t="shared" si="389"/>
        <v>12</v>
      </c>
    </row>
    <row r="8292" spans="1:4" x14ac:dyDescent="0.25">
      <c r="A8292" s="7">
        <f t="shared" si="390"/>
        <v>44907.166666646575</v>
      </c>
      <c r="B8292" s="8">
        <v>-4.9800999999999998E-2</v>
      </c>
      <c r="C8292">
        <f t="shared" si="388"/>
        <v>4</v>
      </c>
      <c r="D8292">
        <f t="shared" si="389"/>
        <v>12</v>
      </c>
    </row>
    <row r="8293" spans="1:4" x14ac:dyDescent="0.25">
      <c r="A8293" s="7">
        <f t="shared" si="390"/>
        <v>44907.20833331324</v>
      </c>
      <c r="B8293" s="8">
        <v>-4.9800999999999998E-2</v>
      </c>
      <c r="C8293">
        <f t="shared" si="388"/>
        <v>5</v>
      </c>
      <c r="D8293">
        <f t="shared" si="389"/>
        <v>12</v>
      </c>
    </row>
    <row r="8294" spans="1:4" x14ac:dyDescent="0.25">
      <c r="A8294" s="7">
        <f t="shared" si="390"/>
        <v>44907.249999979904</v>
      </c>
      <c r="B8294" s="8">
        <v>-4.9800999999999998E-2</v>
      </c>
      <c r="C8294">
        <f t="shared" si="388"/>
        <v>6</v>
      </c>
      <c r="D8294">
        <f t="shared" si="389"/>
        <v>12</v>
      </c>
    </row>
    <row r="8295" spans="1:4" x14ac:dyDescent="0.25">
      <c r="A8295" s="7">
        <f t="shared" si="390"/>
        <v>44907.291666646568</v>
      </c>
      <c r="B8295" s="8">
        <v>-4.9800999999999998E-2</v>
      </c>
      <c r="C8295">
        <f t="shared" si="388"/>
        <v>7</v>
      </c>
      <c r="D8295">
        <f t="shared" si="389"/>
        <v>12</v>
      </c>
    </row>
    <row r="8296" spans="1:4" x14ac:dyDescent="0.25">
      <c r="A8296" s="7">
        <f t="shared" si="390"/>
        <v>44907.333333313232</v>
      </c>
      <c r="B8296" s="8">
        <v>-4.9800999999999998E-2</v>
      </c>
      <c r="C8296">
        <f t="shared" si="388"/>
        <v>8</v>
      </c>
      <c r="D8296">
        <f t="shared" si="389"/>
        <v>12</v>
      </c>
    </row>
    <row r="8297" spans="1:4" x14ac:dyDescent="0.25">
      <c r="A8297" s="7">
        <f t="shared" si="390"/>
        <v>44907.374999979897</v>
      </c>
      <c r="B8297" s="8">
        <v>0.30645769606755852</v>
      </c>
      <c r="C8297">
        <f t="shared" si="388"/>
        <v>9</v>
      </c>
      <c r="D8297">
        <f t="shared" si="389"/>
        <v>12</v>
      </c>
    </row>
    <row r="8298" spans="1:4" x14ac:dyDescent="0.25">
      <c r="A8298" s="7">
        <f t="shared" si="390"/>
        <v>44907.416666646561</v>
      </c>
      <c r="B8298" s="8">
        <v>1.5421092171895847</v>
      </c>
      <c r="C8298">
        <f t="shared" si="388"/>
        <v>10</v>
      </c>
      <c r="D8298">
        <f t="shared" si="389"/>
        <v>12</v>
      </c>
    </row>
    <row r="8299" spans="1:4" x14ac:dyDescent="0.25">
      <c r="A8299" s="7">
        <f t="shared" si="390"/>
        <v>44907.458333313225</v>
      </c>
      <c r="B8299" s="8">
        <v>2.3188440641261394</v>
      </c>
      <c r="C8299">
        <f t="shared" si="388"/>
        <v>11</v>
      </c>
      <c r="D8299">
        <f t="shared" si="389"/>
        <v>12</v>
      </c>
    </row>
    <row r="8300" spans="1:4" x14ac:dyDescent="0.25">
      <c r="A8300" s="7">
        <f t="shared" si="390"/>
        <v>44907.499999979889</v>
      </c>
      <c r="B8300" s="8">
        <v>4.0537072714423852</v>
      </c>
      <c r="C8300">
        <f t="shared" si="388"/>
        <v>12</v>
      </c>
      <c r="D8300">
        <f t="shared" si="389"/>
        <v>12</v>
      </c>
    </row>
    <row r="8301" spans="1:4" x14ac:dyDescent="0.25">
      <c r="A8301" s="7">
        <f t="shared" si="390"/>
        <v>44907.541666646553</v>
      </c>
      <c r="B8301" s="8">
        <v>4.1498750515218861</v>
      </c>
      <c r="C8301">
        <f t="shared" si="388"/>
        <v>13</v>
      </c>
      <c r="D8301">
        <f t="shared" si="389"/>
        <v>12</v>
      </c>
    </row>
    <row r="8302" spans="1:4" x14ac:dyDescent="0.25">
      <c r="A8302" s="7">
        <f t="shared" si="390"/>
        <v>44907.583333313218</v>
      </c>
      <c r="B8302" s="8">
        <v>3.9488039928262291</v>
      </c>
      <c r="C8302">
        <f t="shared" si="388"/>
        <v>14</v>
      </c>
      <c r="D8302">
        <f t="shared" si="389"/>
        <v>12</v>
      </c>
    </row>
    <row r="8303" spans="1:4" x14ac:dyDescent="0.25">
      <c r="A8303" s="7">
        <f t="shared" si="390"/>
        <v>44907.624999979882</v>
      </c>
      <c r="B8303" s="8">
        <v>3.3053493967460703</v>
      </c>
      <c r="C8303">
        <f t="shared" si="388"/>
        <v>15</v>
      </c>
      <c r="D8303">
        <f t="shared" si="389"/>
        <v>12</v>
      </c>
    </row>
    <row r="8304" spans="1:4" x14ac:dyDescent="0.25">
      <c r="A8304" s="7">
        <f t="shared" si="390"/>
        <v>44907.666666646546</v>
      </c>
      <c r="B8304" s="8">
        <v>2.212622628050287</v>
      </c>
      <c r="C8304">
        <f t="shared" si="388"/>
        <v>16</v>
      </c>
      <c r="D8304">
        <f t="shared" si="389"/>
        <v>12</v>
      </c>
    </row>
    <row r="8305" spans="1:4" x14ac:dyDescent="0.25">
      <c r="A8305" s="7">
        <f t="shared" si="390"/>
        <v>44907.70833331321</v>
      </c>
      <c r="B8305" s="8">
        <v>0.83752468243514833</v>
      </c>
      <c r="C8305">
        <f t="shared" si="388"/>
        <v>17</v>
      </c>
      <c r="D8305">
        <f t="shared" si="389"/>
        <v>12</v>
      </c>
    </row>
    <row r="8306" spans="1:4" x14ac:dyDescent="0.25">
      <c r="A8306" s="7">
        <f t="shared" si="390"/>
        <v>44907.749999979875</v>
      </c>
      <c r="B8306" s="8">
        <v>-4.9800999999999998E-2</v>
      </c>
      <c r="C8306">
        <f t="shared" si="388"/>
        <v>18</v>
      </c>
      <c r="D8306">
        <f t="shared" si="389"/>
        <v>12</v>
      </c>
    </row>
    <row r="8307" spans="1:4" x14ac:dyDescent="0.25">
      <c r="A8307" s="7">
        <f t="shared" si="390"/>
        <v>44907.791666646539</v>
      </c>
      <c r="B8307" s="8">
        <v>-4.9800999999999998E-2</v>
      </c>
      <c r="C8307">
        <f t="shared" si="388"/>
        <v>19</v>
      </c>
      <c r="D8307">
        <f t="shared" si="389"/>
        <v>12</v>
      </c>
    </row>
    <row r="8308" spans="1:4" x14ac:dyDescent="0.25">
      <c r="A8308" s="7">
        <f t="shared" si="390"/>
        <v>44907.833333313203</v>
      </c>
      <c r="B8308" s="8">
        <v>-4.9800999999999998E-2</v>
      </c>
      <c r="C8308">
        <f t="shared" si="388"/>
        <v>20</v>
      </c>
      <c r="D8308">
        <f t="shared" si="389"/>
        <v>12</v>
      </c>
    </row>
    <row r="8309" spans="1:4" x14ac:dyDescent="0.25">
      <c r="A8309" s="7">
        <f t="shared" si="390"/>
        <v>44907.874999979867</v>
      </c>
      <c r="B8309" s="8">
        <v>-4.9800999999999998E-2</v>
      </c>
      <c r="C8309">
        <f t="shared" si="388"/>
        <v>21</v>
      </c>
      <c r="D8309">
        <f t="shared" si="389"/>
        <v>12</v>
      </c>
    </row>
    <row r="8310" spans="1:4" x14ac:dyDescent="0.25">
      <c r="A8310" s="7">
        <f t="shared" si="390"/>
        <v>44907.916666646532</v>
      </c>
      <c r="B8310" s="8">
        <v>-4.9800999999999998E-2</v>
      </c>
      <c r="C8310">
        <f t="shared" si="388"/>
        <v>22</v>
      </c>
      <c r="D8310">
        <f t="shared" si="389"/>
        <v>12</v>
      </c>
    </row>
    <row r="8311" spans="1:4" x14ac:dyDescent="0.25">
      <c r="A8311" s="7">
        <f t="shared" si="390"/>
        <v>44907.958333313196</v>
      </c>
      <c r="B8311" s="8">
        <v>-4.9800999999999998E-2</v>
      </c>
      <c r="C8311">
        <f t="shared" si="388"/>
        <v>23</v>
      </c>
      <c r="D8311">
        <f t="shared" si="389"/>
        <v>12</v>
      </c>
    </row>
    <row r="8312" spans="1:4" x14ac:dyDescent="0.25">
      <c r="A8312" s="7">
        <f t="shared" si="390"/>
        <v>44907.99999997986</v>
      </c>
      <c r="B8312" s="8">
        <v>-4.9800999999999998E-2</v>
      </c>
      <c r="C8312">
        <f t="shared" si="388"/>
        <v>0</v>
      </c>
      <c r="D8312">
        <f t="shared" si="389"/>
        <v>12</v>
      </c>
    </row>
    <row r="8313" spans="1:4" x14ac:dyDescent="0.25">
      <c r="A8313" s="7">
        <f t="shared" si="390"/>
        <v>44908.041666646524</v>
      </c>
      <c r="B8313" s="8">
        <v>-4.9800999999999998E-2</v>
      </c>
      <c r="C8313">
        <f t="shared" si="388"/>
        <v>1</v>
      </c>
      <c r="D8313">
        <f t="shared" si="389"/>
        <v>12</v>
      </c>
    </row>
    <row r="8314" spans="1:4" x14ac:dyDescent="0.25">
      <c r="A8314" s="7">
        <f t="shared" si="390"/>
        <v>44908.083333313189</v>
      </c>
      <c r="B8314" s="8">
        <v>-4.9800999999999998E-2</v>
      </c>
      <c r="C8314">
        <f t="shared" si="388"/>
        <v>2</v>
      </c>
      <c r="D8314">
        <f t="shared" si="389"/>
        <v>12</v>
      </c>
    </row>
    <row r="8315" spans="1:4" x14ac:dyDescent="0.25">
      <c r="A8315" s="7">
        <f t="shared" si="390"/>
        <v>44908.124999979853</v>
      </c>
      <c r="B8315" s="8">
        <v>-4.9800999999999998E-2</v>
      </c>
      <c r="C8315">
        <f t="shared" si="388"/>
        <v>3</v>
      </c>
      <c r="D8315">
        <f t="shared" si="389"/>
        <v>12</v>
      </c>
    </row>
    <row r="8316" spans="1:4" x14ac:dyDescent="0.25">
      <c r="A8316" s="7">
        <f t="shared" si="390"/>
        <v>44908.166666646517</v>
      </c>
      <c r="B8316" s="8">
        <v>-4.9800999999999998E-2</v>
      </c>
      <c r="C8316">
        <f t="shared" si="388"/>
        <v>4</v>
      </c>
      <c r="D8316">
        <f t="shared" si="389"/>
        <v>12</v>
      </c>
    </row>
    <row r="8317" spans="1:4" x14ac:dyDescent="0.25">
      <c r="A8317" s="7">
        <f t="shared" si="390"/>
        <v>44908.208333313181</v>
      </c>
      <c r="B8317" s="8">
        <v>-4.9800999999999998E-2</v>
      </c>
      <c r="C8317">
        <f t="shared" si="388"/>
        <v>5</v>
      </c>
      <c r="D8317">
        <f t="shared" si="389"/>
        <v>12</v>
      </c>
    </row>
    <row r="8318" spans="1:4" x14ac:dyDescent="0.25">
      <c r="A8318" s="7">
        <f t="shared" si="390"/>
        <v>44908.249999979846</v>
      </c>
      <c r="B8318" s="8">
        <v>-4.9800999999999998E-2</v>
      </c>
      <c r="C8318">
        <f t="shared" si="388"/>
        <v>6</v>
      </c>
      <c r="D8318">
        <f t="shared" si="389"/>
        <v>12</v>
      </c>
    </row>
    <row r="8319" spans="1:4" x14ac:dyDescent="0.25">
      <c r="A8319" s="7">
        <f t="shared" si="390"/>
        <v>44908.29166664651</v>
      </c>
      <c r="B8319" s="8">
        <v>-4.9800999999999998E-2</v>
      </c>
      <c r="C8319">
        <f t="shared" si="388"/>
        <v>7</v>
      </c>
      <c r="D8319">
        <f t="shared" si="389"/>
        <v>12</v>
      </c>
    </row>
    <row r="8320" spans="1:4" x14ac:dyDescent="0.25">
      <c r="A8320" s="7">
        <f t="shared" si="390"/>
        <v>44908.333333313174</v>
      </c>
      <c r="B8320" s="8">
        <v>-4.9800999999999998E-2</v>
      </c>
      <c r="C8320">
        <f t="shared" si="388"/>
        <v>8</v>
      </c>
      <c r="D8320">
        <f t="shared" si="389"/>
        <v>12</v>
      </c>
    </row>
    <row r="8321" spans="1:4" x14ac:dyDescent="0.25">
      <c r="A8321" s="7">
        <f t="shared" si="390"/>
        <v>44908.374999979838</v>
      </c>
      <c r="B8321" s="8">
        <v>3.4185347029979702</v>
      </c>
      <c r="C8321">
        <f t="shared" si="388"/>
        <v>9</v>
      </c>
      <c r="D8321">
        <f t="shared" si="389"/>
        <v>12</v>
      </c>
    </row>
    <row r="8322" spans="1:4" x14ac:dyDescent="0.25">
      <c r="A8322" s="7">
        <f t="shared" si="390"/>
        <v>44908.416666646503</v>
      </c>
      <c r="B8322" s="8">
        <v>8.2719884083668163</v>
      </c>
      <c r="C8322">
        <f t="shared" si="388"/>
        <v>10</v>
      </c>
      <c r="D8322">
        <f t="shared" si="389"/>
        <v>12</v>
      </c>
    </row>
    <row r="8323" spans="1:4" x14ac:dyDescent="0.25">
      <c r="A8323" s="7">
        <f t="shared" si="390"/>
        <v>44908.458333313167</v>
      </c>
      <c r="B8323" s="8">
        <v>6.3553596353455486</v>
      </c>
      <c r="C8323">
        <f t="shared" si="388"/>
        <v>11</v>
      </c>
      <c r="D8323">
        <f t="shared" si="389"/>
        <v>12</v>
      </c>
    </row>
    <row r="8324" spans="1:4" x14ac:dyDescent="0.25">
      <c r="A8324" s="7">
        <f t="shared" si="390"/>
        <v>44908.499999979831</v>
      </c>
      <c r="B8324" s="8">
        <v>8.056296004963805</v>
      </c>
      <c r="C8324">
        <f t="shared" si="388"/>
        <v>12</v>
      </c>
      <c r="D8324">
        <f t="shared" si="389"/>
        <v>12</v>
      </c>
    </row>
    <row r="8325" spans="1:4" x14ac:dyDescent="0.25">
      <c r="A8325" s="7">
        <f t="shared" si="390"/>
        <v>44908.541666646495</v>
      </c>
      <c r="B8325" s="8">
        <v>8.7298353034724094</v>
      </c>
      <c r="C8325">
        <f t="shared" si="388"/>
        <v>13</v>
      </c>
      <c r="D8325">
        <f t="shared" si="389"/>
        <v>12</v>
      </c>
    </row>
    <row r="8326" spans="1:4" x14ac:dyDescent="0.25">
      <c r="A8326" s="7">
        <f t="shared" si="390"/>
        <v>44908.58333331316</v>
      </c>
      <c r="B8326" s="8">
        <v>6.088952695369656</v>
      </c>
      <c r="C8326">
        <f t="shared" si="388"/>
        <v>14</v>
      </c>
      <c r="D8326">
        <f t="shared" si="389"/>
        <v>12</v>
      </c>
    </row>
    <row r="8327" spans="1:4" x14ac:dyDescent="0.25">
      <c r="A8327" s="7">
        <f t="shared" si="390"/>
        <v>44908.624999979824</v>
      </c>
      <c r="B8327" s="8">
        <v>4.5112820840074317</v>
      </c>
      <c r="C8327">
        <f t="shared" si="388"/>
        <v>15</v>
      </c>
      <c r="D8327">
        <f t="shared" si="389"/>
        <v>12</v>
      </c>
    </row>
    <row r="8328" spans="1:4" x14ac:dyDescent="0.25">
      <c r="A8328" s="7">
        <f t="shared" si="390"/>
        <v>44908.666666646488</v>
      </c>
      <c r="B8328" s="8">
        <v>2.0385537002725589</v>
      </c>
      <c r="C8328">
        <f t="shared" si="388"/>
        <v>16</v>
      </c>
      <c r="D8328">
        <f t="shared" si="389"/>
        <v>12</v>
      </c>
    </row>
    <row r="8329" spans="1:4" x14ac:dyDescent="0.25">
      <c r="A8329" s="7">
        <f t="shared" si="390"/>
        <v>44908.708333313152</v>
      </c>
      <c r="B8329" s="8">
        <v>0.8644278742474244</v>
      </c>
      <c r="C8329">
        <f t="shared" si="388"/>
        <v>17</v>
      </c>
      <c r="D8329">
        <f t="shared" si="389"/>
        <v>12</v>
      </c>
    </row>
    <row r="8330" spans="1:4" x14ac:dyDescent="0.25">
      <c r="A8330" s="7">
        <f t="shared" si="390"/>
        <v>44908.749999979816</v>
      </c>
      <c r="B8330" s="8">
        <v>-4.9800999999999998E-2</v>
      </c>
      <c r="C8330">
        <f t="shared" ref="C8330:C8393" si="391">HOUR(A8330)</f>
        <v>18</v>
      </c>
      <c r="D8330">
        <f t="shared" ref="D8330:D8393" si="392">MONTH(A8330)</f>
        <v>12</v>
      </c>
    </row>
    <row r="8331" spans="1:4" x14ac:dyDescent="0.25">
      <c r="A8331" s="7">
        <f t="shared" ref="A8331:A8394" si="393">+A8330+1/24</f>
        <v>44908.791666646481</v>
      </c>
      <c r="B8331" s="8">
        <v>-4.9800999999999998E-2</v>
      </c>
      <c r="C8331">
        <f t="shared" si="391"/>
        <v>19</v>
      </c>
      <c r="D8331">
        <f t="shared" si="392"/>
        <v>12</v>
      </c>
    </row>
    <row r="8332" spans="1:4" x14ac:dyDescent="0.25">
      <c r="A8332" s="7">
        <f t="shared" si="393"/>
        <v>44908.833333313145</v>
      </c>
      <c r="B8332" s="8">
        <v>-4.9800999999999998E-2</v>
      </c>
      <c r="C8332">
        <f t="shared" si="391"/>
        <v>20</v>
      </c>
      <c r="D8332">
        <f t="shared" si="392"/>
        <v>12</v>
      </c>
    </row>
    <row r="8333" spans="1:4" x14ac:dyDescent="0.25">
      <c r="A8333" s="7">
        <f t="shared" si="393"/>
        <v>44908.874999979809</v>
      </c>
      <c r="B8333" s="8">
        <v>-4.9800999999999998E-2</v>
      </c>
      <c r="C8333">
        <f t="shared" si="391"/>
        <v>21</v>
      </c>
      <c r="D8333">
        <f t="shared" si="392"/>
        <v>12</v>
      </c>
    </row>
    <row r="8334" spans="1:4" x14ac:dyDescent="0.25">
      <c r="A8334" s="7">
        <f t="shared" si="393"/>
        <v>44908.916666646473</v>
      </c>
      <c r="B8334" s="8">
        <v>-4.9800999999999998E-2</v>
      </c>
      <c r="C8334">
        <f t="shared" si="391"/>
        <v>22</v>
      </c>
      <c r="D8334">
        <f t="shared" si="392"/>
        <v>12</v>
      </c>
    </row>
    <row r="8335" spans="1:4" x14ac:dyDescent="0.25">
      <c r="A8335" s="7">
        <f t="shared" si="393"/>
        <v>44908.958333313138</v>
      </c>
      <c r="B8335" s="8">
        <v>-4.9800999999999998E-2</v>
      </c>
      <c r="C8335">
        <f t="shared" si="391"/>
        <v>23</v>
      </c>
      <c r="D8335">
        <f t="shared" si="392"/>
        <v>12</v>
      </c>
    </row>
    <row r="8336" spans="1:4" x14ac:dyDescent="0.25">
      <c r="A8336" s="7">
        <f t="shared" si="393"/>
        <v>44908.999999979802</v>
      </c>
      <c r="B8336" s="8">
        <v>-4.9800999999999998E-2</v>
      </c>
      <c r="C8336">
        <f t="shared" si="391"/>
        <v>0</v>
      </c>
      <c r="D8336">
        <f t="shared" si="392"/>
        <v>12</v>
      </c>
    </row>
    <row r="8337" spans="1:4" x14ac:dyDescent="0.25">
      <c r="A8337" s="7">
        <f t="shared" si="393"/>
        <v>44909.041666646466</v>
      </c>
      <c r="B8337" s="8">
        <v>-4.9800999999999998E-2</v>
      </c>
      <c r="C8337">
        <f t="shared" si="391"/>
        <v>1</v>
      </c>
      <c r="D8337">
        <f t="shared" si="392"/>
        <v>12</v>
      </c>
    </row>
    <row r="8338" spans="1:4" x14ac:dyDescent="0.25">
      <c r="A8338" s="7">
        <f t="shared" si="393"/>
        <v>44909.08333331313</v>
      </c>
      <c r="B8338" s="8">
        <v>-4.9800999999999998E-2</v>
      </c>
      <c r="C8338">
        <f t="shared" si="391"/>
        <v>2</v>
      </c>
      <c r="D8338">
        <f t="shared" si="392"/>
        <v>12</v>
      </c>
    </row>
    <row r="8339" spans="1:4" x14ac:dyDescent="0.25">
      <c r="A8339" s="7">
        <f t="shared" si="393"/>
        <v>44909.124999979795</v>
      </c>
      <c r="B8339" s="8">
        <v>-4.9800999999999998E-2</v>
      </c>
      <c r="C8339">
        <f t="shared" si="391"/>
        <v>3</v>
      </c>
      <c r="D8339">
        <f t="shared" si="392"/>
        <v>12</v>
      </c>
    </row>
    <row r="8340" spans="1:4" x14ac:dyDescent="0.25">
      <c r="A8340" s="7">
        <f t="shared" si="393"/>
        <v>44909.166666646459</v>
      </c>
      <c r="B8340" s="8">
        <v>-4.9800999999999998E-2</v>
      </c>
      <c r="C8340">
        <f t="shared" si="391"/>
        <v>4</v>
      </c>
      <c r="D8340">
        <f t="shared" si="392"/>
        <v>12</v>
      </c>
    </row>
    <row r="8341" spans="1:4" x14ac:dyDescent="0.25">
      <c r="A8341" s="7">
        <f t="shared" si="393"/>
        <v>44909.208333313123</v>
      </c>
      <c r="B8341" s="8">
        <v>-4.9800999999999998E-2</v>
      </c>
      <c r="C8341">
        <f t="shared" si="391"/>
        <v>5</v>
      </c>
      <c r="D8341">
        <f t="shared" si="392"/>
        <v>12</v>
      </c>
    </row>
    <row r="8342" spans="1:4" x14ac:dyDescent="0.25">
      <c r="A8342" s="7">
        <f t="shared" si="393"/>
        <v>44909.249999979787</v>
      </c>
      <c r="B8342" s="8">
        <v>-4.9800999999999998E-2</v>
      </c>
      <c r="C8342">
        <f t="shared" si="391"/>
        <v>6</v>
      </c>
      <c r="D8342">
        <f t="shared" si="392"/>
        <v>12</v>
      </c>
    </row>
    <row r="8343" spans="1:4" x14ac:dyDescent="0.25">
      <c r="A8343" s="7">
        <f t="shared" si="393"/>
        <v>44909.291666646452</v>
      </c>
      <c r="B8343" s="8">
        <v>-4.9800999999999998E-2</v>
      </c>
      <c r="C8343">
        <f t="shared" si="391"/>
        <v>7</v>
      </c>
      <c r="D8343">
        <f t="shared" si="392"/>
        <v>12</v>
      </c>
    </row>
    <row r="8344" spans="1:4" x14ac:dyDescent="0.25">
      <c r="A8344" s="7">
        <f t="shared" si="393"/>
        <v>44909.333333313116</v>
      </c>
      <c r="B8344" s="8">
        <v>-4.9800999999999998E-2</v>
      </c>
      <c r="C8344">
        <f t="shared" si="391"/>
        <v>8</v>
      </c>
      <c r="D8344">
        <f t="shared" si="392"/>
        <v>12</v>
      </c>
    </row>
    <row r="8345" spans="1:4" x14ac:dyDescent="0.25">
      <c r="A8345" s="7">
        <f t="shared" si="393"/>
        <v>44909.37499997978</v>
      </c>
      <c r="B8345" s="8">
        <v>2.8196367147794472</v>
      </c>
      <c r="C8345">
        <f t="shared" si="391"/>
        <v>9</v>
      </c>
      <c r="D8345">
        <f t="shared" si="392"/>
        <v>12</v>
      </c>
    </row>
    <row r="8346" spans="1:4" x14ac:dyDescent="0.25">
      <c r="A8346" s="7">
        <f t="shared" si="393"/>
        <v>44909.416666646444</v>
      </c>
      <c r="B8346" s="8">
        <v>6.872716341270344</v>
      </c>
      <c r="C8346">
        <f t="shared" si="391"/>
        <v>10</v>
      </c>
      <c r="D8346">
        <f t="shared" si="392"/>
        <v>12</v>
      </c>
    </row>
    <row r="8347" spans="1:4" x14ac:dyDescent="0.25">
      <c r="A8347" s="7">
        <f t="shared" si="393"/>
        <v>44909.458333313109</v>
      </c>
      <c r="B8347" s="8">
        <v>14.488651907437124</v>
      </c>
      <c r="C8347">
        <f t="shared" si="391"/>
        <v>11</v>
      </c>
      <c r="D8347">
        <f t="shared" si="392"/>
        <v>12</v>
      </c>
    </row>
    <row r="8348" spans="1:4" x14ac:dyDescent="0.25">
      <c r="A8348" s="7">
        <f t="shared" si="393"/>
        <v>44909.499999979773</v>
      </c>
      <c r="B8348" s="8">
        <v>13.357419275559826</v>
      </c>
      <c r="C8348">
        <f t="shared" si="391"/>
        <v>12</v>
      </c>
      <c r="D8348">
        <f t="shared" si="392"/>
        <v>12</v>
      </c>
    </row>
    <row r="8349" spans="1:4" x14ac:dyDescent="0.25">
      <c r="A8349" s="7">
        <f t="shared" si="393"/>
        <v>44909.541666646437</v>
      </c>
      <c r="B8349" s="8">
        <v>8.9015822541143326</v>
      </c>
      <c r="C8349">
        <f t="shared" si="391"/>
        <v>13</v>
      </c>
      <c r="D8349">
        <f t="shared" si="392"/>
        <v>12</v>
      </c>
    </row>
    <row r="8350" spans="1:4" x14ac:dyDescent="0.25">
      <c r="A8350" s="7">
        <f t="shared" si="393"/>
        <v>44909.583333313101</v>
      </c>
      <c r="B8350" s="8">
        <v>8.2351397752049973</v>
      </c>
      <c r="C8350">
        <f t="shared" si="391"/>
        <v>14</v>
      </c>
      <c r="D8350">
        <f t="shared" si="392"/>
        <v>12</v>
      </c>
    </row>
    <row r="8351" spans="1:4" x14ac:dyDescent="0.25">
      <c r="A8351" s="7">
        <f t="shared" si="393"/>
        <v>44909.624999979766</v>
      </c>
      <c r="B8351" s="8">
        <v>7.4281048271620636</v>
      </c>
      <c r="C8351">
        <f t="shared" si="391"/>
        <v>15</v>
      </c>
      <c r="D8351">
        <f t="shared" si="392"/>
        <v>12</v>
      </c>
    </row>
    <row r="8352" spans="1:4" x14ac:dyDescent="0.25">
      <c r="A8352" s="7">
        <f t="shared" si="393"/>
        <v>44909.66666664643</v>
      </c>
      <c r="B8352" s="8">
        <v>5.6567279367812624</v>
      </c>
      <c r="C8352">
        <f t="shared" si="391"/>
        <v>16</v>
      </c>
      <c r="D8352">
        <f t="shared" si="392"/>
        <v>12</v>
      </c>
    </row>
    <row r="8353" spans="1:4" x14ac:dyDescent="0.25">
      <c r="A8353" s="7">
        <f t="shared" si="393"/>
        <v>44909.708333313094</v>
      </c>
      <c r="B8353" s="8">
        <v>2.211372491225728</v>
      </c>
      <c r="C8353">
        <f t="shared" si="391"/>
        <v>17</v>
      </c>
      <c r="D8353">
        <f t="shared" si="392"/>
        <v>12</v>
      </c>
    </row>
    <row r="8354" spans="1:4" x14ac:dyDescent="0.25">
      <c r="A8354" s="7">
        <f t="shared" si="393"/>
        <v>44909.749999979758</v>
      </c>
      <c r="B8354" s="8">
        <v>-4.9800999999999998E-2</v>
      </c>
      <c r="C8354">
        <f t="shared" si="391"/>
        <v>18</v>
      </c>
      <c r="D8354">
        <f t="shared" si="392"/>
        <v>12</v>
      </c>
    </row>
    <row r="8355" spans="1:4" x14ac:dyDescent="0.25">
      <c r="A8355" s="7">
        <f t="shared" si="393"/>
        <v>44909.791666646423</v>
      </c>
      <c r="B8355" s="8">
        <v>-4.9800999999999998E-2</v>
      </c>
      <c r="C8355">
        <f t="shared" si="391"/>
        <v>19</v>
      </c>
      <c r="D8355">
        <f t="shared" si="392"/>
        <v>12</v>
      </c>
    </row>
    <row r="8356" spans="1:4" x14ac:dyDescent="0.25">
      <c r="A8356" s="7">
        <f t="shared" si="393"/>
        <v>44909.833333313087</v>
      </c>
      <c r="B8356" s="8">
        <v>-4.9800999999999998E-2</v>
      </c>
      <c r="C8356">
        <f t="shared" si="391"/>
        <v>20</v>
      </c>
      <c r="D8356">
        <f t="shared" si="392"/>
        <v>12</v>
      </c>
    </row>
    <row r="8357" spans="1:4" x14ac:dyDescent="0.25">
      <c r="A8357" s="7">
        <f t="shared" si="393"/>
        <v>44909.874999979751</v>
      </c>
      <c r="B8357" s="8">
        <v>-4.9800999999999998E-2</v>
      </c>
      <c r="C8357">
        <f t="shared" si="391"/>
        <v>21</v>
      </c>
      <c r="D8357">
        <f t="shared" si="392"/>
        <v>12</v>
      </c>
    </row>
    <row r="8358" spans="1:4" x14ac:dyDescent="0.25">
      <c r="A8358" s="7">
        <f t="shared" si="393"/>
        <v>44909.916666646415</v>
      </c>
      <c r="B8358" s="8">
        <v>-4.9800999999999998E-2</v>
      </c>
      <c r="C8358">
        <f t="shared" si="391"/>
        <v>22</v>
      </c>
      <c r="D8358">
        <f t="shared" si="392"/>
        <v>12</v>
      </c>
    </row>
    <row r="8359" spans="1:4" x14ac:dyDescent="0.25">
      <c r="A8359" s="7">
        <f t="shared" si="393"/>
        <v>44909.958333313079</v>
      </c>
      <c r="B8359" s="8">
        <v>-4.9800999999999998E-2</v>
      </c>
      <c r="C8359">
        <f t="shared" si="391"/>
        <v>23</v>
      </c>
      <c r="D8359">
        <f t="shared" si="392"/>
        <v>12</v>
      </c>
    </row>
    <row r="8360" spans="1:4" x14ac:dyDescent="0.25">
      <c r="A8360" s="7">
        <f t="shared" si="393"/>
        <v>44909.999999979744</v>
      </c>
      <c r="B8360" s="8">
        <v>-4.9800999999999998E-2</v>
      </c>
      <c r="C8360">
        <f t="shared" si="391"/>
        <v>0</v>
      </c>
      <c r="D8360">
        <f t="shared" si="392"/>
        <v>12</v>
      </c>
    </row>
    <row r="8361" spans="1:4" x14ac:dyDescent="0.25">
      <c r="A8361" s="7">
        <f t="shared" si="393"/>
        <v>44910.041666646408</v>
      </c>
      <c r="B8361" s="8">
        <v>-4.9800999999999998E-2</v>
      </c>
      <c r="C8361">
        <f t="shared" si="391"/>
        <v>1</v>
      </c>
      <c r="D8361">
        <f t="shared" si="392"/>
        <v>12</v>
      </c>
    </row>
    <row r="8362" spans="1:4" x14ac:dyDescent="0.25">
      <c r="A8362" s="7">
        <f t="shared" si="393"/>
        <v>44910.083333313072</v>
      </c>
      <c r="B8362" s="8">
        <v>-4.9800999999999998E-2</v>
      </c>
      <c r="C8362">
        <f t="shared" si="391"/>
        <v>2</v>
      </c>
      <c r="D8362">
        <f t="shared" si="392"/>
        <v>12</v>
      </c>
    </row>
    <row r="8363" spans="1:4" x14ac:dyDescent="0.25">
      <c r="A8363" s="7">
        <f t="shared" si="393"/>
        <v>44910.124999979736</v>
      </c>
      <c r="B8363" s="8">
        <v>-4.9800999999999998E-2</v>
      </c>
      <c r="C8363">
        <f t="shared" si="391"/>
        <v>3</v>
      </c>
      <c r="D8363">
        <f t="shared" si="392"/>
        <v>12</v>
      </c>
    </row>
    <row r="8364" spans="1:4" x14ac:dyDescent="0.25">
      <c r="A8364" s="7">
        <f t="shared" si="393"/>
        <v>44910.166666646401</v>
      </c>
      <c r="B8364" s="8">
        <v>-4.9800999999999998E-2</v>
      </c>
      <c r="C8364">
        <f t="shared" si="391"/>
        <v>4</v>
      </c>
      <c r="D8364">
        <f t="shared" si="392"/>
        <v>12</v>
      </c>
    </row>
    <row r="8365" spans="1:4" x14ac:dyDescent="0.25">
      <c r="A8365" s="7">
        <f t="shared" si="393"/>
        <v>44910.208333313065</v>
      </c>
      <c r="B8365" s="8">
        <v>-4.9800999999999998E-2</v>
      </c>
      <c r="C8365">
        <f t="shared" si="391"/>
        <v>5</v>
      </c>
      <c r="D8365">
        <f t="shared" si="392"/>
        <v>12</v>
      </c>
    </row>
    <row r="8366" spans="1:4" x14ac:dyDescent="0.25">
      <c r="A8366" s="7">
        <f t="shared" si="393"/>
        <v>44910.249999979729</v>
      </c>
      <c r="B8366" s="8">
        <v>-4.9800999999999998E-2</v>
      </c>
      <c r="C8366">
        <f t="shared" si="391"/>
        <v>6</v>
      </c>
      <c r="D8366">
        <f t="shared" si="392"/>
        <v>12</v>
      </c>
    </row>
    <row r="8367" spans="1:4" x14ac:dyDescent="0.25">
      <c r="A8367" s="7">
        <f t="shared" si="393"/>
        <v>44910.291666646393</v>
      </c>
      <c r="B8367" s="8">
        <v>-4.9800999999999998E-2</v>
      </c>
      <c r="C8367">
        <f t="shared" si="391"/>
        <v>7</v>
      </c>
      <c r="D8367">
        <f t="shared" si="392"/>
        <v>12</v>
      </c>
    </row>
    <row r="8368" spans="1:4" x14ac:dyDescent="0.25">
      <c r="A8368" s="7">
        <f t="shared" si="393"/>
        <v>44910.333333313058</v>
      </c>
      <c r="B8368" s="8">
        <v>-4.9800999999999998E-2</v>
      </c>
      <c r="C8368">
        <f t="shared" si="391"/>
        <v>8</v>
      </c>
      <c r="D8368">
        <f t="shared" si="392"/>
        <v>12</v>
      </c>
    </row>
    <row r="8369" spans="1:4" x14ac:dyDescent="0.25">
      <c r="A8369" s="7">
        <f t="shared" si="393"/>
        <v>44910.374999979722</v>
      </c>
      <c r="B8369" s="8">
        <v>4.0287663718922371</v>
      </c>
      <c r="C8369">
        <f t="shared" si="391"/>
        <v>9</v>
      </c>
      <c r="D8369">
        <f t="shared" si="392"/>
        <v>12</v>
      </c>
    </row>
    <row r="8370" spans="1:4" x14ac:dyDescent="0.25">
      <c r="A8370" s="7">
        <f t="shared" si="393"/>
        <v>44910.416666646386</v>
      </c>
      <c r="B8370" s="8">
        <v>10.144564544595871</v>
      </c>
      <c r="C8370">
        <f t="shared" si="391"/>
        <v>10</v>
      </c>
      <c r="D8370">
        <f t="shared" si="392"/>
        <v>12</v>
      </c>
    </row>
    <row r="8371" spans="1:4" x14ac:dyDescent="0.25">
      <c r="A8371" s="7">
        <f t="shared" si="393"/>
        <v>44910.45833331305</v>
      </c>
      <c r="B8371" s="8">
        <v>16.979890148854668</v>
      </c>
      <c r="C8371">
        <f t="shared" si="391"/>
        <v>11</v>
      </c>
      <c r="D8371">
        <f t="shared" si="392"/>
        <v>12</v>
      </c>
    </row>
    <row r="8372" spans="1:4" x14ac:dyDescent="0.25">
      <c r="A8372" s="7">
        <f t="shared" si="393"/>
        <v>44910.499999979715</v>
      </c>
      <c r="B8372" s="8">
        <v>19.358919077072958</v>
      </c>
      <c r="C8372">
        <f t="shared" si="391"/>
        <v>12</v>
      </c>
      <c r="D8372">
        <f t="shared" si="392"/>
        <v>12</v>
      </c>
    </row>
    <row r="8373" spans="1:4" x14ac:dyDescent="0.25">
      <c r="A8373" s="7">
        <f t="shared" si="393"/>
        <v>44910.541666646379</v>
      </c>
      <c r="B8373" s="8">
        <v>20.451294405820537</v>
      </c>
      <c r="C8373">
        <f t="shared" si="391"/>
        <v>13</v>
      </c>
      <c r="D8373">
        <f t="shared" si="392"/>
        <v>12</v>
      </c>
    </row>
    <row r="8374" spans="1:4" x14ac:dyDescent="0.25">
      <c r="A8374" s="7">
        <f t="shared" si="393"/>
        <v>44910.583333313043</v>
      </c>
      <c r="B8374" s="8">
        <v>19.478804415885829</v>
      </c>
      <c r="C8374">
        <f t="shared" si="391"/>
        <v>14</v>
      </c>
      <c r="D8374">
        <f t="shared" si="392"/>
        <v>12</v>
      </c>
    </row>
    <row r="8375" spans="1:4" x14ac:dyDescent="0.25">
      <c r="A8375" s="7">
        <f t="shared" si="393"/>
        <v>44910.624999979707</v>
      </c>
      <c r="B8375" s="8">
        <v>16.126456882722987</v>
      </c>
      <c r="C8375">
        <f t="shared" si="391"/>
        <v>15</v>
      </c>
      <c r="D8375">
        <f t="shared" si="392"/>
        <v>12</v>
      </c>
    </row>
    <row r="8376" spans="1:4" x14ac:dyDescent="0.25">
      <c r="A8376" s="7">
        <f t="shared" si="393"/>
        <v>44910.666666646372</v>
      </c>
      <c r="B8376" s="8">
        <v>7.7605494976989196</v>
      </c>
      <c r="C8376">
        <f t="shared" si="391"/>
        <v>16</v>
      </c>
      <c r="D8376">
        <f t="shared" si="392"/>
        <v>12</v>
      </c>
    </row>
    <row r="8377" spans="1:4" x14ac:dyDescent="0.25">
      <c r="A8377" s="7">
        <f t="shared" si="393"/>
        <v>44910.708333313036</v>
      </c>
      <c r="B8377" s="8">
        <v>2.6674405436609265</v>
      </c>
      <c r="C8377">
        <f t="shared" si="391"/>
        <v>17</v>
      </c>
      <c r="D8377">
        <f t="shared" si="392"/>
        <v>12</v>
      </c>
    </row>
    <row r="8378" spans="1:4" x14ac:dyDescent="0.25">
      <c r="A8378" s="7">
        <f t="shared" si="393"/>
        <v>44910.7499999797</v>
      </c>
      <c r="B8378" s="8">
        <v>-4.9800999999999998E-2</v>
      </c>
      <c r="C8378">
        <f t="shared" si="391"/>
        <v>18</v>
      </c>
      <c r="D8378">
        <f t="shared" si="392"/>
        <v>12</v>
      </c>
    </row>
    <row r="8379" spans="1:4" x14ac:dyDescent="0.25">
      <c r="A8379" s="7">
        <f t="shared" si="393"/>
        <v>44910.791666646364</v>
      </c>
      <c r="B8379" s="8">
        <v>-4.9800999999999998E-2</v>
      </c>
      <c r="C8379">
        <f t="shared" si="391"/>
        <v>19</v>
      </c>
      <c r="D8379">
        <f t="shared" si="392"/>
        <v>12</v>
      </c>
    </row>
    <row r="8380" spans="1:4" x14ac:dyDescent="0.25">
      <c r="A8380" s="7">
        <f t="shared" si="393"/>
        <v>44910.833333313029</v>
      </c>
      <c r="B8380" s="8">
        <v>-4.9800999999999998E-2</v>
      </c>
      <c r="C8380">
        <f t="shared" si="391"/>
        <v>20</v>
      </c>
      <c r="D8380">
        <f t="shared" si="392"/>
        <v>12</v>
      </c>
    </row>
    <row r="8381" spans="1:4" x14ac:dyDescent="0.25">
      <c r="A8381" s="7">
        <f t="shared" si="393"/>
        <v>44910.874999979693</v>
      </c>
      <c r="B8381" s="8">
        <v>-4.9800999999999998E-2</v>
      </c>
      <c r="C8381">
        <f t="shared" si="391"/>
        <v>21</v>
      </c>
      <c r="D8381">
        <f t="shared" si="392"/>
        <v>12</v>
      </c>
    </row>
    <row r="8382" spans="1:4" x14ac:dyDescent="0.25">
      <c r="A8382" s="7">
        <f t="shared" si="393"/>
        <v>44910.916666646357</v>
      </c>
      <c r="B8382" s="8">
        <v>-4.9800999999999998E-2</v>
      </c>
      <c r="C8382">
        <f t="shared" si="391"/>
        <v>22</v>
      </c>
      <c r="D8382">
        <f t="shared" si="392"/>
        <v>12</v>
      </c>
    </row>
    <row r="8383" spans="1:4" x14ac:dyDescent="0.25">
      <c r="A8383" s="7">
        <f t="shared" si="393"/>
        <v>44910.958333313021</v>
      </c>
      <c r="B8383" s="8">
        <v>-4.9800999999999998E-2</v>
      </c>
      <c r="C8383">
        <f t="shared" si="391"/>
        <v>23</v>
      </c>
      <c r="D8383">
        <f t="shared" si="392"/>
        <v>12</v>
      </c>
    </row>
    <row r="8384" spans="1:4" x14ac:dyDescent="0.25">
      <c r="A8384" s="7">
        <f t="shared" si="393"/>
        <v>44910.999999979686</v>
      </c>
      <c r="B8384" s="8">
        <v>-4.9800999999999998E-2</v>
      </c>
      <c r="C8384">
        <f t="shared" si="391"/>
        <v>0</v>
      </c>
      <c r="D8384">
        <f t="shared" si="392"/>
        <v>12</v>
      </c>
    </row>
    <row r="8385" spans="1:4" x14ac:dyDescent="0.25">
      <c r="A8385" s="7">
        <f t="shared" si="393"/>
        <v>44911.04166664635</v>
      </c>
      <c r="B8385" s="8">
        <v>-4.9800999999999998E-2</v>
      </c>
      <c r="C8385">
        <f t="shared" si="391"/>
        <v>1</v>
      </c>
      <c r="D8385">
        <f t="shared" si="392"/>
        <v>12</v>
      </c>
    </row>
    <row r="8386" spans="1:4" x14ac:dyDescent="0.25">
      <c r="A8386" s="7">
        <f t="shared" si="393"/>
        <v>44911.083333313014</v>
      </c>
      <c r="B8386" s="8">
        <v>-4.9800999999999998E-2</v>
      </c>
      <c r="C8386">
        <f t="shared" si="391"/>
        <v>2</v>
      </c>
      <c r="D8386">
        <f t="shared" si="392"/>
        <v>12</v>
      </c>
    </row>
    <row r="8387" spans="1:4" x14ac:dyDescent="0.25">
      <c r="A8387" s="7">
        <f t="shared" si="393"/>
        <v>44911.124999979678</v>
      </c>
      <c r="B8387" s="8">
        <v>-4.9800999999999998E-2</v>
      </c>
      <c r="C8387">
        <f t="shared" si="391"/>
        <v>3</v>
      </c>
      <c r="D8387">
        <f t="shared" si="392"/>
        <v>12</v>
      </c>
    </row>
    <row r="8388" spans="1:4" x14ac:dyDescent="0.25">
      <c r="A8388" s="7">
        <f t="shared" si="393"/>
        <v>44911.166666646342</v>
      </c>
      <c r="B8388" s="8">
        <v>-4.9800999999999998E-2</v>
      </c>
      <c r="C8388">
        <f t="shared" si="391"/>
        <v>4</v>
      </c>
      <c r="D8388">
        <f t="shared" si="392"/>
        <v>12</v>
      </c>
    </row>
    <row r="8389" spans="1:4" x14ac:dyDescent="0.25">
      <c r="A8389" s="7">
        <f t="shared" si="393"/>
        <v>44911.208333313007</v>
      </c>
      <c r="B8389" s="8">
        <v>-4.9800999999999998E-2</v>
      </c>
      <c r="C8389">
        <f t="shared" si="391"/>
        <v>5</v>
      </c>
      <c r="D8389">
        <f t="shared" si="392"/>
        <v>12</v>
      </c>
    </row>
    <row r="8390" spans="1:4" x14ac:dyDescent="0.25">
      <c r="A8390" s="7">
        <f t="shared" si="393"/>
        <v>44911.249999979671</v>
      </c>
      <c r="B8390" s="8">
        <v>-4.9800999999999998E-2</v>
      </c>
      <c r="C8390">
        <f t="shared" si="391"/>
        <v>6</v>
      </c>
      <c r="D8390">
        <f t="shared" si="392"/>
        <v>12</v>
      </c>
    </row>
    <row r="8391" spans="1:4" x14ac:dyDescent="0.25">
      <c r="A8391" s="7">
        <f t="shared" si="393"/>
        <v>44911.291666646335</v>
      </c>
      <c r="B8391" s="8">
        <v>-4.9800999999999998E-2</v>
      </c>
      <c r="C8391">
        <f t="shared" si="391"/>
        <v>7</v>
      </c>
      <c r="D8391">
        <f t="shared" si="392"/>
        <v>12</v>
      </c>
    </row>
    <row r="8392" spans="1:4" x14ac:dyDescent="0.25">
      <c r="A8392" s="7">
        <f t="shared" si="393"/>
        <v>44911.333333312999</v>
      </c>
      <c r="B8392" s="8">
        <v>-4.9800999999999998E-2</v>
      </c>
      <c r="C8392">
        <f t="shared" si="391"/>
        <v>8</v>
      </c>
      <c r="D8392">
        <f t="shared" si="392"/>
        <v>12</v>
      </c>
    </row>
    <row r="8393" spans="1:4" x14ac:dyDescent="0.25">
      <c r="A8393" s="7">
        <f t="shared" si="393"/>
        <v>44911.374999979664</v>
      </c>
      <c r="B8393" s="8">
        <v>0.3279707678530876</v>
      </c>
      <c r="C8393">
        <f t="shared" si="391"/>
        <v>9</v>
      </c>
      <c r="D8393">
        <f t="shared" si="392"/>
        <v>12</v>
      </c>
    </row>
    <row r="8394" spans="1:4" x14ac:dyDescent="0.25">
      <c r="A8394" s="7">
        <f t="shared" si="393"/>
        <v>44911.416666646328</v>
      </c>
      <c r="B8394" s="8">
        <v>1.4169904119339172</v>
      </c>
      <c r="C8394">
        <f t="shared" ref="C8394:C8457" si="394">HOUR(A8394)</f>
        <v>10</v>
      </c>
      <c r="D8394">
        <f t="shared" ref="D8394:D8457" si="395">MONTH(A8394)</f>
        <v>12</v>
      </c>
    </row>
    <row r="8395" spans="1:4" x14ac:dyDescent="0.25">
      <c r="A8395" s="7">
        <f t="shared" ref="A8395:A8458" si="396">+A8394+1/24</f>
        <v>44911.458333312992</v>
      </c>
      <c r="B8395" s="8">
        <v>3.0854696018194123</v>
      </c>
      <c r="C8395">
        <f t="shared" si="394"/>
        <v>11</v>
      </c>
      <c r="D8395">
        <f t="shared" si="395"/>
        <v>12</v>
      </c>
    </row>
    <row r="8396" spans="1:4" x14ac:dyDescent="0.25">
      <c r="A8396" s="7">
        <f t="shared" si="396"/>
        <v>44911.499999979656</v>
      </c>
      <c r="B8396" s="8">
        <v>4.2907736135136005</v>
      </c>
      <c r="C8396">
        <f t="shared" si="394"/>
        <v>12</v>
      </c>
      <c r="D8396">
        <f t="shared" si="395"/>
        <v>12</v>
      </c>
    </row>
    <row r="8397" spans="1:4" x14ac:dyDescent="0.25">
      <c r="A8397" s="7">
        <f t="shared" si="396"/>
        <v>44911.541666646321</v>
      </c>
      <c r="B8397" s="8">
        <v>6.2017721330537743</v>
      </c>
      <c r="C8397">
        <f t="shared" si="394"/>
        <v>13</v>
      </c>
      <c r="D8397">
        <f t="shared" si="395"/>
        <v>12</v>
      </c>
    </row>
    <row r="8398" spans="1:4" x14ac:dyDescent="0.25">
      <c r="A8398" s="7">
        <f t="shared" si="396"/>
        <v>44911.583333312985</v>
      </c>
      <c r="B8398" s="8">
        <v>7.1567395951309747</v>
      </c>
      <c r="C8398">
        <f t="shared" si="394"/>
        <v>14</v>
      </c>
      <c r="D8398">
        <f t="shared" si="395"/>
        <v>12</v>
      </c>
    </row>
    <row r="8399" spans="1:4" x14ac:dyDescent="0.25">
      <c r="A8399" s="7">
        <f t="shared" si="396"/>
        <v>44911.624999979649</v>
      </c>
      <c r="B8399" s="8">
        <v>4.7203569041041824</v>
      </c>
      <c r="C8399">
        <f t="shared" si="394"/>
        <v>15</v>
      </c>
      <c r="D8399">
        <f t="shared" si="395"/>
        <v>12</v>
      </c>
    </row>
    <row r="8400" spans="1:4" x14ac:dyDescent="0.25">
      <c r="A8400" s="7">
        <f t="shared" si="396"/>
        <v>44911.666666646313</v>
      </c>
      <c r="B8400" s="8">
        <v>4.7658565253165772</v>
      </c>
      <c r="C8400">
        <f t="shared" si="394"/>
        <v>16</v>
      </c>
      <c r="D8400">
        <f t="shared" si="395"/>
        <v>12</v>
      </c>
    </row>
    <row r="8401" spans="1:4" x14ac:dyDescent="0.25">
      <c r="A8401" s="7">
        <f t="shared" si="396"/>
        <v>44911.708333312978</v>
      </c>
      <c r="B8401" s="8">
        <v>2.2895776705507025</v>
      </c>
      <c r="C8401">
        <f t="shared" si="394"/>
        <v>17</v>
      </c>
      <c r="D8401">
        <f t="shared" si="395"/>
        <v>12</v>
      </c>
    </row>
    <row r="8402" spans="1:4" x14ac:dyDescent="0.25">
      <c r="A8402" s="7">
        <f t="shared" si="396"/>
        <v>44911.749999979642</v>
      </c>
      <c r="B8402" s="8">
        <v>-4.9800999999999998E-2</v>
      </c>
      <c r="C8402">
        <f t="shared" si="394"/>
        <v>18</v>
      </c>
      <c r="D8402">
        <f t="shared" si="395"/>
        <v>12</v>
      </c>
    </row>
    <row r="8403" spans="1:4" x14ac:dyDescent="0.25">
      <c r="A8403" s="7">
        <f t="shared" si="396"/>
        <v>44911.791666646306</v>
      </c>
      <c r="B8403" s="8">
        <v>-4.9800999999999998E-2</v>
      </c>
      <c r="C8403">
        <f t="shared" si="394"/>
        <v>19</v>
      </c>
      <c r="D8403">
        <f t="shared" si="395"/>
        <v>12</v>
      </c>
    </row>
    <row r="8404" spans="1:4" x14ac:dyDescent="0.25">
      <c r="A8404" s="7">
        <f t="shared" si="396"/>
        <v>44911.83333331297</v>
      </c>
      <c r="B8404" s="8">
        <v>-4.9800999999999998E-2</v>
      </c>
      <c r="C8404">
        <f t="shared" si="394"/>
        <v>20</v>
      </c>
      <c r="D8404">
        <f t="shared" si="395"/>
        <v>12</v>
      </c>
    </row>
    <row r="8405" spans="1:4" x14ac:dyDescent="0.25">
      <c r="A8405" s="7">
        <f t="shared" si="396"/>
        <v>44911.874999979635</v>
      </c>
      <c r="B8405" s="8">
        <v>-4.9800999999999998E-2</v>
      </c>
      <c r="C8405">
        <f t="shared" si="394"/>
        <v>21</v>
      </c>
      <c r="D8405">
        <f t="shared" si="395"/>
        <v>12</v>
      </c>
    </row>
    <row r="8406" spans="1:4" x14ac:dyDescent="0.25">
      <c r="A8406" s="7">
        <f t="shared" si="396"/>
        <v>44911.916666646299</v>
      </c>
      <c r="B8406" s="8">
        <v>-4.9800999999999998E-2</v>
      </c>
      <c r="C8406">
        <f t="shared" si="394"/>
        <v>22</v>
      </c>
      <c r="D8406">
        <f t="shared" si="395"/>
        <v>12</v>
      </c>
    </row>
    <row r="8407" spans="1:4" x14ac:dyDescent="0.25">
      <c r="A8407" s="7">
        <f t="shared" si="396"/>
        <v>44911.958333312963</v>
      </c>
      <c r="B8407" s="8">
        <v>-4.9800999999999998E-2</v>
      </c>
      <c r="C8407">
        <f t="shared" si="394"/>
        <v>23</v>
      </c>
      <c r="D8407">
        <f t="shared" si="395"/>
        <v>12</v>
      </c>
    </row>
    <row r="8408" spans="1:4" x14ac:dyDescent="0.25">
      <c r="A8408" s="7">
        <f t="shared" si="396"/>
        <v>44911.999999979627</v>
      </c>
      <c r="B8408" s="8">
        <v>-4.9800999999999998E-2</v>
      </c>
      <c r="C8408">
        <f t="shared" si="394"/>
        <v>0</v>
      </c>
      <c r="D8408">
        <f t="shared" si="395"/>
        <v>12</v>
      </c>
    </row>
    <row r="8409" spans="1:4" x14ac:dyDescent="0.25">
      <c r="A8409" s="7">
        <f t="shared" si="396"/>
        <v>44912.041666646292</v>
      </c>
      <c r="B8409" s="8">
        <v>-4.9800999999999998E-2</v>
      </c>
      <c r="C8409">
        <f t="shared" si="394"/>
        <v>1</v>
      </c>
      <c r="D8409">
        <f t="shared" si="395"/>
        <v>12</v>
      </c>
    </row>
    <row r="8410" spans="1:4" x14ac:dyDescent="0.25">
      <c r="A8410" s="7">
        <f t="shared" si="396"/>
        <v>44912.083333312956</v>
      </c>
      <c r="B8410" s="8">
        <v>-4.9800999999999998E-2</v>
      </c>
      <c r="C8410">
        <f t="shared" si="394"/>
        <v>2</v>
      </c>
      <c r="D8410">
        <f t="shared" si="395"/>
        <v>12</v>
      </c>
    </row>
    <row r="8411" spans="1:4" x14ac:dyDescent="0.25">
      <c r="A8411" s="7">
        <f t="shared" si="396"/>
        <v>44912.12499997962</v>
      </c>
      <c r="B8411" s="8">
        <v>-4.9800999999999998E-2</v>
      </c>
      <c r="C8411">
        <f t="shared" si="394"/>
        <v>3</v>
      </c>
      <c r="D8411">
        <f t="shared" si="395"/>
        <v>12</v>
      </c>
    </row>
    <row r="8412" spans="1:4" x14ac:dyDescent="0.25">
      <c r="A8412" s="7">
        <f t="shared" si="396"/>
        <v>44912.166666646284</v>
      </c>
      <c r="B8412" s="8">
        <v>-4.9800999999999998E-2</v>
      </c>
      <c r="C8412">
        <f t="shared" si="394"/>
        <v>4</v>
      </c>
      <c r="D8412">
        <f t="shared" si="395"/>
        <v>12</v>
      </c>
    </row>
    <row r="8413" spans="1:4" x14ac:dyDescent="0.25">
      <c r="A8413" s="7">
        <f t="shared" si="396"/>
        <v>44912.208333312949</v>
      </c>
      <c r="B8413" s="8">
        <v>-4.9800999999999998E-2</v>
      </c>
      <c r="C8413">
        <f t="shared" si="394"/>
        <v>5</v>
      </c>
      <c r="D8413">
        <f t="shared" si="395"/>
        <v>12</v>
      </c>
    </row>
    <row r="8414" spans="1:4" x14ac:dyDescent="0.25">
      <c r="A8414" s="7">
        <f t="shared" si="396"/>
        <v>44912.249999979613</v>
      </c>
      <c r="B8414" s="8">
        <v>-4.9800999999999998E-2</v>
      </c>
      <c r="C8414">
        <f t="shared" si="394"/>
        <v>6</v>
      </c>
      <c r="D8414">
        <f t="shared" si="395"/>
        <v>12</v>
      </c>
    </row>
    <row r="8415" spans="1:4" x14ac:dyDescent="0.25">
      <c r="A8415" s="7">
        <f t="shared" si="396"/>
        <v>44912.291666646277</v>
      </c>
      <c r="B8415" s="8">
        <v>-4.9800999999999998E-2</v>
      </c>
      <c r="C8415">
        <f t="shared" si="394"/>
        <v>7</v>
      </c>
      <c r="D8415">
        <f t="shared" si="395"/>
        <v>12</v>
      </c>
    </row>
    <row r="8416" spans="1:4" x14ac:dyDescent="0.25">
      <c r="A8416" s="7">
        <f t="shared" si="396"/>
        <v>44912.333333312941</v>
      </c>
      <c r="B8416" s="8">
        <v>-4.9800999999999998E-2</v>
      </c>
      <c r="C8416">
        <f t="shared" si="394"/>
        <v>8</v>
      </c>
      <c r="D8416">
        <f t="shared" si="395"/>
        <v>12</v>
      </c>
    </row>
    <row r="8417" spans="1:4" x14ac:dyDescent="0.25">
      <c r="A8417" s="7">
        <f t="shared" si="396"/>
        <v>44912.374999979605</v>
      </c>
      <c r="B8417" s="8">
        <v>1.9222981898983493</v>
      </c>
      <c r="C8417">
        <f t="shared" si="394"/>
        <v>9</v>
      </c>
      <c r="D8417">
        <f t="shared" si="395"/>
        <v>12</v>
      </c>
    </row>
    <row r="8418" spans="1:4" x14ac:dyDescent="0.25">
      <c r="A8418" s="7">
        <f t="shared" si="396"/>
        <v>44912.41666664627</v>
      </c>
      <c r="B8418" s="8">
        <v>3.0499659221250708</v>
      </c>
      <c r="C8418">
        <f t="shared" si="394"/>
        <v>10</v>
      </c>
      <c r="D8418">
        <f t="shared" si="395"/>
        <v>12</v>
      </c>
    </row>
    <row r="8419" spans="1:4" x14ac:dyDescent="0.25">
      <c r="A8419" s="7">
        <f t="shared" si="396"/>
        <v>44912.458333312934</v>
      </c>
      <c r="B8419" s="8">
        <v>4.2695625121234517</v>
      </c>
      <c r="C8419">
        <f t="shared" si="394"/>
        <v>11</v>
      </c>
      <c r="D8419">
        <f t="shared" si="395"/>
        <v>12</v>
      </c>
    </row>
    <row r="8420" spans="1:4" x14ac:dyDescent="0.25">
      <c r="A8420" s="7">
        <f t="shared" si="396"/>
        <v>44912.499999979598</v>
      </c>
      <c r="B8420" s="8">
        <v>5.2987868648406415</v>
      </c>
      <c r="C8420">
        <f t="shared" si="394"/>
        <v>12</v>
      </c>
      <c r="D8420">
        <f t="shared" si="395"/>
        <v>12</v>
      </c>
    </row>
    <row r="8421" spans="1:4" x14ac:dyDescent="0.25">
      <c r="A8421" s="7">
        <f t="shared" si="396"/>
        <v>44912.541666646262</v>
      </c>
      <c r="B8421" s="8">
        <v>6.069407068924674</v>
      </c>
      <c r="C8421">
        <f t="shared" si="394"/>
        <v>13</v>
      </c>
      <c r="D8421">
        <f t="shared" si="395"/>
        <v>12</v>
      </c>
    </row>
    <row r="8422" spans="1:4" x14ac:dyDescent="0.25">
      <c r="A8422" s="7">
        <f t="shared" si="396"/>
        <v>44912.583333312927</v>
      </c>
      <c r="B8422" s="8">
        <v>6.562390744541144</v>
      </c>
      <c r="C8422">
        <f t="shared" si="394"/>
        <v>14</v>
      </c>
      <c r="D8422">
        <f t="shared" si="395"/>
        <v>12</v>
      </c>
    </row>
    <row r="8423" spans="1:4" x14ac:dyDescent="0.25">
      <c r="A8423" s="7">
        <f t="shared" si="396"/>
        <v>44912.624999979591</v>
      </c>
      <c r="B8423" s="8">
        <v>4.8506844410262318</v>
      </c>
      <c r="C8423">
        <f t="shared" si="394"/>
        <v>15</v>
      </c>
      <c r="D8423">
        <f t="shared" si="395"/>
        <v>12</v>
      </c>
    </row>
    <row r="8424" spans="1:4" x14ac:dyDescent="0.25">
      <c r="A8424" s="7">
        <f t="shared" si="396"/>
        <v>44912.666666646255</v>
      </c>
      <c r="B8424" s="8">
        <v>3.7096743581558651</v>
      </c>
      <c r="C8424">
        <f t="shared" si="394"/>
        <v>16</v>
      </c>
      <c r="D8424">
        <f t="shared" si="395"/>
        <v>12</v>
      </c>
    </row>
    <row r="8425" spans="1:4" x14ac:dyDescent="0.25">
      <c r="A8425" s="7">
        <f t="shared" si="396"/>
        <v>44912.708333312919</v>
      </c>
      <c r="B8425" s="8">
        <v>1.9912401954565166</v>
      </c>
      <c r="C8425">
        <f t="shared" si="394"/>
        <v>17</v>
      </c>
      <c r="D8425">
        <f t="shared" si="395"/>
        <v>12</v>
      </c>
    </row>
    <row r="8426" spans="1:4" x14ac:dyDescent="0.25">
      <c r="A8426" s="7">
        <f t="shared" si="396"/>
        <v>44912.749999979584</v>
      </c>
      <c r="B8426" s="8">
        <v>-4.9800999999999998E-2</v>
      </c>
      <c r="C8426">
        <f t="shared" si="394"/>
        <v>18</v>
      </c>
      <c r="D8426">
        <f t="shared" si="395"/>
        <v>12</v>
      </c>
    </row>
    <row r="8427" spans="1:4" x14ac:dyDescent="0.25">
      <c r="A8427" s="7">
        <f t="shared" si="396"/>
        <v>44912.791666646248</v>
      </c>
      <c r="B8427" s="8">
        <v>-4.9800999999999998E-2</v>
      </c>
      <c r="C8427">
        <f t="shared" si="394"/>
        <v>19</v>
      </c>
      <c r="D8427">
        <f t="shared" si="395"/>
        <v>12</v>
      </c>
    </row>
    <row r="8428" spans="1:4" x14ac:dyDescent="0.25">
      <c r="A8428" s="7">
        <f t="shared" si="396"/>
        <v>44912.833333312912</v>
      </c>
      <c r="B8428" s="8">
        <v>-4.9800999999999998E-2</v>
      </c>
      <c r="C8428">
        <f t="shared" si="394"/>
        <v>20</v>
      </c>
      <c r="D8428">
        <f t="shared" si="395"/>
        <v>12</v>
      </c>
    </row>
    <row r="8429" spans="1:4" x14ac:dyDescent="0.25">
      <c r="A8429" s="7">
        <f t="shared" si="396"/>
        <v>44912.874999979576</v>
      </c>
      <c r="B8429" s="8">
        <v>-4.9800999999999998E-2</v>
      </c>
      <c r="C8429">
        <f t="shared" si="394"/>
        <v>21</v>
      </c>
      <c r="D8429">
        <f t="shared" si="395"/>
        <v>12</v>
      </c>
    </row>
    <row r="8430" spans="1:4" x14ac:dyDescent="0.25">
      <c r="A8430" s="7">
        <f t="shared" si="396"/>
        <v>44912.916666646241</v>
      </c>
      <c r="B8430" s="8">
        <v>-4.9800999999999998E-2</v>
      </c>
      <c r="C8430">
        <f t="shared" si="394"/>
        <v>22</v>
      </c>
      <c r="D8430">
        <f t="shared" si="395"/>
        <v>12</v>
      </c>
    </row>
    <row r="8431" spans="1:4" x14ac:dyDescent="0.25">
      <c r="A8431" s="7">
        <f t="shared" si="396"/>
        <v>44912.958333312905</v>
      </c>
      <c r="B8431" s="8">
        <v>-4.9800999999999998E-2</v>
      </c>
      <c r="C8431">
        <f t="shared" si="394"/>
        <v>23</v>
      </c>
      <c r="D8431">
        <f t="shared" si="395"/>
        <v>12</v>
      </c>
    </row>
    <row r="8432" spans="1:4" x14ac:dyDescent="0.25">
      <c r="A8432" s="7">
        <f t="shared" si="396"/>
        <v>44912.999999979569</v>
      </c>
      <c r="B8432" s="8">
        <v>-4.9800999999999998E-2</v>
      </c>
      <c r="C8432">
        <f t="shared" si="394"/>
        <v>0</v>
      </c>
      <c r="D8432">
        <f t="shared" si="395"/>
        <v>12</v>
      </c>
    </row>
    <row r="8433" spans="1:4" x14ac:dyDescent="0.25">
      <c r="A8433" s="7">
        <f t="shared" si="396"/>
        <v>44913.041666646233</v>
      </c>
      <c r="B8433" s="8">
        <v>-4.9800999999999998E-2</v>
      </c>
      <c r="C8433">
        <f t="shared" si="394"/>
        <v>1</v>
      </c>
      <c r="D8433">
        <f t="shared" si="395"/>
        <v>12</v>
      </c>
    </row>
    <row r="8434" spans="1:4" x14ac:dyDescent="0.25">
      <c r="A8434" s="7">
        <f t="shared" si="396"/>
        <v>44913.083333312898</v>
      </c>
      <c r="B8434" s="8">
        <v>-4.9800999999999998E-2</v>
      </c>
      <c r="C8434">
        <f t="shared" si="394"/>
        <v>2</v>
      </c>
      <c r="D8434">
        <f t="shared" si="395"/>
        <v>12</v>
      </c>
    </row>
    <row r="8435" spans="1:4" x14ac:dyDescent="0.25">
      <c r="A8435" s="7">
        <f t="shared" si="396"/>
        <v>44913.124999979562</v>
      </c>
      <c r="B8435" s="8">
        <v>-4.9800999999999998E-2</v>
      </c>
      <c r="C8435">
        <f t="shared" si="394"/>
        <v>3</v>
      </c>
      <c r="D8435">
        <f t="shared" si="395"/>
        <v>12</v>
      </c>
    </row>
    <row r="8436" spans="1:4" x14ac:dyDescent="0.25">
      <c r="A8436" s="7">
        <f t="shared" si="396"/>
        <v>44913.166666646226</v>
      </c>
      <c r="B8436" s="8">
        <v>-4.9800999999999998E-2</v>
      </c>
      <c r="C8436">
        <f t="shared" si="394"/>
        <v>4</v>
      </c>
      <c r="D8436">
        <f t="shared" si="395"/>
        <v>12</v>
      </c>
    </row>
    <row r="8437" spans="1:4" x14ac:dyDescent="0.25">
      <c r="A8437" s="7">
        <f t="shared" si="396"/>
        <v>44913.20833331289</v>
      </c>
      <c r="B8437" s="8">
        <v>-4.9800999999999998E-2</v>
      </c>
      <c r="C8437">
        <f t="shared" si="394"/>
        <v>5</v>
      </c>
      <c r="D8437">
        <f t="shared" si="395"/>
        <v>12</v>
      </c>
    </row>
    <row r="8438" spans="1:4" x14ac:dyDescent="0.25">
      <c r="A8438" s="7">
        <f t="shared" si="396"/>
        <v>44913.249999979555</v>
      </c>
      <c r="B8438" s="8">
        <v>-4.9800999999999998E-2</v>
      </c>
      <c r="C8438">
        <f t="shared" si="394"/>
        <v>6</v>
      </c>
      <c r="D8438">
        <f t="shared" si="395"/>
        <v>12</v>
      </c>
    </row>
    <row r="8439" spans="1:4" x14ac:dyDescent="0.25">
      <c r="A8439" s="7">
        <f t="shared" si="396"/>
        <v>44913.291666646219</v>
      </c>
      <c r="B8439" s="8">
        <v>-4.9800999999999998E-2</v>
      </c>
      <c r="C8439">
        <f t="shared" si="394"/>
        <v>7</v>
      </c>
      <c r="D8439">
        <f t="shared" si="395"/>
        <v>12</v>
      </c>
    </row>
    <row r="8440" spans="1:4" x14ac:dyDescent="0.25">
      <c r="A8440" s="7">
        <f t="shared" si="396"/>
        <v>44913.333333312883</v>
      </c>
      <c r="B8440" s="8">
        <v>-4.9800999999999998E-2</v>
      </c>
      <c r="C8440">
        <f t="shared" si="394"/>
        <v>8</v>
      </c>
      <c r="D8440">
        <f t="shared" si="395"/>
        <v>12</v>
      </c>
    </row>
    <row r="8441" spans="1:4" x14ac:dyDescent="0.25">
      <c r="A8441" s="7">
        <f t="shared" si="396"/>
        <v>44913.374999979547</v>
      </c>
      <c r="B8441" s="8">
        <v>3.1509889326913796</v>
      </c>
      <c r="C8441">
        <f t="shared" si="394"/>
        <v>9</v>
      </c>
      <c r="D8441">
        <f t="shared" si="395"/>
        <v>12</v>
      </c>
    </row>
    <row r="8442" spans="1:4" x14ac:dyDescent="0.25">
      <c r="A8442" s="7">
        <f t="shared" si="396"/>
        <v>44913.416666646212</v>
      </c>
      <c r="B8442" s="8">
        <v>4.5413482353535679</v>
      </c>
      <c r="C8442">
        <f t="shared" si="394"/>
        <v>10</v>
      </c>
      <c r="D8442">
        <f t="shared" si="395"/>
        <v>12</v>
      </c>
    </row>
    <row r="8443" spans="1:4" x14ac:dyDescent="0.25">
      <c r="A8443" s="7">
        <f t="shared" si="396"/>
        <v>44913.458333312876</v>
      </c>
      <c r="B8443" s="8">
        <v>4.5843537666109482</v>
      </c>
      <c r="C8443">
        <f t="shared" si="394"/>
        <v>11</v>
      </c>
      <c r="D8443">
        <f t="shared" si="395"/>
        <v>12</v>
      </c>
    </row>
    <row r="8444" spans="1:4" x14ac:dyDescent="0.25">
      <c r="A8444" s="7">
        <f t="shared" si="396"/>
        <v>44913.49999997954</v>
      </c>
      <c r="B8444" s="8">
        <v>5.0705271337882705</v>
      </c>
      <c r="C8444">
        <f t="shared" si="394"/>
        <v>12</v>
      </c>
      <c r="D8444">
        <f t="shared" si="395"/>
        <v>12</v>
      </c>
    </row>
    <row r="8445" spans="1:4" x14ac:dyDescent="0.25">
      <c r="A8445" s="7">
        <f t="shared" si="396"/>
        <v>44913.541666646204</v>
      </c>
      <c r="B8445" s="8">
        <v>5.6072130368644304</v>
      </c>
      <c r="C8445">
        <f t="shared" si="394"/>
        <v>13</v>
      </c>
      <c r="D8445">
        <f t="shared" si="395"/>
        <v>12</v>
      </c>
    </row>
    <row r="8446" spans="1:4" x14ac:dyDescent="0.25">
      <c r="A8446" s="7">
        <f t="shared" si="396"/>
        <v>44913.583333312868</v>
      </c>
      <c r="B8446" s="8">
        <v>4.4719661568983788</v>
      </c>
      <c r="C8446">
        <f t="shared" si="394"/>
        <v>14</v>
      </c>
      <c r="D8446">
        <f t="shared" si="395"/>
        <v>12</v>
      </c>
    </row>
    <row r="8447" spans="1:4" x14ac:dyDescent="0.25">
      <c r="A8447" s="7">
        <f t="shared" si="396"/>
        <v>44913.624999979533</v>
      </c>
      <c r="B8447" s="8">
        <v>3.0703030614152809</v>
      </c>
      <c r="C8447">
        <f t="shared" si="394"/>
        <v>15</v>
      </c>
      <c r="D8447">
        <f t="shared" si="395"/>
        <v>12</v>
      </c>
    </row>
    <row r="8448" spans="1:4" x14ac:dyDescent="0.25">
      <c r="A8448" s="7">
        <f t="shared" si="396"/>
        <v>44913.666666646197</v>
      </c>
      <c r="B8448" s="8">
        <v>2.1567003904267077</v>
      </c>
      <c r="C8448">
        <f t="shared" si="394"/>
        <v>16</v>
      </c>
      <c r="D8448">
        <f t="shared" si="395"/>
        <v>12</v>
      </c>
    </row>
    <row r="8449" spans="1:4" x14ac:dyDescent="0.25">
      <c r="A8449" s="7">
        <f t="shared" si="396"/>
        <v>44913.708333312861</v>
      </c>
      <c r="B8449" s="8">
        <v>1.6268577754915796</v>
      </c>
      <c r="C8449">
        <f t="shared" si="394"/>
        <v>17</v>
      </c>
      <c r="D8449">
        <f t="shared" si="395"/>
        <v>12</v>
      </c>
    </row>
    <row r="8450" spans="1:4" x14ac:dyDescent="0.25">
      <c r="A8450" s="7">
        <f t="shared" si="396"/>
        <v>44913.749999979525</v>
      </c>
      <c r="B8450" s="8">
        <v>-4.9800999999999998E-2</v>
      </c>
      <c r="C8450">
        <f t="shared" si="394"/>
        <v>18</v>
      </c>
      <c r="D8450">
        <f t="shared" si="395"/>
        <v>12</v>
      </c>
    </row>
    <row r="8451" spans="1:4" x14ac:dyDescent="0.25">
      <c r="A8451" s="7">
        <f t="shared" si="396"/>
        <v>44913.79166664619</v>
      </c>
      <c r="B8451" s="8">
        <v>-4.9800999999999998E-2</v>
      </c>
      <c r="C8451">
        <f t="shared" si="394"/>
        <v>19</v>
      </c>
      <c r="D8451">
        <f t="shared" si="395"/>
        <v>12</v>
      </c>
    </row>
    <row r="8452" spans="1:4" x14ac:dyDescent="0.25">
      <c r="A8452" s="7">
        <f t="shared" si="396"/>
        <v>44913.833333312854</v>
      </c>
      <c r="B8452" s="8">
        <v>-4.9800999999999998E-2</v>
      </c>
      <c r="C8452">
        <f t="shared" si="394"/>
        <v>20</v>
      </c>
      <c r="D8452">
        <f t="shared" si="395"/>
        <v>12</v>
      </c>
    </row>
    <row r="8453" spans="1:4" x14ac:dyDescent="0.25">
      <c r="A8453" s="7">
        <f t="shared" si="396"/>
        <v>44913.874999979518</v>
      </c>
      <c r="B8453" s="8">
        <v>-4.9800999999999998E-2</v>
      </c>
      <c r="C8453">
        <f t="shared" si="394"/>
        <v>21</v>
      </c>
      <c r="D8453">
        <f t="shared" si="395"/>
        <v>12</v>
      </c>
    </row>
    <row r="8454" spans="1:4" x14ac:dyDescent="0.25">
      <c r="A8454" s="7">
        <f t="shared" si="396"/>
        <v>44913.916666646182</v>
      </c>
      <c r="B8454" s="8">
        <v>-4.9800999999999998E-2</v>
      </c>
      <c r="C8454">
        <f t="shared" si="394"/>
        <v>22</v>
      </c>
      <c r="D8454">
        <f t="shared" si="395"/>
        <v>12</v>
      </c>
    </row>
    <row r="8455" spans="1:4" x14ac:dyDescent="0.25">
      <c r="A8455" s="7">
        <f t="shared" si="396"/>
        <v>44913.958333312847</v>
      </c>
      <c r="B8455" s="8">
        <v>-4.9800999999999998E-2</v>
      </c>
      <c r="C8455">
        <f t="shared" si="394"/>
        <v>23</v>
      </c>
      <c r="D8455">
        <f t="shared" si="395"/>
        <v>12</v>
      </c>
    </row>
    <row r="8456" spans="1:4" x14ac:dyDescent="0.25">
      <c r="A8456" s="7">
        <f t="shared" si="396"/>
        <v>44913.999999979511</v>
      </c>
      <c r="B8456" s="8">
        <v>-4.9800999999999998E-2</v>
      </c>
      <c r="C8456">
        <f t="shared" si="394"/>
        <v>0</v>
      </c>
      <c r="D8456">
        <f t="shared" si="395"/>
        <v>12</v>
      </c>
    </row>
    <row r="8457" spans="1:4" x14ac:dyDescent="0.25">
      <c r="A8457" s="7">
        <f t="shared" si="396"/>
        <v>44914.041666646175</v>
      </c>
      <c r="B8457" s="8">
        <v>-4.9800999999999998E-2</v>
      </c>
      <c r="C8457">
        <f t="shared" si="394"/>
        <v>1</v>
      </c>
      <c r="D8457">
        <f t="shared" si="395"/>
        <v>12</v>
      </c>
    </row>
    <row r="8458" spans="1:4" x14ac:dyDescent="0.25">
      <c r="A8458" s="7">
        <f t="shared" si="396"/>
        <v>44914.083333312839</v>
      </c>
      <c r="B8458" s="8">
        <v>-4.9800999999999998E-2</v>
      </c>
      <c r="C8458">
        <f t="shared" ref="C8458:C8521" si="397">HOUR(A8458)</f>
        <v>2</v>
      </c>
      <c r="D8458">
        <f t="shared" ref="D8458:D8521" si="398">MONTH(A8458)</f>
        <v>12</v>
      </c>
    </row>
    <row r="8459" spans="1:4" x14ac:dyDescent="0.25">
      <c r="A8459" s="7">
        <f t="shared" ref="A8459:A8522" si="399">+A8458+1/24</f>
        <v>44914.124999979504</v>
      </c>
      <c r="B8459" s="8">
        <v>-4.9800999999999998E-2</v>
      </c>
      <c r="C8459">
        <f t="shared" si="397"/>
        <v>3</v>
      </c>
      <c r="D8459">
        <f t="shared" si="398"/>
        <v>12</v>
      </c>
    </row>
    <row r="8460" spans="1:4" x14ac:dyDescent="0.25">
      <c r="A8460" s="7">
        <f t="shared" si="399"/>
        <v>44914.166666646168</v>
      </c>
      <c r="B8460" s="8">
        <v>-4.9800999999999998E-2</v>
      </c>
      <c r="C8460">
        <f t="shared" si="397"/>
        <v>4</v>
      </c>
      <c r="D8460">
        <f t="shared" si="398"/>
        <v>12</v>
      </c>
    </row>
    <row r="8461" spans="1:4" x14ac:dyDescent="0.25">
      <c r="A8461" s="7">
        <f t="shared" si="399"/>
        <v>44914.208333312832</v>
      </c>
      <c r="B8461" s="8">
        <v>-4.9800999999999998E-2</v>
      </c>
      <c r="C8461">
        <f t="shared" si="397"/>
        <v>5</v>
      </c>
      <c r="D8461">
        <f t="shared" si="398"/>
        <v>12</v>
      </c>
    </row>
    <row r="8462" spans="1:4" x14ac:dyDescent="0.25">
      <c r="A8462" s="7">
        <f t="shared" si="399"/>
        <v>44914.249999979496</v>
      </c>
      <c r="B8462" s="8">
        <v>-4.9800999999999998E-2</v>
      </c>
      <c r="C8462">
        <f t="shared" si="397"/>
        <v>6</v>
      </c>
      <c r="D8462">
        <f t="shared" si="398"/>
        <v>12</v>
      </c>
    </row>
    <row r="8463" spans="1:4" x14ac:dyDescent="0.25">
      <c r="A8463" s="7">
        <f t="shared" si="399"/>
        <v>44914.291666646161</v>
      </c>
      <c r="B8463" s="8">
        <v>-4.9800999999999998E-2</v>
      </c>
      <c r="C8463">
        <f t="shared" si="397"/>
        <v>7</v>
      </c>
      <c r="D8463">
        <f t="shared" si="398"/>
        <v>12</v>
      </c>
    </row>
    <row r="8464" spans="1:4" x14ac:dyDescent="0.25">
      <c r="A8464" s="7">
        <f t="shared" si="399"/>
        <v>44914.333333312825</v>
      </c>
      <c r="B8464" s="8">
        <v>-4.9800999999999998E-2</v>
      </c>
      <c r="C8464">
        <f t="shared" si="397"/>
        <v>8</v>
      </c>
      <c r="D8464">
        <f t="shared" si="398"/>
        <v>12</v>
      </c>
    </row>
    <row r="8465" spans="1:4" x14ac:dyDescent="0.25">
      <c r="A8465" s="7">
        <f t="shared" si="399"/>
        <v>44914.374999979489</v>
      </c>
      <c r="B8465" s="8">
        <v>1.7046723514723596</v>
      </c>
      <c r="C8465">
        <f t="shared" si="397"/>
        <v>9</v>
      </c>
      <c r="D8465">
        <f t="shared" si="398"/>
        <v>12</v>
      </c>
    </row>
    <row r="8466" spans="1:4" x14ac:dyDescent="0.25">
      <c r="A8466" s="7">
        <f t="shared" si="399"/>
        <v>44914.416666646153</v>
      </c>
      <c r="B8466" s="8">
        <v>2.8229810626736715</v>
      </c>
      <c r="C8466">
        <f t="shared" si="397"/>
        <v>10</v>
      </c>
      <c r="D8466">
        <f t="shared" si="398"/>
        <v>12</v>
      </c>
    </row>
    <row r="8467" spans="1:4" x14ac:dyDescent="0.25">
      <c r="A8467" s="7">
        <f t="shared" si="399"/>
        <v>44914.458333312818</v>
      </c>
      <c r="B8467" s="8">
        <v>4.6718097523145232</v>
      </c>
      <c r="C8467">
        <f t="shared" si="397"/>
        <v>11</v>
      </c>
      <c r="D8467">
        <f t="shared" si="398"/>
        <v>12</v>
      </c>
    </row>
    <row r="8468" spans="1:4" x14ac:dyDescent="0.25">
      <c r="A8468" s="7">
        <f t="shared" si="399"/>
        <v>44914.499999979482</v>
      </c>
      <c r="B8468" s="8">
        <v>5.6528157196452149</v>
      </c>
      <c r="C8468">
        <f t="shared" si="397"/>
        <v>12</v>
      </c>
      <c r="D8468">
        <f t="shared" si="398"/>
        <v>12</v>
      </c>
    </row>
    <row r="8469" spans="1:4" x14ac:dyDescent="0.25">
      <c r="A8469" s="7">
        <f t="shared" si="399"/>
        <v>44914.541666646146</v>
      </c>
      <c r="B8469" s="8">
        <v>6.1009562762399279</v>
      </c>
      <c r="C8469">
        <f t="shared" si="397"/>
        <v>13</v>
      </c>
      <c r="D8469">
        <f t="shared" si="398"/>
        <v>12</v>
      </c>
    </row>
    <row r="8470" spans="1:4" x14ac:dyDescent="0.25">
      <c r="A8470" s="7">
        <f t="shared" si="399"/>
        <v>44914.58333331281</v>
      </c>
      <c r="B8470" s="8">
        <v>6.5320607555799324</v>
      </c>
      <c r="C8470">
        <f t="shared" si="397"/>
        <v>14</v>
      </c>
      <c r="D8470">
        <f t="shared" si="398"/>
        <v>12</v>
      </c>
    </row>
    <row r="8471" spans="1:4" x14ac:dyDescent="0.25">
      <c r="A8471" s="7">
        <f t="shared" si="399"/>
        <v>44914.624999979475</v>
      </c>
      <c r="B8471" s="8">
        <v>4.4211629873766833</v>
      </c>
      <c r="C8471">
        <f t="shared" si="397"/>
        <v>15</v>
      </c>
      <c r="D8471">
        <f t="shared" si="398"/>
        <v>12</v>
      </c>
    </row>
    <row r="8472" spans="1:4" x14ac:dyDescent="0.25">
      <c r="A8472" s="7">
        <f t="shared" si="399"/>
        <v>44914.666666646139</v>
      </c>
      <c r="B8472" s="8">
        <v>3.188144689326998</v>
      </c>
      <c r="C8472">
        <f t="shared" si="397"/>
        <v>16</v>
      </c>
      <c r="D8472">
        <f t="shared" si="398"/>
        <v>12</v>
      </c>
    </row>
    <row r="8473" spans="1:4" x14ac:dyDescent="0.25">
      <c r="A8473" s="7">
        <f t="shared" si="399"/>
        <v>44914.708333312803</v>
      </c>
      <c r="B8473" s="8">
        <v>2.0177991616303732</v>
      </c>
      <c r="C8473">
        <f t="shared" si="397"/>
        <v>17</v>
      </c>
      <c r="D8473">
        <f t="shared" si="398"/>
        <v>12</v>
      </c>
    </row>
    <row r="8474" spans="1:4" x14ac:dyDescent="0.25">
      <c r="A8474" s="7">
        <f t="shared" si="399"/>
        <v>44914.749999979467</v>
      </c>
      <c r="B8474" s="8">
        <v>-4.9800999999999998E-2</v>
      </c>
      <c r="C8474">
        <f t="shared" si="397"/>
        <v>18</v>
      </c>
      <c r="D8474">
        <f t="shared" si="398"/>
        <v>12</v>
      </c>
    </row>
    <row r="8475" spans="1:4" x14ac:dyDescent="0.25">
      <c r="A8475" s="7">
        <f t="shared" si="399"/>
        <v>44914.791666646131</v>
      </c>
      <c r="B8475" s="8">
        <v>-4.9800999999999998E-2</v>
      </c>
      <c r="C8475">
        <f t="shared" si="397"/>
        <v>19</v>
      </c>
      <c r="D8475">
        <f t="shared" si="398"/>
        <v>12</v>
      </c>
    </row>
    <row r="8476" spans="1:4" x14ac:dyDescent="0.25">
      <c r="A8476" s="7">
        <f t="shared" si="399"/>
        <v>44914.833333312796</v>
      </c>
      <c r="B8476" s="8">
        <v>-4.9800999999999998E-2</v>
      </c>
      <c r="C8476">
        <f t="shared" si="397"/>
        <v>20</v>
      </c>
      <c r="D8476">
        <f t="shared" si="398"/>
        <v>12</v>
      </c>
    </row>
    <row r="8477" spans="1:4" x14ac:dyDescent="0.25">
      <c r="A8477" s="7">
        <f t="shared" si="399"/>
        <v>44914.87499997946</v>
      </c>
      <c r="B8477" s="8">
        <v>-4.9800999999999998E-2</v>
      </c>
      <c r="C8477">
        <f t="shared" si="397"/>
        <v>21</v>
      </c>
      <c r="D8477">
        <f t="shared" si="398"/>
        <v>12</v>
      </c>
    </row>
    <row r="8478" spans="1:4" x14ac:dyDescent="0.25">
      <c r="A8478" s="7">
        <f t="shared" si="399"/>
        <v>44914.916666646124</v>
      </c>
      <c r="B8478" s="8">
        <v>-4.9800999999999998E-2</v>
      </c>
      <c r="C8478">
        <f t="shared" si="397"/>
        <v>22</v>
      </c>
      <c r="D8478">
        <f t="shared" si="398"/>
        <v>12</v>
      </c>
    </row>
    <row r="8479" spans="1:4" x14ac:dyDescent="0.25">
      <c r="A8479" s="7">
        <f t="shared" si="399"/>
        <v>44914.958333312788</v>
      </c>
      <c r="B8479" s="8">
        <v>-4.9800999999999998E-2</v>
      </c>
      <c r="C8479">
        <f t="shared" si="397"/>
        <v>23</v>
      </c>
      <c r="D8479">
        <f t="shared" si="398"/>
        <v>12</v>
      </c>
    </row>
    <row r="8480" spans="1:4" x14ac:dyDescent="0.25">
      <c r="A8480" s="7">
        <f t="shared" si="399"/>
        <v>44914.999999979453</v>
      </c>
      <c r="B8480" s="8">
        <v>-4.9800999999999998E-2</v>
      </c>
      <c r="C8480">
        <f t="shared" si="397"/>
        <v>0</v>
      </c>
      <c r="D8480">
        <f t="shared" si="398"/>
        <v>12</v>
      </c>
    </row>
    <row r="8481" spans="1:4" x14ac:dyDescent="0.25">
      <c r="A8481" s="7">
        <f t="shared" si="399"/>
        <v>44915.041666646117</v>
      </c>
      <c r="B8481" s="8">
        <v>-4.9800999999999998E-2</v>
      </c>
      <c r="C8481">
        <f t="shared" si="397"/>
        <v>1</v>
      </c>
      <c r="D8481">
        <f t="shared" si="398"/>
        <v>12</v>
      </c>
    </row>
    <row r="8482" spans="1:4" x14ac:dyDescent="0.25">
      <c r="A8482" s="7">
        <f t="shared" si="399"/>
        <v>44915.083333312781</v>
      </c>
      <c r="B8482" s="8">
        <v>-4.9800999999999998E-2</v>
      </c>
      <c r="C8482">
        <f t="shared" si="397"/>
        <v>2</v>
      </c>
      <c r="D8482">
        <f t="shared" si="398"/>
        <v>12</v>
      </c>
    </row>
    <row r="8483" spans="1:4" x14ac:dyDescent="0.25">
      <c r="A8483" s="7">
        <f t="shared" si="399"/>
        <v>44915.124999979445</v>
      </c>
      <c r="B8483" s="8">
        <v>-4.9800999999999998E-2</v>
      </c>
      <c r="C8483">
        <f t="shared" si="397"/>
        <v>3</v>
      </c>
      <c r="D8483">
        <f t="shared" si="398"/>
        <v>12</v>
      </c>
    </row>
    <row r="8484" spans="1:4" x14ac:dyDescent="0.25">
      <c r="A8484" s="7">
        <f t="shared" si="399"/>
        <v>44915.16666664611</v>
      </c>
      <c r="B8484" s="8">
        <v>-4.9800999999999998E-2</v>
      </c>
      <c r="C8484">
        <f t="shared" si="397"/>
        <v>4</v>
      </c>
      <c r="D8484">
        <f t="shared" si="398"/>
        <v>12</v>
      </c>
    </row>
    <row r="8485" spans="1:4" x14ac:dyDescent="0.25">
      <c r="A8485" s="7">
        <f t="shared" si="399"/>
        <v>44915.208333312774</v>
      </c>
      <c r="B8485" s="8">
        <v>-4.9800999999999998E-2</v>
      </c>
      <c r="C8485">
        <f t="shared" si="397"/>
        <v>5</v>
      </c>
      <c r="D8485">
        <f t="shared" si="398"/>
        <v>12</v>
      </c>
    </row>
    <row r="8486" spans="1:4" x14ac:dyDescent="0.25">
      <c r="A8486" s="7">
        <f t="shared" si="399"/>
        <v>44915.249999979438</v>
      </c>
      <c r="B8486" s="8">
        <v>-4.9800999999999998E-2</v>
      </c>
      <c r="C8486">
        <f t="shared" si="397"/>
        <v>6</v>
      </c>
      <c r="D8486">
        <f t="shared" si="398"/>
        <v>12</v>
      </c>
    </row>
    <row r="8487" spans="1:4" x14ac:dyDescent="0.25">
      <c r="A8487" s="7">
        <f t="shared" si="399"/>
        <v>44915.291666646102</v>
      </c>
      <c r="B8487" s="8">
        <v>-4.9800999999999998E-2</v>
      </c>
      <c r="C8487">
        <f t="shared" si="397"/>
        <v>7</v>
      </c>
      <c r="D8487">
        <f t="shared" si="398"/>
        <v>12</v>
      </c>
    </row>
    <row r="8488" spans="1:4" x14ac:dyDescent="0.25">
      <c r="A8488" s="7">
        <f t="shared" si="399"/>
        <v>44915.333333312767</v>
      </c>
      <c r="B8488" s="8">
        <v>-4.9800999999999998E-2</v>
      </c>
      <c r="C8488">
        <f t="shared" si="397"/>
        <v>8</v>
      </c>
      <c r="D8488">
        <f t="shared" si="398"/>
        <v>12</v>
      </c>
    </row>
    <row r="8489" spans="1:4" x14ac:dyDescent="0.25">
      <c r="A8489" s="7">
        <f t="shared" si="399"/>
        <v>44915.374999979431</v>
      </c>
      <c r="B8489" s="8">
        <v>2.2095276891515638</v>
      </c>
      <c r="C8489">
        <f t="shared" si="397"/>
        <v>9</v>
      </c>
      <c r="D8489">
        <f t="shared" si="398"/>
        <v>12</v>
      </c>
    </row>
    <row r="8490" spans="1:4" x14ac:dyDescent="0.25">
      <c r="A8490" s="7">
        <f t="shared" si="399"/>
        <v>44915.416666646095</v>
      </c>
      <c r="B8490" s="8">
        <v>2.8330326574386548</v>
      </c>
      <c r="C8490">
        <f t="shared" si="397"/>
        <v>10</v>
      </c>
      <c r="D8490">
        <f t="shared" si="398"/>
        <v>12</v>
      </c>
    </row>
    <row r="8491" spans="1:4" x14ac:dyDescent="0.25">
      <c r="A8491" s="7">
        <f t="shared" si="399"/>
        <v>44915.458333312759</v>
      </c>
      <c r="B8491" s="8">
        <v>3.8853881485650823</v>
      </c>
      <c r="C8491">
        <f t="shared" si="397"/>
        <v>11</v>
      </c>
      <c r="D8491">
        <f t="shared" si="398"/>
        <v>12</v>
      </c>
    </row>
    <row r="8492" spans="1:4" x14ac:dyDescent="0.25">
      <c r="A8492" s="7">
        <f t="shared" si="399"/>
        <v>44915.499999979424</v>
      </c>
      <c r="B8492" s="8">
        <v>4.9481260620910215</v>
      </c>
      <c r="C8492">
        <f t="shared" si="397"/>
        <v>12</v>
      </c>
      <c r="D8492">
        <f t="shared" si="398"/>
        <v>12</v>
      </c>
    </row>
    <row r="8493" spans="1:4" x14ac:dyDescent="0.25">
      <c r="A8493" s="7">
        <f t="shared" si="399"/>
        <v>44915.541666646088</v>
      </c>
      <c r="B8493" s="8">
        <v>7.7234050778358245</v>
      </c>
      <c r="C8493">
        <f t="shared" si="397"/>
        <v>13</v>
      </c>
      <c r="D8493">
        <f t="shared" si="398"/>
        <v>12</v>
      </c>
    </row>
    <row r="8494" spans="1:4" x14ac:dyDescent="0.25">
      <c r="A8494" s="7">
        <f t="shared" si="399"/>
        <v>44915.583333312752</v>
      </c>
      <c r="B8494" s="8">
        <v>15.664451453332898</v>
      </c>
      <c r="C8494">
        <f t="shared" si="397"/>
        <v>14</v>
      </c>
      <c r="D8494">
        <f t="shared" si="398"/>
        <v>12</v>
      </c>
    </row>
    <row r="8495" spans="1:4" x14ac:dyDescent="0.25">
      <c r="A8495" s="7">
        <f t="shared" si="399"/>
        <v>44915.624999979416</v>
      </c>
      <c r="B8495" s="8">
        <v>14.967943853693109</v>
      </c>
      <c r="C8495">
        <f t="shared" si="397"/>
        <v>15</v>
      </c>
      <c r="D8495">
        <f t="shared" si="398"/>
        <v>12</v>
      </c>
    </row>
    <row r="8496" spans="1:4" x14ac:dyDescent="0.25">
      <c r="A8496" s="7">
        <f t="shared" si="399"/>
        <v>44915.666666646081</v>
      </c>
      <c r="B8496" s="8">
        <v>6.4167956668779409</v>
      </c>
      <c r="C8496">
        <f t="shared" si="397"/>
        <v>16</v>
      </c>
      <c r="D8496">
        <f t="shared" si="398"/>
        <v>12</v>
      </c>
    </row>
    <row r="8497" spans="1:4" x14ac:dyDescent="0.25">
      <c r="A8497" s="7">
        <f t="shared" si="399"/>
        <v>44915.708333312745</v>
      </c>
      <c r="B8497" s="8">
        <v>2.0530080852391226</v>
      </c>
      <c r="C8497">
        <f t="shared" si="397"/>
        <v>17</v>
      </c>
      <c r="D8497">
        <f t="shared" si="398"/>
        <v>12</v>
      </c>
    </row>
    <row r="8498" spans="1:4" x14ac:dyDescent="0.25">
      <c r="A8498" s="7">
        <f t="shared" si="399"/>
        <v>44915.749999979409</v>
      </c>
      <c r="B8498" s="8">
        <v>-4.9800999999999998E-2</v>
      </c>
      <c r="C8498">
        <f t="shared" si="397"/>
        <v>18</v>
      </c>
      <c r="D8498">
        <f t="shared" si="398"/>
        <v>12</v>
      </c>
    </row>
    <row r="8499" spans="1:4" x14ac:dyDescent="0.25">
      <c r="A8499" s="7">
        <f t="shared" si="399"/>
        <v>44915.791666646073</v>
      </c>
      <c r="B8499" s="8">
        <v>-4.9800999999999998E-2</v>
      </c>
      <c r="C8499">
        <f t="shared" si="397"/>
        <v>19</v>
      </c>
      <c r="D8499">
        <f t="shared" si="398"/>
        <v>12</v>
      </c>
    </row>
    <row r="8500" spans="1:4" x14ac:dyDescent="0.25">
      <c r="A8500" s="7">
        <f t="shared" si="399"/>
        <v>44915.833333312738</v>
      </c>
      <c r="B8500" s="8">
        <v>-4.9800999999999998E-2</v>
      </c>
      <c r="C8500">
        <f t="shared" si="397"/>
        <v>20</v>
      </c>
      <c r="D8500">
        <f t="shared" si="398"/>
        <v>12</v>
      </c>
    </row>
    <row r="8501" spans="1:4" x14ac:dyDescent="0.25">
      <c r="A8501" s="7">
        <f t="shared" si="399"/>
        <v>44915.874999979402</v>
      </c>
      <c r="B8501" s="8">
        <v>-4.9800999999999998E-2</v>
      </c>
      <c r="C8501">
        <f t="shared" si="397"/>
        <v>21</v>
      </c>
      <c r="D8501">
        <f t="shared" si="398"/>
        <v>12</v>
      </c>
    </row>
    <row r="8502" spans="1:4" x14ac:dyDescent="0.25">
      <c r="A8502" s="7">
        <f t="shared" si="399"/>
        <v>44915.916666646066</v>
      </c>
      <c r="B8502" s="8">
        <v>-4.9800999999999998E-2</v>
      </c>
      <c r="C8502">
        <f t="shared" si="397"/>
        <v>22</v>
      </c>
      <c r="D8502">
        <f t="shared" si="398"/>
        <v>12</v>
      </c>
    </row>
    <row r="8503" spans="1:4" x14ac:dyDescent="0.25">
      <c r="A8503" s="7">
        <f t="shared" si="399"/>
        <v>44915.95833331273</v>
      </c>
      <c r="B8503" s="8">
        <v>-4.9800999999999998E-2</v>
      </c>
      <c r="C8503">
        <f t="shared" si="397"/>
        <v>23</v>
      </c>
      <c r="D8503">
        <f t="shared" si="398"/>
        <v>12</v>
      </c>
    </row>
    <row r="8504" spans="1:4" x14ac:dyDescent="0.25">
      <c r="A8504" s="7">
        <f t="shared" si="399"/>
        <v>44915.999999979394</v>
      </c>
      <c r="B8504" s="8">
        <v>-4.9800999999999998E-2</v>
      </c>
      <c r="C8504">
        <f t="shared" si="397"/>
        <v>0</v>
      </c>
      <c r="D8504">
        <f t="shared" si="398"/>
        <v>12</v>
      </c>
    </row>
    <row r="8505" spans="1:4" x14ac:dyDescent="0.25">
      <c r="A8505" s="7">
        <f t="shared" si="399"/>
        <v>44916.041666646059</v>
      </c>
      <c r="B8505" s="8">
        <v>-4.9800999999999998E-2</v>
      </c>
      <c r="C8505">
        <f t="shared" si="397"/>
        <v>1</v>
      </c>
      <c r="D8505">
        <f t="shared" si="398"/>
        <v>12</v>
      </c>
    </row>
    <row r="8506" spans="1:4" x14ac:dyDescent="0.25">
      <c r="A8506" s="7">
        <f t="shared" si="399"/>
        <v>44916.083333312723</v>
      </c>
      <c r="B8506" s="8">
        <v>-4.9800999999999998E-2</v>
      </c>
      <c r="C8506">
        <f t="shared" si="397"/>
        <v>2</v>
      </c>
      <c r="D8506">
        <f t="shared" si="398"/>
        <v>12</v>
      </c>
    </row>
    <row r="8507" spans="1:4" x14ac:dyDescent="0.25">
      <c r="A8507" s="7">
        <f t="shared" si="399"/>
        <v>44916.124999979387</v>
      </c>
      <c r="B8507" s="8">
        <v>-4.9800999999999998E-2</v>
      </c>
      <c r="C8507">
        <f t="shared" si="397"/>
        <v>3</v>
      </c>
      <c r="D8507">
        <f t="shared" si="398"/>
        <v>12</v>
      </c>
    </row>
    <row r="8508" spans="1:4" x14ac:dyDescent="0.25">
      <c r="A8508" s="7">
        <f t="shared" si="399"/>
        <v>44916.166666646051</v>
      </c>
      <c r="B8508" s="8">
        <v>-4.9800999999999998E-2</v>
      </c>
      <c r="C8508">
        <f t="shared" si="397"/>
        <v>4</v>
      </c>
      <c r="D8508">
        <f t="shared" si="398"/>
        <v>12</v>
      </c>
    </row>
    <row r="8509" spans="1:4" x14ac:dyDescent="0.25">
      <c r="A8509" s="7">
        <f t="shared" si="399"/>
        <v>44916.208333312716</v>
      </c>
      <c r="B8509" s="8">
        <v>-4.9800999999999998E-2</v>
      </c>
      <c r="C8509">
        <f t="shared" si="397"/>
        <v>5</v>
      </c>
      <c r="D8509">
        <f t="shared" si="398"/>
        <v>12</v>
      </c>
    </row>
    <row r="8510" spans="1:4" x14ac:dyDescent="0.25">
      <c r="A8510" s="7">
        <f t="shared" si="399"/>
        <v>44916.24999997938</v>
      </c>
      <c r="B8510" s="8">
        <v>-4.9800999999999998E-2</v>
      </c>
      <c r="C8510">
        <f t="shared" si="397"/>
        <v>6</v>
      </c>
      <c r="D8510">
        <f t="shared" si="398"/>
        <v>12</v>
      </c>
    </row>
    <row r="8511" spans="1:4" x14ac:dyDescent="0.25">
      <c r="A8511" s="7">
        <f t="shared" si="399"/>
        <v>44916.291666646044</v>
      </c>
      <c r="B8511" s="8">
        <v>-4.9800999999999998E-2</v>
      </c>
      <c r="C8511">
        <f t="shared" si="397"/>
        <v>7</v>
      </c>
      <c r="D8511">
        <f t="shared" si="398"/>
        <v>12</v>
      </c>
    </row>
    <row r="8512" spans="1:4" x14ac:dyDescent="0.25">
      <c r="A8512" s="7">
        <f t="shared" si="399"/>
        <v>44916.333333312708</v>
      </c>
      <c r="B8512" s="8">
        <v>-4.9800999999999998E-2</v>
      </c>
      <c r="C8512">
        <f t="shared" si="397"/>
        <v>8</v>
      </c>
      <c r="D8512">
        <f t="shared" si="398"/>
        <v>12</v>
      </c>
    </row>
    <row r="8513" spans="1:4" x14ac:dyDescent="0.25">
      <c r="A8513" s="7">
        <f t="shared" si="399"/>
        <v>44916.374999979373</v>
      </c>
      <c r="B8513" s="8">
        <v>2.9755060001953537</v>
      </c>
      <c r="C8513">
        <f t="shared" si="397"/>
        <v>9</v>
      </c>
      <c r="D8513">
        <f t="shared" si="398"/>
        <v>12</v>
      </c>
    </row>
    <row r="8514" spans="1:4" x14ac:dyDescent="0.25">
      <c r="A8514" s="7">
        <f t="shared" si="399"/>
        <v>44916.416666646037</v>
      </c>
      <c r="B8514" s="8">
        <v>6.1334825072235102</v>
      </c>
      <c r="C8514">
        <f t="shared" si="397"/>
        <v>10</v>
      </c>
      <c r="D8514">
        <f t="shared" si="398"/>
        <v>12</v>
      </c>
    </row>
    <row r="8515" spans="1:4" x14ac:dyDescent="0.25">
      <c r="A8515" s="7">
        <f t="shared" si="399"/>
        <v>44916.458333312701</v>
      </c>
      <c r="B8515" s="8">
        <v>8.9856475142179093</v>
      </c>
      <c r="C8515">
        <f t="shared" si="397"/>
        <v>11</v>
      </c>
      <c r="D8515">
        <f t="shared" si="398"/>
        <v>12</v>
      </c>
    </row>
    <row r="8516" spans="1:4" x14ac:dyDescent="0.25">
      <c r="A8516" s="7">
        <f t="shared" si="399"/>
        <v>44916.499999979365</v>
      </c>
      <c r="B8516" s="8">
        <v>10.673383758156895</v>
      </c>
      <c r="C8516">
        <f t="shared" si="397"/>
        <v>12</v>
      </c>
      <c r="D8516">
        <f t="shared" si="398"/>
        <v>12</v>
      </c>
    </row>
    <row r="8517" spans="1:4" x14ac:dyDescent="0.25">
      <c r="A8517" s="7">
        <f t="shared" si="399"/>
        <v>44916.54166664603</v>
      </c>
      <c r="B8517" s="8">
        <v>8.5346119581671473</v>
      </c>
      <c r="C8517">
        <f t="shared" si="397"/>
        <v>13</v>
      </c>
      <c r="D8517">
        <f t="shared" si="398"/>
        <v>12</v>
      </c>
    </row>
    <row r="8518" spans="1:4" x14ac:dyDescent="0.25">
      <c r="A8518" s="7">
        <f t="shared" si="399"/>
        <v>44916.583333312694</v>
      </c>
      <c r="B8518" s="8">
        <v>7.5295761555508651</v>
      </c>
      <c r="C8518">
        <f t="shared" si="397"/>
        <v>14</v>
      </c>
      <c r="D8518">
        <f t="shared" si="398"/>
        <v>12</v>
      </c>
    </row>
    <row r="8519" spans="1:4" x14ac:dyDescent="0.25">
      <c r="A8519" s="7">
        <f t="shared" si="399"/>
        <v>44916.624999979358</v>
      </c>
      <c r="B8519" s="8">
        <v>7.6921176469042782</v>
      </c>
      <c r="C8519">
        <f t="shared" si="397"/>
        <v>15</v>
      </c>
      <c r="D8519">
        <f t="shared" si="398"/>
        <v>12</v>
      </c>
    </row>
    <row r="8520" spans="1:4" x14ac:dyDescent="0.25">
      <c r="A8520" s="7">
        <f t="shared" si="399"/>
        <v>44916.666666646022</v>
      </c>
      <c r="B8520" s="8">
        <v>6.0185843177049838</v>
      </c>
      <c r="C8520">
        <f t="shared" si="397"/>
        <v>16</v>
      </c>
      <c r="D8520">
        <f t="shared" si="398"/>
        <v>12</v>
      </c>
    </row>
    <row r="8521" spans="1:4" x14ac:dyDescent="0.25">
      <c r="A8521" s="7">
        <f t="shared" si="399"/>
        <v>44916.708333312687</v>
      </c>
      <c r="B8521" s="8">
        <v>2.5801597626236124</v>
      </c>
      <c r="C8521">
        <f t="shared" si="397"/>
        <v>17</v>
      </c>
      <c r="D8521">
        <f t="shared" si="398"/>
        <v>12</v>
      </c>
    </row>
    <row r="8522" spans="1:4" x14ac:dyDescent="0.25">
      <c r="A8522" s="7">
        <f t="shared" si="399"/>
        <v>44916.749999979351</v>
      </c>
      <c r="B8522" s="8">
        <v>-4.9800999999999998E-2</v>
      </c>
      <c r="C8522">
        <f t="shared" ref="C8522:C8585" si="400">HOUR(A8522)</f>
        <v>18</v>
      </c>
      <c r="D8522">
        <f t="shared" ref="D8522:D8585" si="401">MONTH(A8522)</f>
        <v>12</v>
      </c>
    </row>
    <row r="8523" spans="1:4" x14ac:dyDescent="0.25">
      <c r="A8523" s="7">
        <f t="shared" ref="A8523:A8586" si="402">+A8522+1/24</f>
        <v>44916.791666646015</v>
      </c>
      <c r="B8523" s="8">
        <v>-4.9800999999999998E-2</v>
      </c>
      <c r="C8523">
        <f t="shared" si="400"/>
        <v>19</v>
      </c>
      <c r="D8523">
        <f t="shared" si="401"/>
        <v>12</v>
      </c>
    </row>
    <row r="8524" spans="1:4" x14ac:dyDescent="0.25">
      <c r="A8524" s="7">
        <f t="shared" si="402"/>
        <v>44916.833333312679</v>
      </c>
      <c r="B8524" s="8">
        <v>-4.9800999999999998E-2</v>
      </c>
      <c r="C8524">
        <f t="shared" si="400"/>
        <v>20</v>
      </c>
      <c r="D8524">
        <f t="shared" si="401"/>
        <v>12</v>
      </c>
    </row>
    <row r="8525" spans="1:4" x14ac:dyDescent="0.25">
      <c r="A8525" s="7">
        <f t="shared" si="402"/>
        <v>44916.874999979344</v>
      </c>
      <c r="B8525" s="8">
        <v>-4.9800999999999998E-2</v>
      </c>
      <c r="C8525">
        <f t="shared" si="400"/>
        <v>21</v>
      </c>
      <c r="D8525">
        <f t="shared" si="401"/>
        <v>12</v>
      </c>
    </row>
    <row r="8526" spans="1:4" x14ac:dyDescent="0.25">
      <c r="A8526" s="7">
        <f t="shared" si="402"/>
        <v>44916.916666646008</v>
      </c>
      <c r="B8526" s="8">
        <v>-4.9800999999999998E-2</v>
      </c>
      <c r="C8526">
        <f t="shared" si="400"/>
        <v>22</v>
      </c>
      <c r="D8526">
        <f t="shared" si="401"/>
        <v>12</v>
      </c>
    </row>
    <row r="8527" spans="1:4" x14ac:dyDescent="0.25">
      <c r="A8527" s="7">
        <f t="shared" si="402"/>
        <v>44916.958333312672</v>
      </c>
      <c r="B8527" s="8">
        <v>-4.9800999999999998E-2</v>
      </c>
      <c r="C8527">
        <f t="shared" si="400"/>
        <v>23</v>
      </c>
      <c r="D8527">
        <f t="shared" si="401"/>
        <v>12</v>
      </c>
    </row>
    <row r="8528" spans="1:4" x14ac:dyDescent="0.25">
      <c r="A8528" s="7">
        <f t="shared" si="402"/>
        <v>44916.999999979336</v>
      </c>
      <c r="B8528" s="8">
        <v>-4.9800999999999998E-2</v>
      </c>
      <c r="C8528">
        <f t="shared" si="400"/>
        <v>0</v>
      </c>
      <c r="D8528">
        <f t="shared" si="401"/>
        <v>12</v>
      </c>
    </row>
    <row r="8529" spans="1:4" x14ac:dyDescent="0.25">
      <c r="A8529" s="7">
        <f t="shared" si="402"/>
        <v>44917.041666646001</v>
      </c>
      <c r="B8529" s="8">
        <v>-4.9800999999999998E-2</v>
      </c>
      <c r="C8529">
        <f t="shared" si="400"/>
        <v>1</v>
      </c>
      <c r="D8529">
        <f t="shared" si="401"/>
        <v>12</v>
      </c>
    </row>
    <row r="8530" spans="1:4" x14ac:dyDescent="0.25">
      <c r="A8530" s="7">
        <f t="shared" si="402"/>
        <v>44917.083333312665</v>
      </c>
      <c r="B8530" s="8">
        <v>-4.9800999999999998E-2</v>
      </c>
      <c r="C8530">
        <f t="shared" si="400"/>
        <v>2</v>
      </c>
      <c r="D8530">
        <f t="shared" si="401"/>
        <v>12</v>
      </c>
    </row>
    <row r="8531" spans="1:4" x14ac:dyDescent="0.25">
      <c r="A8531" s="7">
        <f t="shared" si="402"/>
        <v>44917.124999979329</v>
      </c>
      <c r="B8531" s="8">
        <v>-4.9800999999999998E-2</v>
      </c>
      <c r="C8531">
        <f t="shared" si="400"/>
        <v>3</v>
      </c>
      <c r="D8531">
        <f t="shared" si="401"/>
        <v>12</v>
      </c>
    </row>
    <row r="8532" spans="1:4" x14ac:dyDescent="0.25">
      <c r="A8532" s="7">
        <f t="shared" si="402"/>
        <v>44917.166666645993</v>
      </c>
      <c r="B8532" s="8">
        <v>-4.9800999999999998E-2</v>
      </c>
      <c r="C8532">
        <f t="shared" si="400"/>
        <v>4</v>
      </c>
      <c r="D8532">
        <f t="shared" si="401"/>
        <v>12</v>
      </c>
    </row>
    <row r="8533" spans="1:4" x14ac:dyDescent="0.25">
      <c r="A8533" s="7">
        <f t="shared" si="402"/>
        <v>44917.208333312657</v>
      </c>
      <c r="B8533" s="8">
        <v>-4.9800999999999998E-2</v>
      </c>
      <c r="C8533">
        <f t="shared" si="400"/>
        <v>5</v>
      </c>
      <c r="D8533">
        <f t="shared" si="401"/>
        <v>12</v>
      </c>
    </row>
    <row r="8534" spans="1:4" x14ac:dyDescent="0.25">
      <c r="A8534" s="7">
        <f t="shared" si="402"/>
        <v>44917.249999979322</v>
      </c>
      <c r="B8534" s="8">
        <v>-4.9800999999999998E-2</v>
      </c>
      <c r="C8534">
        <f t="shared" si="400"/>
        <v>6</v>
      </c>
      <c r="D8534">
        <f t="shared" si="401"/>
        <v>12</v>
      </c>
    </row>
    <row r="8535" spans="1:4" x14ac:dyDescent="0.25">
      <c r="A8535" s="7">
        <f t="shared" si="402"/>
        <v>44917.291666645986</v>
      </c>
      <c r="B8535" s="8">
        <v>-4.9800999999999998E-2</v>
      </c>
      <c r="C8535">
        <f t="shared" si="400"/>
        <v>7</v>
      </c>
      <c r="D8535">
        <f t="shared" si="401"/>
        <v>12</v>
      </c>
    </row>
    <row r="8536" spans="1:4" x14ac:dyDescent="0.25">
      <c r="A8536" s="7">
        <f t="shared" si="402"/>
        <v>44917.33333331265</v>
      </c>
      <c r="B8536" s="8">
        <v>-4.9800999999999998E-2</v>
      </c>
      <c r="C8536">
        <f t="shared" si="400"/>
        <v>8</v>
      </c>
      <c r="D8536">
        <f t="shared" si="401"/>
        <v>12</v>
      </c>
    </row>
    <row r="8537" spans="1:4" x14ac:dyDescent="0.25">
      <c r="A8537" s="7">
        <f t="shared" si="402"/>
        <v>44917.374999979314</v>
      </c>
      <c r="B8537" s="8">
        <v>1.63076793139626</v>
      </c>
      <c r="C8537">
        <f t="shared" si="400"/>
        <v>9</v>
      </c>
      <c r="D8537">
        <f t="shared" si="401"/>
        <v>12</v>
      </c>
    </row>
    <row r="8538" spans="1:4" x14ac:dyDescent="0.25">
      <c r="A8538" s="7">
        <f t="shared" si="402"/>
        <v>44917.416666645979</v>
      </c>
      <c r="B8538" s="8">
        <v>3.167339650516301</v>
      </c>
      <c r="C8538">
        <f t="shared" si="400"/>
        <v>10</v>
      </c>
      <c r="D8538">
        <f t="shared" si="401"/>
        <v>12</v>
      </c>
    </row>
    <row r="8539" spans="1:4" x14ac:dyDescent="0.25">
      <c r="A8539" s="7">
        <f t="shared" si="402"/>
        <v>44917.458333312643</v>
      </c>
      <c r="B8539" s="8">
        <v>3.4787113221646493</v>
      </c>
      <c r="C8539">
        <f t="shared" si="400"/>
        <v>11</v>
      </c>
      <c r="D8539">
        <f t="shared" si="401"/>
        <v>12</v>
      </c>
    </row>
    <row r="8540" spans="1:4" x14ac:dyDescent="0.25">
      <c r="A8540" s="7">
        <f t="shared" si="402"/>
        <v>44917.499999979307</v>
      </c>
      <c r="B8540" s="8">
        <v>3.28674472242048</v>
      </c>
      <c r="C8540">
        <f t="shared" si="400"/>
        <v>12</v>
      </c>
      <c r="D8540">
        <f t="shared" si="401"/>
        <v>12</v>
      </c>
    </row>
    <row r="8541" spans="1:4" x14ac:dyDescent="0.25">
      <c r="A8541" s="7">
        <f t="shared" si="402"/>
        <v>44917.541666645971</v>
      </c>
      <c r="B8541" s="8">
        <v>3.2453119106967168</v>
      </c>
      <c r="C8541">
        <f t="shared" si="400"/>
        <v>13</v>
      </c>
      <c r="D8541">
        <f t="shared" si="401"/>
        <v>12</v>
      </c>
    </row>
    <row r="8542" spans="1:4" x14ac:dyDescent="0.25">
      <c r="A8542" s="7">
        <f t="shared" si="402"/>
        <v>44917.583333312636</v>
      </c>
      <c r="B8542" s="8">
        <v>3.0798919097381972</v>
      </c>
      <c r="C8542">
        <f t="shared" si="400"/>
        <v>14</v>
      </c>
      <c r="D8542">
        <f t="shared" si="401"/>
        <v>12</v>
      </c>
    </row>
    <row r="8543" spans="1:4" x14ac:dyDescent="0.25">
      <c r="A8543" s="7">
        <f t="shared" si="402"/>
        <v>44917.6249999793</v>
      </c>
      <c r="B8543" s="8">
        <v>2.6124891460115718</v>
      </c>
      <c r="C8543">
        <f t="shared" si="400"/>
        <v>15</v>
      </c>
      <c r="D8543">
        <f t="shared" si="401"/>
        <v>12</v>
      </c>
    </row>
    <row r="8544" spans="1:4" x14ac:dyDescent="0.25">
      <c r="A8544" s="7">
        <f t="shared" si="402"/>
        <v>44917.666666645964</v>
      </c>
      <c r="B8544" s="8">
        <v>2.1662428610438491</v>
      </c>
      <c r="C8544">
        <f t="shared" si="400"/>
        <v>16</v>
      </c>
      <c r="D8544">
        <f t="shared" si="401"/>
        <v>12</v>
      </c>
    </row>
    <row r="8545" spans="1:4" x14ac:dyDescent="0.25">
      <c r="A8545" s="7">
        <f t="shared" si="402"/>
        <v>44917.708333312628</v>
      </c>
      <c r="B8545" s="8">
        <v>0.89699945232109801</v>
      </c>
      <c r="C8545">
        <f t="shared" si="400"/>
        <v>17</v>
      </c>
      <c r="D8545">
        <f t="shared" si="401"/>
        <v>12</v>
      </c>
    </row>
    <row r="8546" spans="1:4" x14ac:dyDescent="0.25">
      <c r="A8546" s="7">
        <f t="shared" si="402"/>
        <v>44917.749999979293</v>
      </c>
      <c r="B8546" s="8">
        <v>-4.9800999999999998E-2</v>
      </c>
      <c r="C8546">
        <f t="shared" si="400"/>
        <v>18</v>
      </c>
      <c r="D8546">
        <f t="shared" si="401"/>
        <v>12</v>
      </c>
    </row>
    <row r="8547" spans="1:4" x14ac:dyDescent="0.25">
      <c r="A8547" s="7">
        <f t="shared" si="402"/>
        <v>44917.791666645957</v>
      </c>
      <c r="B8547" s="8">
        <v>-4.9800999999999998E-2</v>
      </c>
      <c r="C8547">
        <f t="shared" si="400"/>
        <v>19</v>
      </c>
      <c r="D8547">
        <f t="shared" si="401"/>
        <v>12</v>
      </c>
    </row>
    <row r="8548" spans="1:4" x14ac:dyDescent="0.25">
      <c r="A8548" s="7">
        <f t="shared" si="402"/>
        <v>44917.833333312621</v>
      </c>
      <c r="B8548" s="8">
        <v>-4.9800999999999998E-2</v>
      </c>
      <c r="C8548">
        <f t="shared" si="400"/>
        <v>20</v>
      </c>
      <c r="D8548">
        <f t="shared" si="401"/>
        <v>12</v>
      </c>
    </row>
    <row r="8549" spans="1:4" x14ac:dyDescent="0.25">
      <c r="A8549" s="7">
        <f t="shared" si="402"/>
        <v>44917.874999979285</v>
      </c>
      <c r="B8549" s="8">
        <v>-4.9800999999999998E-2</v>
      </c>
      <c r="C8549">
        <f t="shared" si="400"/>
        <v>21</v>
      </c>
      <c r="D8549">
        <f t="shared" si="401"/>
        <v>12</v>
      </c>
    </row>
    <row r="8550" spans="1:4" x14ac:dyDescent="0.25">
      <c r="A8550" s="7">
        <f t="shared" si="402"/>
        <v>44917.91666664595</v>
      </c>
      <c r="B8550" s="8">
        <v>-4.9800999999999998E-2</v>
      </c>
      <c r="C8550">
        <f t="shared" si="400"/>
        <v>22</v>
      </c>
      <c r="D8550">
        <f t="shared" si="401"/>
        <v>12</v>
      </c>
    </row>
    <row r="8551" spans="1:4" x14ac:dyDescent="0.25">
      <c r="A8551" s="7">
        <f t="shared" si="402"/>
        <v>44917.958333312614</v>
      </c>
      <c r="B8551" s="8">
        <v>-4.9800999999999998E-2</v>
      </c>
      <c r="C8551">
        <f t="shared" si="400"/>
        <v>23</v>
      </c>
      <c r="D8551">
        <f t="shared" si="401"/>
        <v>12</v>
      </c>
    </row>
    <row r="8552" spans="1:4" x14ac:dyDescent="0.25">
      <c r="A8552" s="7">
        <f t="shared" si="402"/>
        <v>44917.999999979278</v>
      </c>
      <c r="B8552" s="8">
        <v>-4.9800999999999998E-2</v>
      </c>
      <c r="C8552">
        <f t="shared" si="400"/>
        <v>0</v>
      </c>
      <c r="D8552">
        <f t="shared" si="401"/>
        <v>12</v>
      </c>
    </row>
    <row r="8553" spans="1:4" x14ac:dyDescent="0.25">
      <c r="A8553" s="7">
        <f t="shared" si="402"/>
        <v>44918.041666645942</v>
      </c>
      <c r="B8553" s="8">
        <v>-4.9800999999999998E-2</v>
      </c>
      <c r="C8553">
        <f t="shared" si="400"/>
        <v>1</v>
      </c>
      <c r="D8553">
        <f t="shared" si="401"/>
        <v>12</v>
      </c>
    </row>
    <row r="8554" spans="1:4" x14ac:dyDescent="0.25">
      <c r="A8554" s="7">
        <f t="shared" si="402"/>
        <v>44918.083333312607</v>
      </c>
      <c r="B8554" s="8">
        <v>-4.9800999999999998E-2</v>
      </c>
      <c r="C8554">
        <f t="shared" si="400"/>
        <v>2</v>
      </c>
      <c r="D8554">
        <f t="shared" si="401"/>
        <v>12</v>
      </c>
    </row>
    <row r="8555" spans="1:4" x14ac:dyDescent="0.25">
      <c r="A8555" s="7">
        <f t="shared" si="402"/>
        <v>44918.124999979271</v>
      </c>
      <c r="B8555" s="8">
        <v>-4.9800999999999998E-2</v>
      </c>
      <c r="C8555">
        <f t="shared" si="400"/>
        <v>3</v>
      </c>
      <c r="D8555">
        <f t="shared" si="401"/>
        <v>12</v>
      </c>
    </row>
    <row r="8556" spans="1:4" x14ac:dyDescent="0.25">
      <c r="A8556" s="7">
        <f t="shared" si="402"/>
        <v>44918.166666645935</v>
      </c>
      <c r="B8556" s="8">
        <v>-4.9800999999999998E-2</v>
      </c>
      <c r="C8556">
        <f t="shared" si="400"/>
        <v>4</v>
      </c>
      <c r="D8556">
        <f t="shared" si="401"/>
        <v>12</v>
      </c>
    </row>
    <row r="8557" spans="1:4" x14ac:dyDescent="0.25">
      <c r="A8557" s="7">
        <f t="shared" si="402"/>
        <v>44918.208333312599</v>
      </c>
      <c r="B8557" s="8">
        <v>-4.9800999999999998E-2</v>
      </c>
      <c r="C8557">
        <f t="shared" si="400"/>
        <v>5</v>
      </c>
      <c r="D8557">
        <f t="shared" si="401"/>
        <v>12</v>
      </c>
    </row>
    <row r="8558" spans="1:4" x14ac:dyDescent="0.25">
      <c r="A8558" s="7">
        <f t="shared" si="402"/>
        <v>44918.249999979264</v>
      </c>
      <c r="B8558" s="8">
        <v>-4.9800999999999998E-2</v>
      </c>
      <c r="C8558">
        <f t="shared" si="400"/>
        <v>6</v>
      </c>
      <c r="D8558">
        <f t="shared" si="401"/>
        <v>12</v>
      </c>
    </row>
    <row r="8559" spans="1:4" x14ac:dyDescent="0.25">
      <c r="A8559" s="7">
        <f t="shared" si="402"/>
        <v>44918.291666645928</v>
      </c>
      <c r="B8559" s="8">
        <v>-4.9800999999999998E-2</v>
      </c>
      <c r="C8559">
        <f t="shared" si="400"/>
        <v>7</v>
      </c>
      <c r="D8559">
        <f t="shared" si="401"/>
        <v>12</v>
      </c>
    </row>
    <row r="8560" spans="1:4" x14ac:dyDescent="0.25">
      <c r="A8560" s="7">
        <f t="shared" si="402"/>
        <v>44918.333333312592</v>
      </c>
      <c r="B8560" s="8">
        <v>-4.9800999999999998E-2</v>
      </c>
      <c r="C8560">
        <f t="shared" si="400"/>
        <v>8</v>
      </c>
      <c r="D8560">
        <f t="shared" si="401"/>
        <v>12</v>
      </c>
    </row>
    <row r="8561" spans="1:4" x14ac:dyDescent="0.25">
      <c r="A8561" s="7">
        <f t="shared" si="402"/>
        <v>44918.374999979256</v>
      </c>
      <c r="B8561" s="8">
        <v>1.1469309699743173</v>
      </c>
      <c r="C8561">
        <f t="shared" si="400"/>
        <v>9</v>
      </c>
      <c r="D8561">
        <f t="shared" si="401"/>
        <v>12</v>
      </c>
    </row>
    <row r="8562" spans="1:4" x14ac:dyDescent="0.25">
      <c r="A8562" s="7">
        <f t="shared" si="402"/>
        <v>44918.41666664592</v>
      </c>
      <c r="B8562" s="8">
        <v>1.9745524663029626</v>
      </c>
      <c r="C8562">
        <f t="shared" si="400"/>
        <v>10</v>
      </c>
      <c r="D8562">
        <f t="shared" si="401"/>
        <v>12</v>
      </c>
    </row>
    <row r="8563" spans="1:4" x14ac:dyDescent="0.25">
      <c r="A8563" s="7">
        <f t="shared" si="402"/>
        <v>44918.458333312585</v>
      </c>
      <c r="B8563" s="8">
        <v>2.7316272884536228</v>
      </c>
      <c r="C8563">
        <f t="shared" si="400"/>
        <v>11</v>
      </c>
      <c r="D8563">
        <f t="shared" si="401"/>
        <v>12</v>
      </c>
    </row>
    <row r="8564" spans="1:4" x14ac:dyDescent="0.25">
      <c r="A8564" s="7">
        <f t="shared" si="402"/>
        <v>44918.499999979249</v>
      </c>
      <c r="B8564" s="8">
        <v>3.6428059513536857</v>
      </c>
      <c r="C8564">
        <f t="shared" si="400"/>
        <v>12</v>
      </c>
      <c r="D8564">
        <f t="shared" si="401"/>
        <v>12</v>
      </c>
    </row>
    <row r="8565" spans="1:4" x14ac:dyDescent="0.25">
      <c r="A8565" s="7">
        <f t="shared" si="402"/>
        <v>44918.541666645913</v>
      </c>
      <c r="B8565" s="8">
        <v>4.0719739038236593</v>
      </c>
      <c r="C8565">
        <f t="shared" si="400"/>
        <v>13</v>
      </c>
      <c r="D8565">
        <f t="shared" si="401"/>
        <v>12</v>
      </c>
    </row>
    <row r="8566" spans="1:4" x14ac:dyDescent="0.25">
      <c r="A8566" s="7">
        <f t="shared" si="402"/>
        <v>44918.583333312577</v>
      </c>
      <c r="B8566" s="8">
        <v>3.5589024979124808</v>
      </c>
      <c r="C8566">
        <f t="shared" si="400"/>
        <v>14</v>
      </c>
      <c r="D8566">
        <f t="shared" si="401"/>
        <v>12</v>
      </c>
    </row>
    <row r="8567" spans="1:4" x14ac:dyDescent="0.25">
      <c r="A8567" s="7">
        <f t="shared" si="402"/>
        <v>44918.624999979242</v>
      </c>
      <c r="B8567" s="8">
        <v>3.311479498833851</v>
      </c>
      <c r="C8567">
        <f t="shared" si="400"/>
        <v>15</v>
      </c>
      <c r="D8567">
        <f t="shared" si="401"/>
        <v>12</v>
      </c>
    </row>
    <row r="8568" spans="1:4" x14ac:dyDescent="0.25">
      <c r="A8568" s="7">
        <f t="shared" si="402"/>
        <v>44918.666666645906</v>
      </c>
      <c r="B8568" s="8">
        <v>3.140243733571138</v>
      </c>
      <c r="C8568">
        <f t="shared" si="400"/>
        <v>16</v>
      </c>
      <c r="D8568">
        <f t="shared" si="401"/>
        <v>12</v>
      </c>
    </row>
    <row r="8569" spans="1:4" x14ac:dyDescent="0.25">
      <c r="A8569" s="7">
        <f t="shared" si="402"/>
        <v>44918.70833331257</v>
      </c>
      <c r="B8569" s="8">
        <v>1.7513674868780678</v>
      </c>
      <c r="C8569">
        <f t="shared" si="400"/>
        <v>17</v>
      </c>
      <c r="D8569">
        <f t="shared" si="401"/>
        <v>12</v>
      </c>
    </row>
    <row r="8570" spans="1:4" x14ac:dyDescent="0.25">
      <c r="A8570" s="7">
        <f t="shared" si="402"/>
        <v>44918.749999979234</v>
      </c>
      <c r="B8570" s="8">
        <v>-4.9800999999999998E-2</v>
      </c>
      <c r="C8570">
        <f t="shared" si="400"/>
        <v>18</v>
      </c>
      <c r="D8570">
        <f t="shared" si="401"/>
        <v>12</v>
      </c>
    </row>
    <row r="8571" spans="1:4" x14ac:dyDescent="0.25">
      <c r="A8571" s="7">
        <f t="shared" si="402"/>
        <v>44918.791666645899</v>
      </c>
      <c r="B8571" s="8">
        <v>-4.9800999999999998E-2</v>
      </c>
      <c r="C8571">
        <f t="shared" si="400"/>
        <v>19</v>
      </c>
      <c r="D8571">
        <f t="shared" si="401"/>
        <v>12</v>
      </c>
    </row>
    <row r="8572" spans="1:4" x14ac:dyDescent="0.25">
      <c r="A8572" s="7">
        <f t="shared" si="402"/>
        <v>44918.833333312563</v>
      </c>
      <c r="B8572" s="8">
        <v>-4.9800999999999998E-2</v>
      </c>
      <c r="C8572">
        <f t="shared" si="400"/>
        <v>20</v>
      </c>
      <c r="D8572">
        <f t="shared" si="401"/>
        <v>12</v>
      </c>
    </row>
    <row r="8573" spans="1:4" x14ac:dyDescent="0.25">
      <c r="A8573" s="7">
        <f t="shared" si="402"/>
        <v>44918.874999979227</v>
      </c>
      <c r="B8573" s="8">
        <v>-4.9800999999999998E-2</v>
      </c>
      <c r="C8573">
        <f t="shared" si="400"/>
        <v>21</v>
      </c>
      <c r="D8573">
        <f t="shared" si="401"/>
        <v>12</v>
      </c>
    </row>
    <row r="8574" spans="1:4" x14ac:dyDescent="0.25">
      <c r="A8574" s="7">
        <f t="shared" si="402"/>
        <v>44918.916666645891</v>
      </c>
      <c r="B8574" s="8">
        <v>-4.9800999999999998E-2</v>
      </c>
      <c r="C8574">
        <f t="shared" si="400"/>
        <v>22</v>
      </c>
      <c r="D8574">
        <f t="shared" si="401"/>
        <v>12</v>
      </c>
    </row>
    <row r="8575" spans="1:4" x14ac:dyDescent="0.25">
      <c r="A8575" s="7">
        <f t="shared" si="402"/>
        <v>44918.958333312556</v>
      </c>
      <c r="B8575" s="8">
        <v>-4.9800999999999998E-2</v>
      </c>
      <c r="C8575">
        <f t="shared" si="400"/>
        <v>23</v>
      </c>
      <c r="D8575">
        <f t="shared" si="401"/>
        <v>12</v>
      </c>
    </row>
    <row r="8576" spans="1:4" x14ac:dyDescent="0.25">
      <c r="A8576" s="7">
        <f t="shared" si="402"/>
        <v>44918.99999997922</v>
      </c>
      <c r="B8576" s="8">
        <v>-4.9800999999999998E-2</v>
      </c>
      <c r="C8576">
        <f t="shared" si="400"/>
        <v>0</v>
      </c>
      <c r="D8576">
        <f t="shared" si="401"/>
        <v>12</v>
      </c>
    </row>
    <row r="8577" spans="1:4" x14ac:dyDescent="0.25">
      <c r="A8577" s="7">
        <f t="shared" si="402"/>
        <v>44919.041666645884</v>
      </c>
      <c r="B8577" s="8">
        <v>-4.9800999999999998E-2</v>
      </c>
      <c r="C8577">
        <f t="shared" si="400"/>
        <v>1</v>
      </c>
      <c r="D8577">
        <f t="shared" si="401"/>
        <v>12</v>
      </c>
    </row>
    <row r="8578" spans="1:4" x14ac:dyDescent="0.25">
      <c r="A8578" s="7">
        <f t="shared" si="402"/>
        <v>44919.083333312548</v>
      </c>
      <c r="B8578" s="8">
        <v>-4.9800999999999998E-2</v>
      </c>
      <c r="C8578">
        <f t="shared" si="400"/>
        <v>2</v>
      </c>
      <c r="D8578">
        <f t="shared" si="401"/>
        <v>12</v>
      </c>
    </row>
    <row r="8579" spans="1:4" x14ac:dyDescent="0.25">
      <c r="A8579" s="7">
        <f t="shared" si="402"/>
        <v>44919.124999979213</v>
      </c>
      <c r="B8579" s="8">
        <v>-4.9800999999999998E-2</v>
      </c>
      <c r="C8579">
        <f t="shared" si="400"/>
        <v>3</v>
      </c>
      <c r="D8579">
        <f t="shared" si="401"/>
        <v>12</v>
      </c>
    </row>
    <row r="8580" spans="1:4" x14ac:dyDescent="0.25">
      <c r="A8580" s="7">
        <f t="shared" si="402"/>
        <v>44919.166666645877</v>
      </c>
      <c r="B8580" s="8">
        <v>-4.9800999999999998E-2</v>
      </c>
      <c r="C8580">
        <f t="shared" si="400"/>
        <v>4</v>
      </c>
      <c r="D8580">
        <f t="shared" si="401"/>
        <v>12</v>
      </c>
    </row>
    <row r="8581" spans="1:4" x14ac:dyDescent="0.25">
      <c r="A8581" s="7">
        <f t="shared" si="402"/>
        <v>44919.208333312541</v>
      </c>
      <c r="B8581" s="8">
        <v>-4.9800999999999998E-2</v>
      </c>
      <c r="C8581">
        <f t="shared" si="400"/>
        <v>5</v>
      </c>
      <c r="D8581">
        <f t="shared" si="401"/>
        <v>12</v>
      </c>
    </row>
    <row r="8582" spans="1:4" x14ac:dyDescent="0.25">
      <c r="A8582" s="7">
        <f t="shared" si="402"/>
        <v>44919.249999979205</v>
      </c>
      <c r="B8582" s="8">
        <v>-4.9800999999999998E-2</v>
      </c>
      <c r="C8582">
        <f t="shared" si="400"/>
        <v>6</v>
      </c>
      <c r="D8582">
        <f t="shared" si="401"/>
        <v>12</v>
      </c>
    </row>
    <row r="8583" spans="1:4" x14ac:dyDescent="0.25">
      <c r="A8583" s="7">
        <f t="shared" si="402"/>
        <v>44919.29166664587</v>
      </c>
      <c r="B8583" s="8">
        <v>-4.9800999999999998E-2</v>
      </c>
      <c r="C8583">
        <f t="shared" si="400"/>
        <v>7</v>
      </c>
      <c r="D8583">
        <f t="shared" si="401"/>
        <v>12</v>
      </c>
    </row>
    <row r="8584" spans="1:4" x14ac:dyDescent="0.25">
      <c r="A8584" s="7">
        <f t="shared" si="402"/>
        <v>44919.333333312534</v>
      </c>
      <c r="B8584" s="8">
        <v>-4.9800999999999998E-2</v>
      </c>
      <c r="C8584">
        <f t="shared" si="400"/>
        <v>8</v>
      </c>
      <c r="D8584">
        <f t="shared" si="401"/>
        <v>12</v>
      </c>
    </row>
    <row r="8585" spans="1:4" x14ac:dyDescent="0.25">
      <c r="A8585" s="7">
        <f t="shared" si="402"/>
        <v>44919.374999979198</v>
      </c>
      <c r="B8585" s="8">
        <v>1.8883579541964692</v>
      </c>
      <c r="C8585">
        <f t="shared" si="400"/>
        <v>9</v>
      </c>
      <c r="D8585">
        <f t="shared" si="401"/>
        <v>12</v>
      </c>
    </row>
    <row r="8586" spans="1:4" x14ac:dyDescent="0.25">
      <c r="A8586" s="7">
        <f t="shared" si="402"/>
        <v>44919.416666645862</v>
      </c>
      <c r="B8586" s="8">
        <v>2.8653269998933624</v>
      </c>
      <c r="C8586">
        <f t="shared" ref="C8586:C8649" si="403">HOUR(A8586)</f>
        <v>10</v>
      </c>
      <c r="D8586">
        <f t="shared" ref="D8586:D8649" si="404">MONTH(A8586)</f>
        <v>12</v>
      </c>
    </row>
    <row r="8587" spans="1:4" x14ac:dyDescent="0.25">
      <c r="A8587" s="7">
        <f t="shared" ref="A8587:A8650" si="405">+A8586+1/24</f>
        <v>44919.458333312527</v>
      </c>
      <c r="B8587" s="8">
        <v>4.0457107243510793</v>
      </c>
      <c r="C8587">
        <f t="shared" si="403"/>
        <v>11</v>
      </c>
      <c r="D8587">
        <f t="shared" si="404"/>
        <v>12</v>
      </c>
    </row>
    <row r="8588" spans="1:4" x14ac:dyDescent="0.25">
      <c r="A8588" s="7">
        <f t="shared" si="405"/>
        <v>44919.499999979191</v>
      </c>
      <c r="B8588" s="8">
        <v>6.089951361967346</v>
      </c>
      <c r="C8588">
        <f t="shared" si="403"/>
        <v>12</v>
      </c>
      <c r="D8588">
        <f t="shared" si="404"/>
        <v>12</v>
      </c>
    </row>
    <row r="8589" spans="1:4" x14ac:dyDescent="0.25">
      <c r="A8589" s="7">
        <f t="shared" si="405"/>
        <v>44919.541666645855</v>
      </c>
      <c r="B8589" s="8">
        <v>8.2364703000529005</v>
      </c>
      <c r="C8589">
        <f t="shared" si="403"/>
        <v>13</v>
      </c>
      <c r="D8589">
        <f t="shared" si="404"/>
        <v>12</v>
      </c>
    </row>
    <row r="8590" spans="1:4" x14ac:dyDescent="0.25">
      <c r="A8590" s="7">
        <f t="shared" si="405"/>
        <v>44919.583333312519</v>
      </c>
      <c r="B8590" s="8">
        <v>5.0909601203370825</v>
      </c>
      <c r="C8590">
        <f t="shared" si="403"/>
        <v>14</v>
      </c>
      <c r="D8590">
        <f t="shared" si="404"/>
        <v>12</v>
      </c>
    </row>
    <row r="8591" spans="1:4" x14ac:dyDescent="0.25">
      <c r="A8591" s="7">
        <f t="shared" si="405"/>
        <v>44919.624999979183</v>
      </c>
      <c r="B8591" s="8">
        <v>5.7631668327664158</v>
      </c>
      <c r="C8591">
        <f t="shared" si="403"/>
        <v>15</v>
      </c>
      <c r="D8591">
        <f t="shared" si="404"/>
        <v>12</v>
      </c>
    </row>
    <row r="8592" spans="1:4" x14ac:dyDescent="0.25">
      <c r="A8592" s="7">
        <f t="shared" si="405"/>
        <v>44919.666666645848</v>
      </c>
      <c r="B8592" s="8">
        <v>3.3652838212270351</v>
      </c>
      <c r="C8592">
        <f t="shared" si="403"/>
        <v>16</v>
      </c>
      <c r="D8592">
        <f t="shared" si="404"/>
        <v>12</v>
      </c>
    </row>
    <row r="8593" spans="1:4" x14ac:dyDescent="0.25">
      <c r="A8593" s="7">
        <f t="shared" si="405"/>
        <v>44919.708333312512</v>
      </c>
      <c r="B8593" s="8">
        <v>1.6221684741298781</v>
      </c>
      <c r="C8593">
        <f t="shared" si="403"/>
        <v>17</v>
      </c>
      <c r="D8593">
        <f t="shared" si="404"/>
        <v>12</v>
      </c>
    </row>
    <row r="8594" spans="1:4" x14ac:dyDescent="0.25">
      <c r="A8594" s="7">
        <f t="shared" si="405"/>
        <v>44919.749999979176</v>
      </c>
      <c r="B8594" s="8">
        <v>-4.9800999999999998E-2</v>
      </c>
      <c r="C8594">
        <f t="shared" si="403"/>
        <v>18</v>
      </c>
      <c r="D8594">
        <f t="shared" si="404"/>
        <v>12</v>
      </c>
    </row>
    <row r="8595" spans="1:4" x14ac:dyDescent="0.25">
      <c r="A8595" s="7">
        <f t="shared" si="405"/>
        <v>44919.79166664584</v>
      </c>
      <c r="B8595" s="8">
        <v>-4.9800999999999998E-2</v>
      </c>
      <c r="C8595">
        <f t="shared" si="403"/>
        <v>19</v>
      </c>
      <c r="D8595">
        <f t="shared" si="404"/>
        <v>12</v>
      </c>
    </row>
    <row r="8596" spans="1:4" x14ac:dyDescent="0.25">
      <c r="A8596" s="7">
        <f t="shared" si="405"/>
        <v>44919.833333312505</v>
      </c>
      <c r="B8596" s="8">
        <v>-4.9800999999999998E-2</v>
      </c>
      <c r="C8596">
        <f t="shared" si="403"/>
        <v>20</v>
      </c>
      <c r="D8596">
        <f t="shared" si="404"/>
        <v>12</v>
      </c>
    </row>
    <row r="8597" spans="1:4" x14ac:dyDescent="0.25">
      <c r="A8597" s="7">
        <f t="shared" si="405"/>
        <v>44919.874999979169</v>
      </c>
      <c r="B8597" s="8">
        <v>-4.9800999999999998E-2</v>
      </c>
      <c r="C8597">
        <f t="shared" si="403"/>
        <v>21</v>
      </c>
      <c r="D8597">
        <f t="shared" si="404"/>
        <v>12</v>
      </c>
    </row>
    <row r="8598" spans="1:4" x14ac:dyDescent="0.25">
      <c r="A8598" s="7">
        <f t="shared" si="405"/>
        <v>44919.916666645833</v>
      </c>
      <c r="B8598" s="8">
        <v>-4.9800999999999998E-2</v>
      </c>
      <c r="C8598">
        <f t="shared" si="403"/>
        <v>22</v>
      </c>
      <c r="D8598">
        <f t="shared" si="404"/>
        <v>12</v>
      </c>
    </row>
    <row r="8599" spans="1:4" x14ac:dyDescent="0.25">
      <c r="A8599" s="7">
        <f t="shared" si="405"/>
        <v>44919.958333312497</v>
      </c>
      <c r="B8599" s="8">
        <v>-4.9800999999999998E-2</v>
      </c>
      <c r="C8599">
        <f t="shared" si="403"/>
        <v>23</v>
      </c>
      <c r="D8599">
        <f t="shared" si="404"/>
        <v>12</v>
      </c>
    </row>
    <row r="8600" spans="1:4" x14ac:dyDescent="0.25">
      <c r="A8600" s="7">
        <f t="shared" si="405"/>
        <v>44919.999999979162</v>
      </c>
      <c r="B8600" s="8">
        <v>-4.9800999999999998E-2</v>
      </c>
      <c r="C8600">
        <f t="shared" si="403"/>
        <v>0</v>
      </c>
      <c r="D8600">
        <f t="shared" si="404"/>
        <v>12</v>
      </c>
    </row>
    <row r="8601" spans="1:4" x14ac:dyDescent="0.25">
      <c r="A8601" s="7">
        <f t="shared" si="405"/>
        <v>44920.041666645826</v>
      </c>
      <c r="B8601" s="8">
        <v>-4.9800999999999998E-2</v>
      </c>
      <c r="C8601">
        <f t="shared" si="403"/>
        <v>1</v>
      </c>
      <c r="D8601">
        <f t="shared" si="404"/>
        <v>12</v>
      </c>
    </row>
    <row r="8602" spans="1:4" x14ac:dyDescent="0.25">
      <c r="A8602" s="7">
        <f t="shared" si="405"/>
        <v>44920.08333331249</v>
      </c>
      <c r="B8602" s="8">
        <v>-4.9800999999999998E-2</v>
      </c>
      <c r="C8602">
        <f t="shared" si="403"/>
        <v>2</v>
      </c>
      <c r="D8602">
        <f t="shared" si="404"/>
        <v>12</v>
      </c>
    </row>
    <row r="8603" spans="1:4" x14ac:dyDescent="0.25">
      <c r="A8603" s="7">
        <f t="shared" si="405"/>
        <v>44920.124999979154</v>
      </c>
      <c r="B8603" s="8">
        <v>-4.9800999999999998E-2</v>
      </c>
      <c r="C8603">
        <f t="shared" si="403"/>
        <v>3</v>
      </c>
      <c r="D8603">
        <f t="shared" si="404"/>
        <v>12</v>
      </c>
    </row>
    <row r="8604" spans="1:4" x14ac:dyDescent="0.25">
      <c r="A8604" s="7">
        <f t="shared" si="405"/>
        <v>44920.166666645819</v>
      </c>
      <c r="B8604" s="8">
        <v>-4.9800999999999998E-2</v>
      </c>
      <c r="C8604">
        <f t="shared" si="403"/>
        <v>4</v>
      </c>
      <c r="D8604">
        <f t="shared" si="404"/>
        <v>12</v>
      </c>
    </row>
    <row r="8605" spans="1:4" x14ac:dyDescent="0.25">
      <c r="A8605" s="7">
        <f t="shared" si="405"/>
        <v>44920.208333312483</v>
      </c>
      <c r="B8605" s="8">
        <v>-4.9800999999999998E-2</v>
      </c>
      <c r="C8605">
        <f t="shared" si="403"/>
        <v>5</v>
      </c>
      <c r="D8605">
        <f t="shared" si="404"/>
        <v>12</v>
      </c>
    </row>
    <row r="8606" spans="1:4" x14ac:dyDescent="0.25">
      <c r="A8606" s="7">
        <f t="shared" si="405"/>
        <v>44920.249999979147</v>
      </c>
      <c r="B8606" s="8">
        <v>-4.9800999999999998E-2</v>
      </c>
      <c r="C8606">
        <f t="shared" si="403"/>
        <v>6</v>
      </c>
      <c r="D8606">
        <f t="shared" si="404"/>
        <v>12</v>
      </c>
    </row>
    <row r="8607" spans="1:4" x14ac:dyDescent="0.25">
      <c r="A8607" s="7">
        <f t="shared" si="405"/>
        <v>44920.291666645811</v>
      </c>
      <c r="B8607" s="8">
        <v>-4.9800999999999998E-2</v>
      </c>
      <c r="C8607">
        <f t="shared" si="403"/>
        <v>7</v>
      </c>
      <c r="D8607">
        <f t="shared" si="404"/>
        <v>12</v>
      </c>
    </row>
    <row r="8608" spans="1:4" x14ac:dyDescent="0.25">
      <c r="A8608" s="7">
        <f t="shared" si="405"/>
        <v>44920.333333312476</v>
      </c>
      <c r="B8608" s="8">
        <v>-4.9800999999999998E-2</v>
      </c>
      <c r="C8608">
        <f t="shared" si="403"/>
        <v>8</v>
      </c>
      <c r="D8608">
        <f t="shared" si="404"/>
        <v>12</v>
      </c>
    </row>
    <row r="8609" spans="1:4" x14ac:dyDescent="0.25">
      <c r="A8609" s="7">
        <f t="shared" si="405"/>
        <v>44920.37499997914</v>
      </c>
      <c r="B8609" s="8">
        <v>1.381480548545472</v>
      </c>
      <c r="C8609">
        <f t="shared" si="403"/>
        <v>9</v>
      </c>
      <c r="D8609">
        <f t="shared" si="404"/>
        <v>12</v>
      </c>
    </row>
    <row r="8610" spans="1:4" x14ac:dyDescent="0.25">
      <c r="A8610" s="7">
        <f t="shared" si="405"/>
        <v>44920.416666645804</v>
      </c>
      <c r="B8610" s="8">
        <v>3.0523868383665289</v>
      </c>
      <c r="C8610">
        <f t="shared" si="403"/>
        <v>10</v>
      </c>
      <c r="D8610">
        <f t="shared" si="404"/>
        <v>12</v>
      </c>
    </row>
    <row r="8611" spans="1:4" x14ac:dyDescent="0.25">
      <c r="A8611" s="7">
        <f t="shared" si="405"/>
        <v>44920.458333312468</v>
      </c>
      <c r="B8611" s="8">
        <v>3.0069624520990579</v>
      </c>
      <c r="C8611">
        <f t="shared" si="403"/>
        <v>11</v>
      </c>
      <c r="D8611">
        <f t="shared" si="404"/>
        <v>12</v>
      </c>
    </row>
    <row r="8612" spans="1:4" x14ac:dyDescent="0.25">
      <c r="A8612" s="7">
        <f t="shared" si="405"/>
        <v>44920.499999979133</v>
      </c>
      <c r="B8612" s="8">
        <v>6.2395606877193019</v>
      </c>
      <c r="C8612">
        <f t="shared" si="403"/>
        <v>12</v>
      </c>
      <c r="D8612">
        <f t="shared" si="404"/>
        <v>12</v>
      </c>
    </row>
    <row r="8613" spans="1:4" x14ac:dyDescent="0.25">
      <c r="A8613" s="7">
        <f t="shared" si="405"/>
        <v>44920.541666645797</v>
      </c>
      <c r="B8613" s="8">
        <v>4.1004590907107072</v>
      </c>
      <c r="C8613">
        <f t="shared" si="403"/>
        <v>13</v>
      </c>
      <c r="D8613">
        <f t="shared" si="404"/>
        <v>12</v>
      </c>
    </row>
    <row r="8614" spans="1:4" x14ac:dyDescent="0.25">
      <c r="A8614" s="7">
        <f t="shared" si="405"/>
        <v>44920.583333312461</v>
      </c>
      <c r="B8614" s="8">
        <v>4.0379574025611715</v>
      </c>
      <c r="C8614">
        <f t="shared" si="403"/>
        <v>14</v>
      </c>
      <c r="D8614">
        <f t="shared" si="404"/>
        <v>12</v>
      </c>
    </row>
    <row r="8615" spans="1:4" x14ac:dyDescent="0.25">
      <c r="A8615" s="7">
        <f t="shared" si="405"/>
        <v>44920.624999979125</v>
      </c>
      <c r="B8615" s="8">
        <v>2.5646077719537055</v>
      </c>
      <c r="C8615">
        <f t="shared" si="403"/>
        <v>15</v>
      </c>
      <c r="D8615">
        <f t="shared" si="404"/>
        <v>12</v>
      </c>
    </row>
    <row r="8616" spans="1:4" x14ac:dyDescent="0.25">
      <c r="A8616" s="7">
        <f t="shared" si="405"/>
        <v>44920.66666664579</v>
      </c>
      <c r="B8616" s="8">
        <v>1.0350370251743319</v>
      </c>
      <c r="C8616">
        <f t="shared" si="403"/>
        <v>16</v>
      </c>
      <c r="D8616">
        <f t="shared" si="404"/>
        <v>12</v>
      </c>
    </row>
    <row r="8617" spans="1:4" x14ac:dyDescent="0.25">
      <c r="A8617" s="7">
        <f t="shared" si="405"/>
        <v>44920.708333312454</v>
      </c>
      <c r="B8617" s="8">
        <v>0.33780799455582189</v>
      </c>
      <c r="C8617">
        <f t="shared" si="403"/>
        <v>17</v>
      </c>
      <c r="D8617">
        <f t="shared" si="404"/>
        <v>12</v>
      </c>
    </row>
    <row r="8618" spans="1:4" x14ac:dyDescent="0.25">
      <c r="A8618" s="7">
        <f t="shared" si="405"/>
        <v>44920.749999979118</v>
      </c>
      <c r="B8618" s="8">
        <v>-4.9800999999999998E-2</v>
      </c>
      <c r="C8618">
        <f t="shared" si="403"/>
        <v>18</v>
      </c>
      <c r="D8618">
        <f t="shared" si="404"/>
        <v>12</v>
      </c>
    </row>
    <row r="8619" spans="1:4" x14ac:dyDescent="0.25">
      <c r="A8619" s="7">
        <f t="shared" si="405"/>
        <v>44920.791666645782</v>
      </c>
      <c r="B8619" s="8">
        <v>-4.9800999999999998E-2</v>
      </c>
      <c r="C8619">
        <f t="shared" si="403"/>
        <v>19</v>
      </c>
      <c r="D8619">
        <f t="shared" si="404"/>
        <v>12</v>
      </c>
    </row>
    <row r="8620" spans="1:4" x14ac:dyDescent="0.25">
      <c r="A8620" s="7">
        <f t="shared" si="405"/>
        <v>44920.833333312446</v>
      </c>
      <c r="B8620" s="8">
        <v>-4.9800999999999998E-2</v>
      </c>
      <c r="C8620">
        <f t="shared" si="403"/>
        <v>20</v>
      </c>
      <c r="D8620">
        <f t="shared" si="404"/>
        <v>12</v>
      </c>
    </row>
    <row r="8621" spans="1:4" x14ac:dyDescent="0.25">
      <c r="A8621" s="7">
        <f t="shared" si="405"/>
        <v>44920.874999979111</v>
      </c>
      <c r="B8621" s="8">
        <v>-4.9800999999999998E-2</v>
      </c>
      <c r="C8621">
        <f t="shared" si="403"/>
        <v>21</v>
      </c>
      <c r="D8621">
        <f t="shared" si="404"/>
        <v>12</v>
      </c>
    </row>
    <row r="8622" spans="1:4" x14ac:dyDescent="0.25">
      <c r="A8622" s="7">
        <f t="shared" si="405"/>
        <v>44920.916666645775</v>
      </c>
      <c r="B8622" s="8">
        <v>-4.9800999999999998E-2</v>
      </c>
      <c r="C8622">
        <f t="shared" si="403"/>
        <v>22</v>
      </c>
      <c r="D8622">
        <f t="shared" si="404"/>
        <v>12</v>
      </c>
    </row>
    <row r="8623" spans="1:4" x14ac:dyDescent="0.25">
      <c r="A8623" s="7">
        <f t="shared" si="405"/>
        <v>44920.958333312439</v>
      </c>
      <c r="B8623" s="8">
        <v>-4.9800999999999998E-2</v>
      </c>
      <c r="C8623">
        <f t="shared" si="403"/>
        <v>23</v>
      </c>
      <c r="D8623">
        <f t="shared" si="404"/>
        <v>12</v>
      </c>
    </row>
    <row r="8624" spans="1:4" x14ac:dyDescent="0.25">
      <c r="A8624" s="7">
        <f t="shared" si="405"/>
        <v>44920.999999979103</v>
      </c>
      <c r="B8624" s="8">
        <v>-4.9800999999999998E-2</v>
      </c>
      <c r="C8624">
        <f t="shared" si="403"/>
        <v>0</v>
      </c>
      <c r="D8624">
        <f t="shared" si="404"/>
        <v>12</v>
      </c>
    </row>
    <row r="8625" spans="1:4" x14ac:dyDescent="0.25">
      <c r="A8625" s="7">
        <f t="shared" si="405"/>
        <v>44921.041666645768</v>
      </c>
      <c r="B8625" s="8">
        <v>-4.9800999999999998E-2</v>
      </c>
      <c r="C8625">
        <f t="shared" si="403"/>
        <v>1</v>
      </c>
      <c r="D8625">
        <f t="shared" si="404"/>
        <v>12</v>
      </c>
    </row>
    <row r="8626" spans="1:4" x14ac:dyDescent="0.25">
      <c r="A8626" s="7">
        <f t="shared" si="405"/>
        <v>44921.083333312432</v>
      </c>
      <c r="B8626" s="8">
        <v>-4.9800999999999998E-2</v>
      </c>
      <c r="C8626">
        <f t="shared" si="403"/>
        <v>2</v>
      </c>
      <c r="D8626">
        <f t="shared" si="404"/>
        <v>12</v>
      </c>
    </row>
    <row r="8627" spans="1:4" x14ac:dyDescent="0.25">
      <c r="A8627" s="7">
        <f t="shared" si="405"/>
        <v>44921.124999979096</v>
      </c>
      <c r="B8627" s="8">
        <v>-4.9800999999999998E-2</v>
      </c>
      <c r="C8627">
        <f t="shared" si="403"/>
        <v>3</v>
      </c>
      <c r="D8627">
        <f t="shared" si="404"/>
        <v>12</v>
      </c>
    </row>
    <row r="8628" spans="1:4" x14ac:dyDescent="0.25">
      <c r="A8628" s="7">
        <f t="shared" si="405"/>
        <v>44921.16666664576</v>
      </c>
      <c r="B8628" s="8">
        <v>-4.9800999999999998E-2</v>
      </c>
      <c r="C8628">
        <f t="shared" si="403"/>
        <v>4</v>
      </c>
      <c r="D8628">
        <f t="shared" si="404"/>
        <v>12</v>
      </c>
    </row>
    <row r="8629" spans="1:4" x14ac:dyDescent="0.25">
      <c r="A8629" s="7">
        <f t="shared" si="405"/>
        <v>44921.208333312425</v>
      </c>
      <c r="B8629" s="8">
        <v>-4.9800999999999998E-2</v>
      </c>
      <c r="C8629">
        <f t="shared" si="403"/>
        <v>5</v>
      </c>
      <c r="D8629">
        <f t="shared" si="404"/>
        <v>12</v>
      </c>
    </row>
    <row r="8630" spans="1:4" x14ac:dyDescent="0.25">
      <c r="A8630" s="7">
        <f t="shared" si="405"/>
        <v>44921.249999979089</v>
      </c>
      <c r="B8630" s="8">
        <v>-4.9800999999999998E-2</v>
      </c>
      <c r="C8630">
        <f t="shared" si="403"/>
        <v>6</v>
      </c>
      <c r="D8630">
        <f t="shared" si="404"/>
        <v>12</v>
      </c>
    </row>
    <row r="8631" spans="1:4" x14ac:dyDescent="0.25">
      <c r="A8631" s="7">
        <f t="shared" si="405"/>
        <v>44921.291666645753</v>
      </c>
      <c r="B8631" s="8">
        <v>-4.9800999999999998E-2</v>
      </c>
      <c r="C8631">
        <f t="shared" si="403"/>
        <v>7</v>
      </c>
      <c r="D8631">
        <f t="shared" si="404"/>
        <v>12</v>
      </c>
    </row>
    <row r="8632" spans="1:4" x14ac:dyDescent="0.25">
      <c r="A8632" s="7">
        <f t="shared" si="405"/>
        <v>44921.333333312417</v>
      </c>
      <c r="B8632" s="8">
        <v>-4.9800999999999998E-2</v>
      </c>
      <c r="C8632">
        <f t="shared" si="403"/>
        <v>8</v>
      </c>
      <c r="D8632">
        <f t="shared" si="404"/>
        <v>12</v>
      </c>
    </row>
    <row r="8633" spans="1:4" x14ac:dyDescent="0.25">
      <c r="A8633" s="7">
        <f t="shared" si="405"/>
        <v>44921.374999979082</v>
      </c>
      <c r="B8633" s="8">
        <v>2.2114982263391623</v>
      </c>
      <c r="C8633">
        <f t="shared" si="403"/>
        <v>9</v>
      </c>
      <c r="D8633">
        <f t="shared" si="404"/>
        <v>12</v>
      </c>
    </row>
    <row r="8634" spans="1:4" x14ac:dyDescent="0.25">
      <c r="A8634" s="7">
        <f t="shared" si="405"/>
        <v>44921.416666645746</v>
      </c>
      <c r="B8634" s="8">
        <v>3.9878663884770447</v>
      </c>
      <c r="C8634">
        <f t="shared" si="403"/>
        <v>10</v>
      </c>
      <c r="D8634">
        <f t="shared" si="404"/>
        <v>12</v>
      </c>
    </row>
    <row r="8635" spans="1:4" x14ac:dyDescent="0.25">
      <c r="A8635" s="7">
        <f t="shared" si="405"/>
        <v>44921.45833331241</v>
      </c>
      <c r="B8635" s="8">
        <v>3.7451842215443105</v>
      </c>
      <c r="C8635">
        <f t="shared" si="403"/>
        <v>11</v>
      </c>
      <c r="D8635">
        <f t="shared" si="404"/>
        <v>12</v>
      </c>
    </row>
    <row r="8636" spans="1:4" x14ac:dyDescent="0.25">
      <c r="A8636" s="7">
        <f t="shared" si="405"/>
        <v>44921.499999979074</v>
      </c>
      <c r="B8636" s="8">
        <v>5.3408287704335837</v>
      </c>
      <c r="C8636">
        <f t="shared" si="403"/>
        <v>12</v>
      </c>
      <c r="D8636">
        <f t="shared" si="404"/>
        <v>12</v>
      </c>
    </row>
    <row r="8637" spans="1:4" x14ac:dyDescent="0.25">
      <c r="A8637" s="7">
        <f t="shared" si="405"/>
        <v>44921.541666645739</v>
      </c>
      <c r="B8637" s="8">
        <v>9.1716695226973979</v>
      </c>
      <c r="C8637">
        <f t="shared" si="403"/>
        <v>13</v>
      </c>
      <c r="D8637">
        <f t="shared" si="404"/>
        <v>12</v>
      </c>
    </row>
    <row r="8638" spans="1:4" x14ac:dyDescent="0.25">
      <c r="A8638" s="7">
        <f t="shared" si="405"/>
        <v>44921.583333312403</v>
      </c>
      <c r="B8638" s="8">
        <v>8.0918573991364457</v>
      </c>
      <c r="C8638">
        <f t="shared" si="403"/>
        <v>14</v>
      </c>
      <c r="D8638">
        <f t="shared" si="404"/>
        <v>12</v>
      </c>
    </row>
    <row r="8639" spans="1:4" x14ac:dyDescent="0.25">
      <c r="A8639" s="7">
        <f t="shared" si="405"/>
        <v>44921.624999979067</v>
      </c>
      <c r="B8639" s="8">
        <v>6.7720396175738218</v>
      </c>
      <c r="C8639">
        <f t="shared" si="403"/>
        <v>15</v>
      </c>
      <c r="D8639">
        <f t="shared" si="404"/>
        <v>12</v>
      </c>
    </row>
    <row r="8640" spans="1:4" x14ac:dyDescent="0.25">
      <c r="A8640" s="7">
        <f t="shared" si="405"/>
        <v>44921.666666645731</v>
      </c>
      <c r="B8640" s="8">
        <v>4.9387010816618435</v>
      </c>
      <c r="C8640">
        <f t="shared" si="403"/>
        <v>16</v>
      </c>
      <c r="D8640">
        <f t="shared" si="404"/>
        <v>12</v>
      </c>
    </row>
    <row r="8641" spans="1:4" x14ac:dyDescent="0.25">
      <c r="A8641" s="7">
        <f t="shared" si="405"/>
        <v>44921.708333312396</v>
      </c>
      <c r="B8641" s="8">
        <v>2.4814257494912244</v>
      </c>
      <c r="C8641">
        <f t="shared" si="403"/>
        <v>17</v>
      </c>
      <c r="D8641">
        <f t="shared" si="404"/>
        <v>12</v>
      </c>
    </row>
    <row r="8642" spans="1:4" x14ac:dyDescent="0.25">
      <c r="A8642" s="7">
        <f t="shared" si="405"/>
        <v>44921.74999997906</v>
      </c>
      <c r="B8642" s="8">
        <v>-4.9800999999999998E-2</v>
      </c>
      <c r="C8642">
        <f t="shared" si="403"/>
        <v>18</v>
      </c>
      <c r="D8642">
        <f t="shared" si="404"/>
        <v>12</v>
      </c>
    </row>
    <row r="8643" spans="1:4" x14ac:dyDescent="0.25">
      <c r="A8643" s="7">
        <f t="shared" si="405"/>
        <v>44921.791666645724</v>
      </c>
      <c r="B8643" s="8">
        <v>-4.9800999999999998E-2</v>
      </c>
      <c r="C8643">
        <f t="shared" si="403"/>
        <v>19</v>
      </c>
      <c r="D8643">
        <f t="shared" si="404"/>
        <v>12</v>
      </c>
    </row>
    <row r="8644" spans="1:4" x14ac:dyDescent="0.25">
      <c r="A8644" s="7">
        <f t="shared" si="405"/>
        <v>44921.833333312388</v>
      </c>
      <c r="B8644" s="8">
        <v>-4.9800999999999998E-2</v>
      </c>
      <c r="C8644">
        <f t="shared" si="403"/>
        <v>20</v>
      </c>
      <c r="D8644">
        <f t="shared" si="404"/>
        <v>12</v>
      </c>
    </row>
    <row r="8645" spans="1:4" x14ac:dyDescent="0.25">
      <c r="A8645" s="7">
        <f t="shared" si="405"/>
        <v>44921.874999979053</v>
      </c>
      <c r="B8645" s="8">
        <v>-4.9800999999999998E-2</v>
      </c>
      <c r="C8645">
        <f t="shared" si="403"/>
        <v>21</v>
      </c>
      <c r="D8645">
        <f t="shared" si="404"/>
        <v>12</v>
      </c>
    </row>
    <row r="8646" spans="1:4" x14ac:dyDescent="0.25">
      <c r="A8646" s="7">
        <f t="shared" si="405"/>
        <v>44921.916666645717</v>
      </c>
      <c r="B8646" s="8">
        <v>-4.9800999999999998E-2</v>
      </c>
      <c r="C8646">
        <f t="shared" si="403"/>
        <v>22</v>
      </c>
      <c r="D8646">
        <f t="shared" si="404"/>
        <v>12</v>
      </c>
    </row>
    <row r="8647" spans="1:4" x14ac:dyDescent="0.25">
      <c r="A8647" s="7">
        <f t="shared" si="405"/>
        <v>44921.958333312381</v>
      </c>
      <c r="B8647" s="8">
        <v>-4.9800999999999998E-2</v>
      </c>
      <c r="C8647">
        <f t="shared" si="403"/>
        <v>23</v>
      </c>
      <c r="D8647">
        <f t="shared" si="404"/>
        <v>12</v>
      </c>
    </row>
    <row r="8648" spans="1:4" x14ac:dyDescent="0.25">
      <c r="A8648" s="7">
        <f t="shared" si="405"/>
        <v>44921.999999979045</v>
      </c>
      <c r="B8648" s="8">
        <v>-4.9800999999999998E-2</v>
      </c>
      <c r="C8648">
        <f t="shared" si="403"/>
        <v>0</v>
      </c>
      <c r="D8648">
        <f t="shared" si="404"/>
        <v>12</v>
      </c>
    </row>
    <row r="8649" spans="1:4" x14ac:dyDescent="0.25">
      <c r="A8649" s="7">
        <f t="shared" si="405"/>
        <v>44922.041666645709</v>
      </c>
      <c r="B8649" s="8">
        <v>-4.9800999999999998E-2</v>
      </c>
      <c r="C8649">
        <f t="shared" si="403"/>
        <v>1</v>
      </c>
      <c r="D8649">
        <f t="shared" si="404"/>
        <v>12</v>
      </c>
    </row>
    <row r="8650" spans="1:4" x14ac:dyDescent="0.25">
      <c r="A8650" s="7">
        <f t="shared" si="405"/>
        <v>44922.083333312374</v>
      </c>
      <c r="B8650" s="8">
        <v>-4.9800999999999998E-2</v>
      </c>
      <c r="C8650">
        <f t="shared" ref="C8650:C8713" si="406">HOUR(A8650)</f>
        <v>2</v>
      </c>
      <c r="D8650">
        <f t="shared" ref="D8650:D8713" si="407">MONTH(A8650)</f>
        <v>12</v>
      </c>
    </row>
    <row r="8651" spans="1:4" x14ac:dyDescent="0.25">
      <c r="A8651" s="7">
        <f t="shared" ref="A8651:A8714" si="408">+A8650+1/24</f>
        <v>44922.124999979038</v>
      </c>
      <c r="B8651" s="8">
        <v>-4.9800999999999998E-2</v>
      </c>
      <c r="C8651">
        <f t="shared" si="406"/>
        <v>3</v>
      </c>
      <c r="D8651">
        <f t="shared" si="407"/>
        <v>12</v>
      </c>
    </row>
    <row r="8652" spans="1:4" x14ac:dyDescent="0.25">
      <c r="A8652" s="7">
        <f t="shared" si="408"/>
        <v>44922.166666645702</v>
      </c>
      <c r="B8652" s="8">
        <v>-4.9800999999999998E-2</v>
      </c>
      <c r="C8652">
        <f t="shared" si="406"/>
        <v>4</v>
      </c>
      <c r="D8652">
        <f t="shared" si="407"/>
        <v>12</v>
      </c>
    </row>
    <row r="8653" spans="1:4" x14ac:dyDescent="0.25">
      <c r="A8653" s="7">
        <f t="shared" si="408"/>
        <v>44922.208333312366</v>
      </c>
      <c r="B8653" s="8">
        <v>-4.9800999999999998E-2</v>
      </c>
      <c r="C8653">
        <f t="shared" si="406"/>
        <v>5</v>
      </c>
      <c r="D8653">
        <f t="shared" si="407"/>
        <v>12</v>
      </c>
    </row>
    <row r="8654" spans="1:4" x14ac:dyDescent="0.25">
      <c r="A8654" s="7">
        <f t="shared" si="408"/>
        <v>44922.249999979031</v>
      </c>
      <c r="B8654" s="8">
        <v>-4.9800999999999998E-2</v>
      </c>
      <c r="C8654">
        <f t="shared" si="406"/>
        <v>6</v>
      </c>
      <c r="D8654">
        <f t="shared" si="407"/>
        <v>12</v>
      </c>
    </row>
    <row r="8655" spans="1:4" x14ac:dyDescent="0.25">
      <c r="A8655" s="7">
        <f t="shared" si="408"/>
        <v>44922.291666645695</v>
      </c>
      <c r="B8655" s="8">
        <v>-4.9800999999999998E-2</v>
      </c>
      <c r="C8655">
        <f t="shared" si="406"/>
        <v>7</v>
      </c>
      <c r="D8655">
        <f t="shared" si="407"/>
        <v>12</v>
      </c>
    </row>
    <row r="8656" spans="1:4" x14ac:dyDescent="0.25">
      <c r="A8656" s="7">
        <f t="shared" si="408"/>
        <v>44922.333333312359</v>
      </c>
      <c r="B8656" s="8">
        <v>-4.9800999999999998E-2</v>
      </c>
      <c r="C8656">
        <f t="shared" si="406"/>
        <v>8</v>
      </c>
      <c r="D8656">
        <f t="shared" si="407"/>
        <v>12</v>
      </c>
    </row>
    <row r="8657" spans="1:4" x14ac:dyDescent="0.25">
      <c r="A8657" s="7">
        <f t="shared" si="408"/>
        <v>44922.374999979023</v>
      </c>
      <c r="B8657" s="8">
        <v>1.8515536375090578</v>
      </c>
      <c r="C8657">
        <f t="shared" si="406"/>
        <v>9</v>
      </c>
      <c r="D8657">
        <f t="shared" si="407"/>
        <v>12</v>
      </c>
    </row>
    <row r="8658" spans="1:4" x14ac:dyDescent="0.25">
      <c r="A8658" s="7">
        <f t="shared" si="408"/>
        <v>44922.416666645688</v>
      </c>
      <c r="B8658" s="8">
        <v>3.3068437894877118</v>
      </c>
      <c r="C8658">
        <f t="shared" si="406"/>
        <v>10</v>
      </c>
      <c r="D8658">
        <f t="shared" si="407"/>
        <v>12</v>
      </c>
    </row>
    <row r="8659" spans="1:4" x14ac:dyDescent="0.25">
      <c r="A8659" s="7">
        <f t="shared" si="408"/>
        <v>44922.458333312352</v>
      </c>
      <c r="B8659" s="8">
        <v>5.758902145066477</v>
      </c>
      <c r="C8659">
        <f t="shared" si="406"/>
        <v>11</v>
      </c>
      <c r="D8659">
        <f t="shared" si="407"/>
        <v>12</v>
      </c>
    </row>
    <row r="8660" spans="1:4" x14ac:dyDescent="0.25">
      <c r="A8660" s="7">
        <f t="shared" si="408"/>
        <v>44922.499999979016</v>
      </c>
      <c r="B8660" s="8">
        <v>5.9403719240702229</v>
      </c>
      <c r="C8660">
        <f t="shared" si="406"/>
        <v>12</v>
      </c>
      <c r="D8660">
        <f t="shared" si="407"/>
        <v>12</v>
      </c>
    </row>
    <row r="8661" spans="1:4" x14ac:dyDescent="0.25">
      <c r="A8661" s="7">
        <f t="shared" si="408"/>
        <v>44922.54166664568</v>
      </c>
      <c r="B8661" s="8">
        <v>6.2820601866758921</v>
      </c>
      <c r="C8661">
        <f t="shared" si="406"/>
        <v>13</v>
      </c>
      <c r="D8661">
        <f t="shared" si="407"/>
        <v>12</v>
      </c>
    </row>
    <row r="8662" spans="1:4" x14ac:dyDescent="0.25">
      <c r="A8662" s="7">
        <f t="shared" si="408"/>
        <v>44922.583333312345</v>
      </c>
      <c r="B8662" s="8">
        <v>6.5004012723865019</v>
      </c>
      <c r="C8662">
        <f t="shared" si="406"/>
        <v>14</v>
      </c>
      <c r="D8662">
        <f t="shared" si="407"/>
        <v>12</v>
      </c>
    </row>
    <row r="8663" spans="1:4" x14ac:dyDescent="0.25">
      <c r="A8663" s="7">
        <f t="shared" si="408"/>
        <v>44922.624999979009</v>
      </c>
      <c r="B8663" s="8">
        <v>4.8037532946289128</v>
      </c>
      <c r="C8663">
        <f t="shared" si="406"/>
        <v>15</v>
      </c>
      <c r="D8663">
        <f t="shared" si="407"/>
        <v>12</v>
      </c>
    </row>
    <row r="8664" spans="1:4" x14ac:dyDescent="0.25">
      <c r="A8664" s="7">
        <f t="shared" si="408"/>
        <v>44922.666666645673</v>
      </c>
      <c r="B8664" s="8">
        <v>3.9184502997042876</v>
      </c>
      <c r="C8664">
        <f t="shared" si="406"/>
        <v>16</v>
      </c>
      <c r="D8664">
        <f t="shared" si="407"/>
        <v>12</v>
      </c>
    </row>
    <row r="8665" spans="1:4" x14ac:dyDescent="0.25">
      <c r="A8665" s="7">
        <f t="shared" si="408"/>
        <v>44922.708333312337</v>
      </c>
      <c r="B8665" s="8">
        <v>2.1207174744393567</v>
      </c>
      <c r="C8665">
        <f t="shared" si="406"/>
        <v>17</v>
      </c>
      <c r="D8665">
        <f t="shared" si="407"/>
        <v>12</v>
      </c>
    </row>
    <row r="8666" spans="1:4" x14ac:dyDescent="0.25">
      <c r="A8666" s="7">
        <f t="shared" si="408"/>
        <v>44922.749999979002</v>
      </c>
      <c r="B8666" s="8">
        <v>-4.9800999999999998E-2</v>
      </c>
      <c r="C8666">
        <f t="shared" si="406"/>
        <v>18</v>
      </c>
      <c r="D8666">
        <f t="shared" si="407"/>
        <v>12</v>
      </c>
    </row>
    <row r="8667" spans="1:4" x14ac:dyDescent="0.25">
      <c r="A8667" s="7">
        <f t="shared" si="408"/>
        <v>44922.791666645666</v>
      </c>
      <c r="B8667" s="8">
        <v>-4.9800999999999998E-2</v>
      </c>
      <c r="C8667">
        <f t="shared" si="406"/>
        <v>19</v>
      </c>
      <c r="D8667">
        <f t="shared" si="407"/>
        <v>12</v>
      </c>
    </row>
    <row r="8668" spans="1:4" x14ac:dyDescent="0.25">
      <c r="A8668" s="7">
        <f t="shared" si="408"/>
        <v>44922.83333331233</v>
      </c>
      <c r="B8668" s="8">
        <v>-4.9800999999999998E-2</v>
      </c>
      <c r="C8668">
        <f t="shared" si="406"/>
        <v>20</v>
      </c>
      <c r="D8668">
        <f t="shared" si="407"/>
        <v>12</v>
      </c>
    </row>
    <row r="8669" spans="1:4" x14ac:dyDescent="0.25">
      <c r="A8669" s="7">
        <f t="shared" si="408"/>
        <v>44922.874999978994</v>
      </c>
      <c r="B8669" s="8">
        <v>-4.9800999999999998E-2</v>
      </c>
      <c r="C8669">
        <f t="shared" si="406"/>
        <v>21</v>
      </c>
      <c r="D8669">
        <f t="shared" si="407"/>
        <v>12</v>
      </c>
    </row>
    <row r="8670" spans="1:4" x14ac:dyDescent="0.25">
      <c r="A8670" s="7">
        <f t="shared" si="408"/>
        <v>44922.916666645659</v>
      </c>
      <c r="B8670" s="8">
        <v>-4.9800999999999998E-2</v>
      </c>
      <c r="C8670">
        <f t="shared" si="406"/>
        <v>22</v>
      </c>
      <c r="D8670">
        <f t="shared" si="407"/>
        <v>12</v>
      </c>
    </row>
    <row r="8671" spans="1:4" x14ac:dyDescent="0.25">
      <c r="A8671" s="7">
        <f t="shared" si="408"/>
        <v>44922.958333312323</v>
      </c>
      <c r="B8671" s="8">
        <v>-4.9800999999999998E-2</v>
      </c>
      <c r="C8671">
        <f t="shared" si="406"/>
        <v>23</v>
      </c>
      <c r="D8671">
        <f t="shared" si="407"/>
        <v>12</v>
      </c>
    </row>
    <row r="8672" spans="1:4" x14ac:dyDescent="0.25">
      <c r="A8672" s="7">
        <f t="shared" si="408"/>
        <v>44922.999999978987</v>
      </c>
      <c r="B8672" s="8">
        <v>-4.9800999999999998E-2</v>
      </c>
      <c r="C8672">
        <f t="shared" si="406"/>
        <v>0</v>
      </c>
      <c r="D8672">
        <f t="shared" si="407"/>
        <v>12</v>
      </c>
    </row>
    <row r="8673" spans="1:4" x14ac:dyDescent="0.25">
      <c r="A8673" s="7">
        <f t="shared" si="408"/>
        <v>44923.041666645651</v>
      </c>
      <c r="B8673" s="8">
        <v>-4.9800999999999998E-2</v>
      </c>
      <c r="C8673">
        <f t="shared" si="406"/>
        <v>1</v>
      </c>
      <c r="D8673">
        <f t="shared" si="407"/>
        <v>12</v>
      </c>
    </row>
    <row r="8674" spans="1:4" x14ac:dyDescent="0.25">
      <c r="A8674" s="7">
        <f t="shared" si="408"/>
        <v>44923.083333312316</v>
      </c>
      <c r="B8674" s="8">
        <v>-4.9800999999999998E-2</v>
      </c>
      <c r="C8674">
        <f t="shared" si="406"/>
        <v>2</v>
      </c>
      <c r="D8674">
        <f t="shared" si="407"/>
        <v>12</v>
      </c>
    </row>
    <row r="8675" spans="1:4" x14ac:dyDescent="0.25">
      <c r="A8675" s="7">
        <f t="shared" si="408"/>
        <v>44923.12499997898</v>
      </c>
      <c r="B8675" s="8">
        <v>-4.9800999999999998E-2</v>
      </c>
      <c r="C8675">
        <f t="shared" si="406"/>
        <v>3</v>
      </c>
      <c r="D8675">
        <f t="shared" si="407"/>
        <v>12</v>
      </c>
    </row>
    <row r="8676" spans="1:4" x14ac:dyDescent="0.25">
      <c r="A8676" s="7">
        <f t="shared" si="408"/>
        <v>44923.166666645644</v>
      </c>
      <c r="B8676" s="8">
        <v>-4.9800999999999998E-2</v>
      </c>
      <c r="C8676">
        <f t="shared" si="406"/>
        <v>4</v>
      </c>
      <c r="D8676">
        <f t="shared" si="407"/>
        <v>12</v>
      </c>
    </row>
    <row r="8677" spans="1:4" x14ac:dyDescent="0.25">
      <c r="A8677" s="7">
        <f t="shared" si="408"/>
        <v>44923.208333312308</v>
      </c>
      <c r="B8677" s="8">
        <v>-4.9800999999999998E-2</v>
      </c>
      <c r="C8677">
        <f t="shared" si="406"/>
        <v>5</v>
      </c>
      <c r="D8677">
        <f t="shared" si="407"/>
        <v>12</v>
      </c>
    </row>
    <row r="8678" spans="1:4" x14ac:dyDescent="0.25">
      <c r="A8678" s="7">
        <f t="shared" si="408"/>
        <v>44923.249999978972</v>
      </c>
      <c r="B8678" s="8">
        <v>-4.9800999999999998E-2</v>
      </c>
      <c r="C8678">
        <f t="shared" si="406"/>
        <v>6</v>
      </c>
      <c r="D8678">
        <f t="shared" si="407"/>
        <v>12</v>
      </c>
    </row>
    <row r="8679" spans="1:4" x14ac:dyDescent="0.25">
      <c r="A8679" s="7">
        <f t="shared" si="408"/>
        <v>44923.291666645637</v>
      </c>
      <c r="B8679" s="8">
        <v>-4.9800999999999998E-2</v>
      </c>
      <c r="C8679">
        <f t="shared" si="406"/>
        <v>7</v>
      </c>
      <c r="D8679">
        <f t="shared" si="407"/>
        <v>12</v>
      </c>
    </row>
    <row r="8680" spans="1:4" x14ac:dyDescent="0.25">
      <c r="A8680" s="7">
        <f t="shared" si="408"/>
        <v>44923.333333312301</v>
      </c>
      <c r="B8680" s="8">
        <v>-4.9800999999999998E-2</v>
      </c>
      <c r="C8680">
        <f t="shared" si="406"/>
        <v>8</v>
      </c>
      <c r="D8680">
        <f t="shared" si="407"/>
        <v>12</v>
      </c>
    </row>
    <row r="8681" spans="1:4" x14ac:dyDescent="0.25">
      <c r="A8681" s="7">
        <f t="shared" si="408"/>
        <v>44923.374999978965</v>
      </c>
      <c r="B8681" s="8">
        <v>3.4621575730500007</v>
      </c>
      <c r="C8681">
        <f t="shared" si="406"/>
        <v>9</v>
      </c>
      <c r="D8681">
        <f t="shared" si="407"/>
        <v>12</v>
      </c>
    </row>
    <row r="8682" spans="1:4" x14ac:dyDescent="0.25">
      <c r="A8682" s="7">
        <f t="shared" si="408"/>
        <v>44923.416666645629</v>
      </c>
      <c r="B8682" s="8">
        <v>9.093962130747741</v>
      </c>
      <c r="C8682">
        <f t="shared" si="406"/>
        <v>10</v>
      </c>
      <c r="D8682">
        <f t="shared" si="407"/>
        <v>12</v>
      </c>
    </row>
    <row r="8683" spans="1:4" x14ac:dyDescent="0.25">
      <c r="A8683" s="7">
        <f t="shared" si="408"/>
        <v>44923.458333312294</v>
      </c>
      <c r="B8683" s="8">
        <v>15.068632944777837</v>
      </c>
      <c r="C8683">
        <f t="shared" si="406"/>
        <v>11</v>
      </c>
      <c r="D8683">
        <f t="shared" si="407"/>
        <v>12</v>
      </c>
    </row>
    <row r="8684" spans="1:4" x14ac:dyDescent="0.25">
      <c r="A8684" s="7">
        <f t="shared" si="408"/>
        <v>44923.499999978958</v>
      </c>
      <c r="B8684" s="8">
        <v>17.222644458885274</v>
      </c>
      <c r="C8684">
        <f t="shared" si="406"/>
        <v>12</v>
      </c>
      <c r="D8684">
        <f t="shared" si="407"/>
        <v>12</v>
      </c>
    </row>
    <row r="8685" spans="1:4" x14ac:dyDescent="0.25">
      <c r="A8685" s="7">
        <f t="shared" si="408"/>
        <v>44923.541666645622</v>
      </c>
      <c r="B8685" s="8">
        <v>19.046738372112756</v>
      </c>
      <c r="C8685">
        <f t="shared" si="406"/>
        <v>13</v>
      </c>
      <c r="D8685">
        <f t="shared" si="407"/>
        <v>12</v>
      </c>
    </row>
    <row r="8686" spans="1:4" x14ac:dyDescent="0.25">
      <c r="A8686" s="7">
        <f t="shared" si="408"/>
        <v>44923.583333312286</v>
      </c>
      <c r="B8686" s="8">
        <v>18.659061976460528</v>
      </c>
      <c r="C8686">
        <f t="shared" si="406"/>
        <v>14</v>
      </c>
      <c r="D8686">
        <f t="shared" si="407"/>
        <v>12</v>
      </c>
    </row>
    <row r="8687" spans="1:4" x14ac:dyDescent="0.25">
      <c r="A8687" s="7">
        <f t="shared" si="408"/>
        <v>44923.624999978951</v>
      </c>
      <c r="B8687" s="8">
        <v>14.953074130605938</v>
      </c>
      <c r="C8687">
        <f t="shared" si="406"/>
        <v>15</v>
      </c>
      <c r="D8687">
        <f t="shared" si="407"/>
        <v>12</v>
      </c>
    </row>
    <row r="8688" spans="1:4" x14ac:dyDescent="0.25">
      <c r="A8688" s="7">
        <f t="shared" si="408"/>
        <v>44923.666666645615</v>
      </c>
      <c r="B8688" s="8">
        <v>9.6696568374591543</v>
      </c>
      <c r="C8688">
        <f t="shared" si="406"/>
        <v>16</v>
      </c>
      <c r="D8688">
        <f t="shared" si="407"/>
        <v>12</v>
      </c>
    </row>
    <row r="8689" spans="1:4" x14ac:dyDescent="0.25">
      <c r="A8689" s="7">
        <f t="shared" si="408"/>
        <v>44923.708333312279</v>
      </c>
      <c r="B8689" s="8">
        <v>3.3636894587640569</v>
      </c>
      <c r="C8689">
        <f t="shared" si="406"/>
        <v>17</v>
      </c>
      <c r="D8689">
        <f t="shared" si="407"/>
        <v>12</v>
      </c>
    </row>
    <row r="8690" spans="1:4" x14ac:dyDescent="0.25">
      <c r="A8690" s="7">
        <f t="shared" si="408"/>
        <v>44923.749999978943</v>
      </c>
      <c r="B8690" s="8">
        <v>-4.9800999999999998E-2</v>
      </c>
      <c r="C8690">
        <f t="shared" si="406"/>
        <v>18</v>
      </c>
      <c r="D8690">
        <f t="shared" si="407"/>
        <v>12</v>
      </c>
    </row>
    <row r="8691" spans="1:4" x14ac:dyDescent="0.25">
      <c r="A8691" s="7">
        <f t="shared" si="408"/>
        <v>44923.791666645608</v>
      </c>
      <c r="B8691" s="8">
        <v>-4.9800999999999998E-2</v>
      </c>
      <c r="C8691">
        <f t="shared" si="406"/>
        <v>19</v>
      </c>
      <c r="D8691">
        <f t="shared" si="407"/>
        <v>12</v>
      </c>
    </row>
    <row r="8692" spans="1:4" x14ac:dyDescent="0.25">
      <c r="A8692" s="7">
        <f t="shared" si="408"/>
        <v>44923.833333312272</v>
      </c>
      <c r="B8692" s="8">
        <v>-4.9800999999999998E-2</v>
      </c>
      <c r="C8692">
        <f t="shared" si="406"/>
        <v>20</v>
      </c>
      <c r="D8692">
        <f t="shared" si="407"/>
        <v>12</v>
      </c>
    </row>
    <row r="8693" spans="1:4" x14ac:dyDescent="0.25">
      <c r="A8693" s="7">
        <f t="shared" si="408"/>
        <v>44923.874999978936</v>
      </c>
      <c r="B8693" s="8">
        <v>-4.9800999999999998E-2</v>
      </c>
      <c r="C8693">
        <f t="shared" si="406"/>
        <v>21</v>
      </c>
      <c r="D8693">
        <f t="shared" si="407"/>
        <v>12</v>
      </c>
    </row>
    <row r="8694" spans="1:4" x14ac:dyDescent="0.25">
      <c r="A8694" s="7">
        <f t="shared" si="408"/>
        <v>44923.9166666456</v>
      </c>
      <c r="B8694" s="8">
        <v>-4.9800999999999998E-2</v>
      </c>
      <c r="C8694">
        <f t="shared" si="406"/>
        <v>22</v>
      </c>
      <c r="D8694">
        <f t="shared" si="407"/>
        <v>12</v>
      </c>
    </row>
    <row r="8695" spans="1:4" x14ac:dyDescent="0.25">
      <c r="A8695" s="7">
        <f t="shared" si="408"/>
        <v>44923.958333312265</v>
      </c>
      <c r="B8695" s="8">
        <v>-4.9800999999999998E-2</v>
      </c>
      <c r="C8695">
        <f t="shared" si="406"/>
        <v>23</v>
      </c>
      <c r="D8695">
        <f t="shared" si="407"/>
        <v>12</v>
      </c>
    </row>
    <row r="8696" spans="1:4" x14ac:dyDescent="0.25">
      <c r="A8696" s="7">
        <f t="shared" si="408"/>
        <v>44923.999999978929</v>
      </c>
      <c r="B8696" s="8">
        <v>-4.9800999999999998E-2</v>
      </c>
      <c r="C8696">
        <f t="shared" si="406"/>
        <v>0</v>
      </c>
      <c r="D8696">
        <f t="shared" si="407"/>
        <v>12</v>
      </c>
    </row>
    <row r="8697" spans="1:4" x14ac:dyDescent="0.25">
      <c r="A8697" s="7">
        <f t="shared" si="408"/>
        <v>44924.041666645593</v>
      </c>
      <c r="B8697" s="8">
        <v>-4.9800999999999998E-2</v>
      </c>
      <c r="C8697">
        <f t="shared" si="406"/>
        <v>1</v>
      </c>
      <c r="D8697">
        <f t="shared" si="407"/>
        <v>12</v>
      </c>
    </row>
    <row r="8698" spans="1:4" x14ac:dyDescent="0.25">
      <c r="A8698" s="7">
        <f t="shared" si="408"/>
        <v>44924.083333312257</v>
      </c>
      <c r="B8698" s="8">
        <v>-4.9800999999999998E-2</v>
      </c>
      <c r="C8698">
        <f t="shared" si="406"/>
        <v>2</v>
      </c>
      <c r="D8698">
        <f t="shared" si="407"/>
        <v>12</v>
      </c>
    </row>
    <row r="8699" spans="1:4" x14ac:dyDescent="0.25">
      <c r="A8699" s="7">
        <f t="shared" si="408"/>
        <v>44924.124999978922</v>
      </c>
      <c r="B8699" s="8">
        <v>-4.9800999999999998E-2</v>
      </c>
      <c r="C8699">
        <f t="shared" si="406"/>
        <v>3</v>
      </c>
      <c r="D8699">
        <f t="shared" si="407"/>
        <v>12</v>
      </c>
    </row>
    <row r="8700" spans="1:4" x14ac:dyDescent="0.25">
      <c r="A8700" s="7">
        <f t="shared" si="408"/>
        <v>44924.166666645586</v>
      </c>
      <c r="B8700" s="8">
        <v>-4.9800999999999998E-2</v>
      </c>
      <c r="C8700">
        <f t="shared" si="406"/>
        <v>4</v>
      </c>
      <c r="D8700">
        <f t="shared" si="407"/>
        <v>12</v>
      </c>
    </row>
    <row r="8701" spans="1:4" x14ac:dyDescent="0.25">
      <c r="A8701" s="7">
        <f t="shared" si="408"/>
        <v>44924.20833331225</v>
      </c>
      <c r="B8701" s="8">
        <v>-4.9800999999999998E-2</v>
      </c>
      <c r="C8701">
        <f t="shared" si="406"/>
        <v>5</v>
      </c>
      <c r="D8701">
        <f t="shared" si="407"/>
        <v>12</v>
      </c>
    </row>
    <row r="8702" spans="1:4" x14ac:dyDescent="0.25">
      <c r="A8702" s="7">
        <f t="shared" si="408"/>
        <v>44924.249999978914</v>
      </c>
      <c r="B8702" s="8">
        <v>-4.9800999999999998E-2</v>
      </c>
      <c r="C8702">
        <f t="shared" si="406"/>
        <v>6</v>
      </c>
      <c r="D8702">
        <f t="shared" si="407"/>
        <v>12</v>
      </c>
    </row>
    <row r="8703" spans="1:4" x14ac:dyDescent="0.25">
      <c r="A8703" s="7">
        <f t="shared" si="408"/>
        <v>44924.291666645579</v>
      </c>
      <c r="B8703" s="8">
        <v>-4.9800999999999998E-2</v>
      </c>
      <c r="C8703">
        <f t="shared" si="406"/>
        <v>7</v>
      </c>
      <c r="D8703">
        <f t="shared" si="407"/>
        <v>12</v>
      </c>
    </row>
    <row r="8704" spans="1:4" x14ac:dyDescent="0.25">
      <c r="A8704" s="7">
        <f t="shared" si="408"/>
        <v>44924.333333312243</v>
      </c>
      <c r="B8704" s="8">
        <v>-4.9800999999999998E-2</v>
      </c>
      <c r="C8704">
        <f t="shared" si="406"/>
        <v>8</v>
      </c>
      <c r="D8704">
        <f t="shared" si="407"/>
        <v>12</v>
      </c>
    </row>
    <row r="8705" spans="1:4" x14ac:dyDescent="0.25">
      <c r="A8705" s="7">
        <f t="shared" si="408"/>
        <v>44924.374999978907</v>
      </c>
      <c r="B8705" s="8">
        <v>2.0687187907243483</v>
      </c>
      <c r="C8705">
        <f t="shared" si="406"/>
        <v>9</v>
      </c>
      <c r="D8705">
        <f t="shared" si="407"/>
        <v>12</v>
      </c>
    </row>
    <row r="8706" spans="1:4" x14ac:dyDescent="0.25">
      <c r="A8706" s="7">
        <f t="shared" si="408"/>
        <v>44924.416666645571</v>
      </c>
      <c r="B8706" s="8">
        <v>2.3926794329514181</v>
      </c>
      <c r="C8706">
        <f t="shared" si="406"/>
        <v>10</v>
      </c>
      <c r="D8706">
        <f t="shared" si="407"/>
        <v>12</v>
      </c>
    </row>
    <row r="8707" spans="1:4" x14ac:dyDescent="0.25">
      <c r="A8707" s="7">
        <f t="shared" si="408"/>
        <v>44924.458333312235</v>
      </c>
      <c r="B8707" s="8">
        <v>9.5053736055999671</v>
      </c>
      <c r="C8707">
        <f t="shared" si="406"/>
        <v>11</v>
      </c>
      <c r="D8707">
        <f t="shared" si="407"/>
        <v>12</v>
      </c>
    </row>
    <row r="8708" spans="1:4" x14ac:dyDescent="0.25">
      <c r="A8708" s="7">
        <f t="shared" si="408"/>
        <v>44924.4999999789</v>
      </c>
      <c r="B8708" s="8">
        <v>13.729227281527194</v>
      </c>
      <c r="C8708">
        <f t="shared" si="406"/>
        <v>12</v>
      </c>
      <c r="D8708">
        <f t="shared" si="407"/>
        <v>12</v>
      </c>
    </row>
    <row r="8709" spans="1:4" x14ac:dyDescent="0.25">
      <c r="A8709" s="7">
        <f t="shared" si="408"/>
        <v>44924.541666645564</v>
      </c>
      <c r="B8709" s="8">
        <v>19.675536582552308</v>
      </c>
      <c r="C8709">
        <f t="shared" si="406"/>
        <v>13</v>
      </c>
      <c r="D8709">
        <f t="shared" si="407"/>
        <v>12</v>
      </c>
    </row>
    <row r="8710" spans="1:4" x14ac:dyDescent="0.25">
      <c r="A8710" s="7">
        <f t="shared" si="408"/>
        <v>44924.583333312228</v>
      </c>
      <c r="B8710" s="8">
        <v>18.785350530517412</v>
      </c>
      <c r="C8710">
        <f t="shared" si="406"/>
        <v>14</v>
      </c>
      <c r="D8710">
        <f t="shared" si="407"/>
        <v>12</v>
      </c>
    </row>
    <row r="8711" spans="1:4" x14ac:dyDescent="0.25">
      <c r="A8711" s="7">
        <f t="shared" si="408"/>
        <v>44924.624999978892</v>
      </c>
      <c r="B8711" s="8">
        <v>15.792360135244856</v>
      </c>
      <c r="C8711">
        <f t="shared" si="406"/>
        <v>15</v>
      </c>
      <c r="D8711">
        <f t="shared" si="407"/>
        <v>12</v>
      </c>
    </row>
    <row r="8712" spans="1:4" x14ac:dyDescent="0.25">
      <c r="A8712" s="7">
        <f t="shared" si="408"/>
        <v>44924.666666645557</v>
      </c>
      <c r="B8712" s="8">
        <v>9.5911290754251226</v>
      </c>
      <c r="C8712">
        <f t="shared" si="406"/>
        <v>16</v>
      </c>
      <c r="D8712">
        <f t="shared" si="407"/>
        <v>12</v>
      </c>
    </row>
    <row r="8713" spans="1:4" x14ac:dyDescent="0.25">
      <c r="A8713" s="7">
        <f t="shared" si="408"/>
        <v>44924.708333312221</v>
      </c>
      <c r="B8713" s="8">
        <v>3.2429919947922792</v>
      </c>
      <c r="C8713">
        <f t="shared" si="406"/>
        <v>17</v>
      </c>
      <c r="D8713">
        <f t="shared" si="407"/>
        <v>12</v>
      </c>
    </row>
    <row r="8714" spans="1:4" x14ac:dyDescent="0.25">
      <c r="A8714" s="7">
        <f t="shared" si="408"/>
        <v>44924.749999978885</v>
      </c>
      <c r="B8714" s="8">
        <v>-4.9800999999999998E-2</v>
      </c>
      <c r="C8714">
        <f t="shared" ref="C8714:C8768" si="409">HOUR(A8714)</f>
        <v>18</v>
      </c>
      <c r="D8714">
        <f t="shared" ref="D8714:D8768" si="410">MONTH(A8714)</f>
        <v>12</v>
      </c>
    </row>
    <row r="8715" spans="1:4" x14ac:dyDescent="0.25">
      <c r="A8715" s="7">
        <f t="shared" ref="A8715:A8768" si="411">+A8714+1/24</f>
        <v>44924.791666645549</v>
      </c>
      <c r="B8715" s="8">
        <v>-4.9800999999999998E-2</v>
      </c>
      <c r="C8715">
        <f t="shared" si="409"/>
        <v>19</v>
      </c>
      <c r="D8715">
        <f t="shared" si="410"/>
        <v>12</v>
      </c>
    </row>
    <row r="8716" spans="1:4" x14ac:dyDescent="0.25">
      <c r="A8716" s="7">
        <f t="shared" si="411"/>
        <v>44924.833333312214</v>
      </c>
      <c r="B8716" s="8">
        <v>-4.9800999999999998E-2</v>
      </c>
      <c r="C8716">
        <f t="shared" si="409"/>
        <v>20</v>
      </c>
      <c r="D8716">
        <f t="shared" si="410"/>
        <v>12</v>
      </c>
    </row>
    <row r="8717" spans="1:4" x14ac:dyDescent="0.25">
      <c r="A8717" s="7">
        <f t="shared" si="411"/>
        <v>44924.874999978878</v>
      </c>
      <c r="B8717" s="8">
        <v>-4.9800999999999998E-2</v>
      </c>
      <c r="C8717">
        <f t="shared" si="409"/>
        <v>21</v>
      </c>
      <c r="D8717">
        <f t="shared" si="410"/>
        <v>12</v>
      </c>
    </row>
    <row r="8718" spans="1:4" x14ac:dyDescent="0.25">
      <c r="A8718" s="7">
        <f t="shared" si="411"/>
        <v>44924.916666645542</v>
      </c>
      <c r="B8718" s="8">
        <v>-4.9800999999999998E-2</v>
      </c>
      <c r="C8718">
        <f t="shared" si="409"/>
        <v>22</v>
      </c>
      <c r="D8718">
        <f t="shared" si="410"/>
        <v>12</v>
      </c>
    </row>
    <row r="8719" spans="1:4" x14ac:dyDescent="0.25">
      <c r="A8719" s="7">
        <f t="shared" si="411"/>
        <v>44924.958333312206</v>
      </c>
      <c r="B8719" s="8">
        <v>-4.9800999999999998E-2</v>
      </c>
      <c r="C8719">
        <f t="shared" si="409"/>
        <v>23</v>
      </c>
      <c r="D8719">
        <f t="shared" si="410"/>
        <v>12</v>
      </c>
    </row>
    <row r="8720" spans="1:4" x14ac:dyDescent="0.25">
      <c r="A8720" s="7">
        <f t="shared" si="411"/>
        <v>44924.999999978871</v>
      </c>
      <c r="B8720" s="8">
        <v>-4.9800999999999998E-2</v>
      </c>
      <c r="C8720">
        <f t="shared" si="409"/>
        <v>0</v>
      </c>
      <c r="D8720">
        <f t="shared" si="410"/>
        <v>12</v>
      </c>
    </row>
    <row r="8721" spans="1:4" x14ac:dyDescent="0.25">
      <c r="A8721" s="7">
        <f t="shared" si="411"/>
        <v>44925.041666645535</v>
      </c>
      <c r="B8721" s="8">
        <v>-4.9800999999999998E-2</v>
      </c>
      <c r="C8721">
        <f t="shared" si="409"/>
        <v>1</v>
      </c>
      <c r="D8721">
        <f t="shared" si="410"/>
        <v>12</v>
      </c>
    </row>
    <row r="8722" spans="1:4" x14ac:dyDescent="0.25">
      <c r="A8722" s="7">
        <f t="shared" si="411"/>
        <v>44925.083333312199</v>
      </c>
      <c r="B8722" s="8">
        <v>-4.9800999999999998E-2</v>
      </c>
      <c r="C8722">
        <f t="shared" si="409"/>
        <v>2</v>
      </c>
      <c r="D8722">
        <f t="shared" si="410"/>
        <v>12</v>
      </c>
    </row>
    <row r="8723" spans="1:4" x14ac:dyDescent="0.25">
      <c r="A8723" s="7">
        <f t="shared" si="411"/>
        <v>44925.124999978863</v>
      </c>
      <c r="B8723" s="8">
        <v>-4.9800999999999998E-2</v>
      </c>
      <c r="C8723">
        <f t="shared" si="409"/>
        <v>3</v>
      </c>
      <c r="D8723">
        <f t="shared" si="410"/>
        <v>12</v>
      </c>
    </row>
    <row r="8724" spans="1:4" x14ac:dyDescent="0.25">
      <c r="A8724" s="7">
        <f t="shared" si="411"/>
        <v>44925.166666645528</v>
      </c>
      <c r="B8724" s="8">
        <v>-4.9800999999999998E-2</v>
      </c>
      <c r="C8724">
        <f t="shared" si="409"/>
        <v>4</v>
      </c>
      <c r="D8724">
        <f t="shared" si="410"/>
        <v>12</v>
      </c>
    </row>
    <row r="8725" spans="1:4" x14ac:dyDescent="0.25">
      <c r="A8725" s="7">
        <f t="shared" si="411"/>
        <v>44925.208333312192</v>
      </c>
      <c r="B8725" s="8">
        <v>-4.9800999999999998E-2</v>
      </c>
      <c r="C8725">
        <f t="shared" si="409"/>
        <v>5</v>
      </c>
      <c r="D8725">
        <f t="shared" si="410"/>
        <v>12</v>
      </c>
    </row>
    <row r="8726" spans="1:4" x14ac:dyDescent="0.25">
      <c r="A8726" s="7">
        <f t="shared" si="411"/>
        <v>44925.249999978856</v>
      </c>
      <c r="B8726" s="8">
        <v>-4.9800999999999998E-2</v>
      </c>
      <c r="C8726">
        <f t="shared" si="409"/>
        <v>6</v>
      </c>
      <c r="D8726">
        <f t="shared" si="410"/>
        <v>12</v>
      </c>
    </row>
    <row r="8727" spans="1:4" x14ac:dyDescent="0.25">
      <c r="A8727" s="7">
        <f t="shared" si="411"/>
        <v>44925.29166664552</v>
      </c>
      <c r="B8727" s="8">
        <v>-4.9800999999999998E-2</v>
      </c>
      <c r="C8727">
        <f t="shared" si="409"/>
        <v>7</v>
      </c>
      <c r="D8727">
        <f t="shared" si="410"/>
        <v>12</v>
      </c>
    </row>
    <row r="8728" spans="1:4" x14ac:dyDescent="0.25">
      <c r="A8728" s="7">
        <f t="shared" si="411"/>
        <v>44925.333333312185</v>
      </c>
      <c r="B8728" s="8">
        <v>-4.9800999999999998E-2</v>
      </c>
      <c r="C8728">
        <f t="shared" si="409"/>
        <v>8</v>
      </c>
      <c r="D8728">
        <f t="shared" si="410"/>
        <v>12</v>
      </c>
    </row>
    <row r="8729" spans="1:4" x14ac:dyDescent="0.25">
      <c r="A8729" s="7">
        <f t="shared" si="411"/>
        <v>44925.374999978849</v>
      </c>
      <c r="B8729" s="8">
        <v>0.44663173523349758</v>
      </c>
      <c r="C8729">
        <f t="shared" si="409"/>
        <v>9</v>
      </c>
      <c r="D8729">
        <f t="shared" si="410"/>
        <v>12</v>
      </c>
    </row>
    <row r="8730" spans="1:4" x14ac:dyDescent="0.25">
      <c r="A8730" s="7">
        <f t="shared" si="411"/>
        <v>44925.416666645513</v>
      </c>
      <c r="B8730" s="8">
        <v>7.3412311393198868</v>
      </c>
      <c r="C8730">
        <f t="shared" si="409"/>
        <v>10</v>
      </c>
      <c r="D8730">
        <f t="shared" si="410"/>
        <v>12</v>
      </c>
    </row>
    <row r="8731" spans="1:4" x14ac:dyDescent="0.25">
      <c r="A8731" s="7">
        <f t="shared" si="411"/>
        <v>44925.458333312177</v>
      </c>
      <c r="B8731" s="8">
        <v>14.981765440629765</v>
      </c>
      <c r="C8731">
        <f t="shared" si="409"/>
        <v>11</v>
      </c>
      <c r="D8731">
        <f t="shared" si="410"/>
        <v>12</v>
      </c>
    </row>
    <row r="8732" spans="1:4" x14ac:dyDescent="0.25">
      <c r="A8732" s="7">
        <f t="shared" si="411"/>
        <v>44925.499999978842</v>
      </c>
      <c r="B8732" s="8">
        <v>20.178738812674553</v>
      </c>
      <c r="C8732">
        <f t="shared" si="409"/>
        <v>12</v>
      </c>
      <c r="D8732">
        <f t="shared" si="410"/>
        <v>12</v>
      </c>
    </row>
    <row r="8733" spans="1:4" x14ac:dyDescent="0.25">
      <c r="A8733" s="7">
        <f t="shared" si="411"/>
        <v>44925.541666645506</v>
      </c>
      <c r="B8733" s="8">
        <v>20.451265548581386</v>
      </c>
      <c r="C8733">
        <f t="shared" si="409"/>
        <v>13</v>
      </c>
      <c r="D8733">
        <f t="shared" si="410"/>
        <v>12</v>
      </c>
    </row>
    <row r="8734" spans="1:4" x14ac:dyDescent="0.25">
      <c r="A8734" s="7">
        <f t="shared" si="411"/>
        <v>44925.58333331217</v>
      </c>
      <c r="B8734" s="8">
        <v>18.442250324424808</v>
      </c>
      <c r="C8734">
        <f t="shared" si="409"/>
        <v>14</v>
      </c>
      <c r="D8734">
        <f t="shared" si="410"/>
        <v>12</v>
      </c>
    </row>
    <row r="8735" spans="1:4" x14ac:dyDescent="0.25">
      <c r="A8735" s="7">
        <f t="shared" si="411"/>
        <v>44925.624999978834</v>
      </c>
      <c r="B8735" s="8">
        <v>17.089552810699029</v>
      </c>
      <c r="C8735">
        <f t="shared" si="409"/>
        <v>15</v>
      </c>
      <c r="D8735">
        <f t="shared" si="410"/>
        <v>12</v>
      </c>
    </row>
    <row r="8736" spans="1:4" x14ac:dyDescent="0.25">
      <c r="A8736" s="7">
        <f t="shared" si="411"/>
        <v>44925.666666645498</v>
      </c>
      <c r="B8736" s="8">
        <v>8.9785177149167534</v>
      </c>
      <c r="C8736">
        <f t="shared" si="409"/>
        <v>16</v>
      </c>
      <c r="D8736">
        <f t="shared" si="410"/>
        <v>12</v>
      </c>
    </row>
    <row r="8737" spans="1:4" x14ac:dyDescent="0.25">
      <c r="A8737" s="7">
        <f t="shared" si="411"/>
        <v>44925.708333312163</v>
      </c>
      <c r="B8737" s="8">
        <v>3.338033311929288</v>
      </c>
      <c r="C8737">
        <f t="shared" si="409"/>
        <v>17</v>
      </c>
      <c r="D8737">
        <f t="shared" si="410"/>
        <v>12</v>
      </c>
    </row>
    <row r="8738" spans="1:4" x14ac:dyDescent="0.25">
      <c r="A8738" s="7">
        <f t="shared" si="411"/>
        <v>44925.749999978827</v>
      </c>
      <c r="B8738" s="8">
        <v>-4.9800999999999998E-2</v>
      </c>
      <c r="C8738">
        <f t="shared" si="409"/>
        <v>18</v>
      </c>
      <c r="D8738">
        <f t="shared" si="410"/>
        <v>12</v>
      </c>
    </row>
    <row r="8739" spans="1:4" x14ac:dyDescent="0.25">
      <c r="A8739" s="7">
        <f t="shared" si="411"/>
        <v>44925.791666645491</v>
      </c>
      <c r="B8739" s="8">
        <v>-4.9800999999999998E-2</v>
      </c>
      <c r="C8739">
        <f t="shared" si="409"/>
        <v>19</v>
      </c>
      <c r="D8739">
        <f t="shared" si="410"/>
        <v>12</v>
      </c>
    </row>
    <row r="8740" spans="1:4" x14ac:dyDescent="0.25">
      <c r="A8740" s="7">
        <f t="shared" si="411"/>
        <v>44925.833333312155</v>
      </c>
      <c r="B8740" s="8">
        <v>-4.9800999999999998E-2</v>
      </c>
      <c r="C8740">
        <f t="shared" si="409"/>
        <v>20</v>
      </c>
      <c r="D8740">
        <f t="shared" si="410"/>
        <v>12</v>
      </c>
    </row>
    <row r="8741" spans="1:4" x14ac:dyDescent="0.25">
      <c r="A8741" s="7">
        <f t="shared" si="411"/>
        <v>44925.87499997882</v>
      </c>
      <c r="B8741" s="8">
        <v>-4.9800999999999998E-2</v>
      </c>
      <c r="C8741">
        <f t="shared" si="409"/>
        <v>21</v>
      </c>
      <c r="D8741">
        <f t="shared" si="410"/>
        <v>12</v>
      </c>
    </row>
    <row r="8742" spans="1:4" x14ac:dyDescent="0.25">
      <c r="A8742" s="7">
        <f t="shared" si="411"/>
        <v>44925.916666645484</v>
      </c>
      <c r="B8742" s="8">
        <v>-4.9800999999999998E-2</v>
      </c>
      <c r="C8742">
        <f t="shared" si="409"/>
        <v>22</v>
      </c>
      <c r="D8742">
        <f t="shared" si="410"/>
        <v>12</v>
      </c>
    </row>
    <row r="8743" spans="1:4" x14ac:dyDescent="0.25">
      <c r="A8743" s="7">
        <f t="shared" si="411"/>
        <v>44925.958333312148</v>
      </c>
      <c r="B8743" s="8">
        <v>-4.9800999999999998E-2</v>
      </c>
      <c r="C8743">
        <f t="shared" si="409"/>
        <v>23</v>
      </c>
      <c r="D8743">
        <f t="shared" si="410"/>
        <v>12</v>
      </c>
    </row>
    <row r="8744" spans="1:4" x14ac:dyDescent="0.25">
      <c r="A8744" s="7">
        <f t="shared" si="411"/>
        <v>44925.999999978812</v>
      </c>
      <c r="B8744" s="8">
        <v>-4.9800999999999998E-2</v>
      </c>
      <c r="C8744">
        <f t="shared" si="409"/>
        <v>0</v>
      </c>
      <c r="D8744">
        <f t="shared" si="410"/>
        <v>12</v>
      </c>
    </row>
    <row r="8745" spans="1:4" x14ac:dyDescent="0.25">
      <c r="A8745" s="7">
        <f t="shared" si="411"/>
        <v>44926.041666645477</v>
      </c>
      <c r="B8745" s="8">
        <v>-4.9800999999999998E-2</v>
      </c>
      <c r="C8745">
        <f t="shared" si="409"/>
        <v>1</v>
      </c>
      <c r="D8745">
        <f t="shared" si="410"/>
        <v>12</v>
      </c>
    </row>
    <row r="8746" spans="1:4" x14ac:dyDescent="0.25">
      <c r="A8746" s="7">
        <f t="shared" si="411"/>
        <v>44926.083333312141</v>
      </c>
      <c r="B8746" s="8">
        <v>-4.9800999999999998E-2</v>
      </c>
      <c r="C8746">
        <f t="shared" si="409"/>
        <v>2</v>
      </c>
      <c r="D8746">
        <f t="shared" si="410"/>
        <v>12</v>
      </c>
    </row>
    <row r="8747" spans="1:4" x14ac:dyDescent="0.25">
      <c r="A8747" s="7">
        <f t="shared" si="411"/>
        <v>44926.124999978805</v>
      </c>
      <c r="B8747" s="8">
        <v>-4.9800999999999998E-2</v>
      </c>
      <c r="C8747">
        <f t="shared" si="409"/>
        <v>3</v>
      </c>
      <c r="D8747">
        <f t="shared" si="410"/>
        <v>12</v>
      </c>
    </row>
    <row r="8748" spans="1:4" x14ac:dyDescent="0.25">
      <c r="A8748" s="7">
        <f t="shared" si="411"/>
        <v>44926.166666645469</v>
      </c>
      <c r="B8748" s="8">
        <v>-4.9800999999999998E-2</v>
      </c>
      <c r="C8748">
        <f t="shared" si="409"/>
        <v>4</v>
      </c>
      <c r="D8748">
        <f t="shared" si="410"/>
        <v>12</v>
      </c>
    </row>
    <row r="8749" spans="1:4" x14ac:dyDescent="0.25">
      <c r="A8749" s="7">
        <f t="shared" si="411"/>
        <v>44926.208333312134</v>
      </c>
      <c r="B8749" s="8">
        <v>-4.9800999999999998E-2</v>
      </c>
      <c r="C8749">
        <f t="shared" si="409"/>
        <v>5</v>
      </c>
      <c r="D8749">
        <f t="shared" si="410"/>
        <v>12</v>
      </c>
    </row>
    <row r="8750" spans="1:4" x14ac:dyDescent="0.25">
      <c r="A8750" s="7">
        <f t="shared" si="411"/>
        <v>44926.249999978798</v>
      </c>
      <c r="B8750" s="8">
        <v>-4.9800999999999998E-2</v>
      </c>
      <c r="C8750">
        <f t="shared" si="409"/>
        <v>6</v>
      </c>
      <c r="D8750">
        <f t="shared" si="410"/>
        <v>12</v>
      </c>
    </row>
    <row r="8751" spans="1:4" x14ac:dyDescent="0.25">
      <c r="A8751" s="7">
        <f t="shared" si="411"/>
        <v>44926.291666645462</v>
      </c>
      <c r="B8751" s="8">
        <v>-4.9800999999999998E-2</v>
      </c>
      <c r="C8751">
        <f t="shared" si="409"/>
        <v>7</v>
      </c>
      <c r="D8751">
        <f t="shared" si="410"/>
        <v>12</v>
      </c>
    </row>
    <row r="8752" spans="1:4" x14ac:dyDescent="0.25">
      <c r="A8752" s="7">
        <f t="shared" si="411"/>
        <v>44926.333333312126</v>
      </c>
      <c r="B8752" s="8">
        <v>-4.9800999999999998E-2</v>
      </c>
      <c r="C8752">
        <f t="shared" si="409"/>
        <v>8</v>
      </c>
      <c r="D8752">
        <f t="shared" si="410"/>
        <v>12</v>
      </c>
    </row>
    <row r="8753" spans="1:4" x14ac:dyDescent="0.25">
      <c r="A8753" s="7">
        <f t="shared" si="411"/>
        <v>44926.374999978791</v>
      </c>
      <c r="B8753" s="8">
        <v>2.4745020733268479</v>
      </c>
      <c r="C8753">
        <f t="shared" si="409"/>
        <v>9</v>
      </c>
      <c r="D8753">
        <f t="shared" si="410"/>
        <v>12</v>
      </c>
    </row>
    <row r="8754" spans="1:4" x14ac:dyDescent="0.25">
      <c r="A8754" s="7">
        <f t="shared" si="411"/>
        <v>44926.416666645455</v>
      </c>
      <c r="B8754" s="8">
        <v>5.2686382642397946</v>
      </c>
      <c r="C8754">
        <f t="shared" si="409"/>
        <v>10</v>
      </c>
      <c r="D8754">
        <f t="shared" si="410"/>
        <v>12</v>
      </c>
    </row>
    <row r="8755" spans="1:4" x14ac:dyDescent="0.25">
      <c r="A8755" s="7">
        <f t="shared" si="411"/>
        <v>44926.458333312119</v>
      </c>
      <c r="B8755" s="8">
        <v>5.4487290794584942</v>
      </c>
      <c r="C8755">
        <f t="shared" si="409"/>
        <v>11</v>
      </c>
      <c r="D8755">
        <f t="shared" si="410"/>
        <v>12</v>
      </c>
    </row>
    <row r="8756" spans="1:4" x14ac:dyDescent="0.25">
      <c r="A8756" s="7">
        <f t="shared" si="411"/>
        <v>44926.499999978783</v>
      </c>
      <c r="B8756" s="8">
        <v>6.3122582568295655</v>
      </c>
      <c r="C8756">
        <f t="shared" si="409"/>
        <v>12</v>
      </c>
      <c r="D8756">
        <f t="shared" si="410"/>
        <v>12</v>
      </c>
    </row>
    <row r="8757" spans="1:4" x14ac:dyDescent="0.25">
      <c r="A8757" s="7">
        <f t="shared" si="411"/>
        <v>44926.541666645448</v>
      </c>
      <c r="B8757" s="8">
        <v>11.337579494875349</v>
      </c>
      <c r="C8757">
        <f t="shared" si="409"/>
        <v>13</v>
      </c>
      <c r="D8757">
        <f t="shared" si="410"/>
        <v>12</v>
      </c>
    </row>
    <row r="8758" spans="1:4" x14ac:dyDescent="0.25">
      <c r="A8758" s="7">
        <f t="shared" si="411"/>
        <v>44926.583333312112</v>
      </c>
      <c r="B8758" s="8">
        <v>19.701981150385254</v>
      </c>
      <c r="C8758">
        <f t="shared" si="409"/>
        <v>14</v>
      </c>
      <c r="D8758">
        <f t="shared" si="410"/>
        <v>12</v>
      </c>
    </row>
    <row r="8759" spans="1:4" x14ac:dyDescent="0.25">
      <c r="A8759" s="7">
        <f t="shared" si="411"/>
        <v>44926.624999978776</v>
      </c>
      <c r="B8759" s="8">
        <v>12.112670509796098</v>
      </c>
      <c r="C8759">
        <f t="shared" si="409"/>
        <v>15</v>
      </c>
      <c r="D8759">
        <f t="shared" si="410"/>
        <v>12</v>
      </c>
    </row>
    <row r="8760" spans="1:4" x14ac:dyDescent="0.25">
      <c r="A8760" s="7">
        <f t="shared" si="411"/>
        <v>44926.66666664544</v>
      </c>
      <c r="B8760" s="8">
        <v>3.2670228606935527</v>
      </c>
      <c r="C8760">
        <f t="shared" si="409"/>
        <v>16</v>
      </c>
      <c r="D8760">
        <f t="shared" si="410"/>
        <v>12</v>
      </c>
    </row>
    <row r="8761" spans="1:4" x14ac:dyDescent="0.25">
      <c r="A8761" s="7">
        <f t="shared" si="411"/>
        <v>44926.708333312105</v>
      </c>
      <c r="B8761" s="8">
        <v>3.2503454376968373</v>
      </c>
      <c r="C8761">
        <f t="shared" si="409"/>
        <v>17</v>
      </c>
      <c r="D8761">
        <f t="shared" si="410"/>
        <v>12</v>
      </c>
    </row>
    <row r="8762" spans="1:4" x14ac:dyDescent="0.25">
      <c r="A8762" s="7">
        <f t="shared" si="411"/>
        <v>44926.749999978769</v>
      </c>
      <c r="B8762" s="8">
        <v>-4.9800999999999998E-2</v>
      </c>
      <c r="C8762">
        <f t="shared" si="409"/>
        <v>18</v>
      </c>
      <c r="D8762">
        <f t="shared" si="410"/>
        <v>12</v>
      </c>
    </row>
    <row r="8763" spans="1:4" x14ac:dyDescent="0.25">
      <c r="A8763" s="7">
        <f t="shared" si="411"/>
        <v>44926.791666645433</v>
      </c>
      <c r="B8763" s="8">
        <v>-4.9800999999999998E-2</v>
      </c>
      <c r="C8763">
        <f t="shared" si="409"/>
        <v>19</v>
      </c>
      <c r="D8763">
        <f t="shared" si="410"/>
        <v>12</v>
      </c>
    </row>
    <row r="8764" spans="1:4" x14ac:dyDescent="0.25">
      <c r="A8764" s="7">
        <f t="shared" si="411"/>
        <v>44926.833333312097</v>
      </c>
      <c r="B8764" s="8">
        <v>-4.9800999999999998E-2</v>
      </c>
      <c r="C8764">
        <f t="shared" si="409"/>
        <v>20</v>
      </c>
      <c r="D8764">
        <f t="shared" si="410"/>
        <v>12</v>
      </c>
    </row>
    <row r="8765" spans="1:4" x14ac:dyDescent="0.25">
      <c r="A8765" s="7">
        <f t="shared" si="411"/>
        <v>44926.874999978761</v>
      </c>
      <c r="B8765" s="8">
        <v>-4.9800999999999998E-2</v>
      </c>
      <c r="C8765">
        <f t="shared" si="409"/>
        <v>21</v>
      </c>
      <c r="D8765">
        <f t="shared" si="410"/>
        <v>12</v>
      </c>
    </row>
    <row r="8766" spans="1:4" x14ac:dyDescent="0.25">
      <c r="A8766" s="7">
        <f t="shared" si="411"/>
        <v>44926.916666645426</v>
      </c>
      <c r="B8766" s="8">
        <v>-4.9800999999999998E-2</v>
      </c>
      <c r="C8766">
        <f t="shared" si="409"/>
        <v>22</v>
      </c>
      <c r="D8766">
        <f t="shared" si="410"/>
        <v>12</v>
      </c>
    </row>
    <row r="8767" spans="1:4" x14ac:dyDescent="0.25">
      <c r="A8767" s="7">
        <f t="shared" si="411"/>
        <v>44926.95833331209</v>
      </c>
      <c r="B8767" s="8">
        <v>-4.9800999999999998E-2</v>
      </c>
      <c r="C8767">
        <f t="shared" si="409"/>
        <v>23</v>
      </c>
      <c r="D8767">
        <f t="shared" si="410"/>
        <v>12</v>
      </c>
    </row>
    <row r="8768" spans="1:4" x14ac:dyDescent="0.25">
      <c r="A8768" s="7">
        <f t="shared" si="411"/>
        <v>44926.999999978754</v>
      </c>
      <c r="B8768" s="8">
        <v>-4.9800999999999998E-2</v>
      </c>
      <c r="C8768">
        <f t="shared" si="409"/>
        <v>0</v>
      </c>
      <c r="D8768">
        <f t="shared" si="410"/>
        <v>1</v>
      </c>
    </row>
  </sheetData>
  <mergeCells count="3">
    <mergeCell ref="A1:B1"/>
    <mergeCell ref="A2:B2"/>
    <mergeCell ref="A3:B3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936e22d5-45a7-4cb7-95ab-1aa8c7c88789" value=""/>
  <element uid="c64218ab-b8d1-40b6-a478-cb8be1e10ecc" value=""/>
</sisl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135A8D66889804D93A541DC7FCD6740" ma:contentTypeVersion="1" ma:contentTypeDescription="Create a new document." ma:contentTypeScope="" ma:versionID="efd721c7cda02a20df6329f4e8d3d67f">
  <xsd:schema xmlns:xsd="http://www.w3.org/2001/XMLSchema" xmlns:xs="http://www.w3.org/2001/XMLSchema" xmlns:p="http://schemas.microsoft.com/office/2006/metadata/properties" xmlns:ns2="a1040523-5304-4b09-b6d4-64a124c994e2" targetNamespace="http://schemas.microsoft.com/office/2006/metadata/properties" ma:root="true" ma:fieldsID="600ce198b5c5104e6f0363384ebebfc8" ns2:_="">
    <xsd:import namespace="a1040523-5304-4b09-b6d4-64a124c994e2"/>
    <xsd:element name="properties">
      <xsd:complexType>
        <xsd:sequence>
          <xsd:element name="documentManagement">
            <xsd:complexType>
              <xsd:all>
                <xsd:element ref="ns2:Operating_x0020_Company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040523-5304-4b09-b6d4-64a124c994e2" elementFormDefault="qualified">
    <xsd:import namespace="http://schemas.microsoft.com/office/2006/documentManagement/types"/>
    <xsd:import namespace="http://schemas.microsoft.com/office/infopath/2007/PartnerControls"/>
    <xsd:element name="Operating_x0020_Company" ma:index="8" ma:displayName="Operating Company" ma:default="AEP Ohio" ma:format="Dropdown" ma:internalName="Operating_x0020_Company">
      <xsd:simpleType>
        <xsd:restriction base="dms:Choice">
          <xsd:enumeration value="AEP Ohio"/>
          <xsd:enumeration value="AEP Texas"/>
          <xsd:enumeration value="Appalachian Power - Tennessee"/>
          <xsd:enumeration value="Appalachian Power - Virginia"/>
          <xsd:enumeration value="Appalachian Power - West Virginia"/>
          <xsd:enumeration value="ETT"/>
          <xsd:enumeration value="FERC"/>
          <xsd:enumeration value="Indiana &amp; Michigan Power - Indiana"/>
          <xsd:enumeration value="Indiana &amp; Michigan Power - Michigan"/>
          <xsd:enumeration value="Kentucky Power"/>
          <xsd:enumeration value="PSO"/>
          <xsd:enumeration value="SWEPCO - Arkansas"/>
          <xsd:enumeration value="SWEPCO - Louisiana"/>
          <xsd:enumeration value="SWEPCO - Texas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Operating_x0020_Company xmlns="a1040523-5304-4b09-b6d4-64a124c994e2">Kentucky Power</Operating_x0020_Company>
  </documentManagement>
</p:properties>
</file>

<file path=customXml/itemProps1.xml><?xml version="1.0" encoding="utf-8"?>
<ds:datastoreItem xmlns:ds="http://schemas.openxmlformats.org/officeDocument/2006/customXml" ds:itemID="{250EE17A-8BB0-4B6A-88FE-2F78D8EAE82D}">
  <ds:schemaRefs>
    <ds:schemaRef ds:uri="http://www.w3.org/2001/XMLSchema"/>
    <ds:schemaRef ds:uri="http://www.boldonjames.com/2008/01/sie/internal/label"/>
  </ds:schemaRefs>
</ds:datastoreItem>
</file>

<file path=customXml/itemProps2.xml><?xml version="1.0" encoding="utf-8"?>
<ds:datastoreItem xmlns:ds="http://schemas.openxmlformats.org/officeDocument/2006/customXml" ds:itemID="{2519C48A-FA2C-4571-B5D3-4C0E4AF7F08F}"/>
</file>

<file path=customXml/itemProps3.xml><?xml version="1.0" encoding="utf-8"?>
<ds:datastoreItem xmlns:ds="http://schemas.openxmlformats.org/officeDocument/2006/customXml" ds:itemID="{C8B0E6C4-C647-4988-A871-BE542823C93C}"/>
</file>

<file path=customXml/itemProps4.xml><?xml version="1.0" encoding="utf-8"?>
<ds:datastoreItem xmlns:ds="http://schemas.openxmlformats.org/officeDocument/2006/customXml" ds:itemID="{D1649E7B-B2C8-4E66-B2E8-63FCB12FC039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6</vt:i4>
      </vt:variant>
      <vt:variant>
        <vt:lpstr>Named Ranges</vt:lpstr>
      </vt:variant>
      <vt:variant>
        <vt:i4>2</vt:i4>
      </vt:variant>
    </vt:vector>
  </HeadingPairs>
  <TitlesOfParts>
    <vt:vector size="8" baseType="lpstr">
      <vt:lpstr>Excess Gen Price</vt:lpstr>
      <vt:lpstr>Typical Install Excess Percent</vt:lpstr>
      <vt:lpstr>Solar Pivot</vt:lpstr>
      <vt:lpstr>Res Pivot</vt:lpstr>
      <vt:lpstr>Residential Profile</vt:lpstr>
      <vt:lpstr>Solar Profile</vt:lpstr>
      <vt:lpstr>'Excess Gen Price'!Print_Area</vt:lpstr>
      <vt:lpstr>'Typical Install Excess Percent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EP</dc:creator>
  <cp:keywords/>
  <cp:lastModifiedBy>s207409</cp:lastModifiedBy>
  <cp:lastPrinted>2019-05-17T17:55:35Z</cp:lastPrinted>
  <dcterms:created xsi:type="dcterms:W3CDTF">2017-11-01T11:07:54Z</dcterms:created>
  <dcterms:modified xsi:type="dcterms:W3CDTF">2020-07-24T20:42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{A44787D4-0540-4523-9961-78E4036D8C6D}">
    <vt:lpwstr>{B67B9226-4F62-404A-A82A-B00EF9C61EB3}</vt:lpwstr>
  </property>
  <property fmtid="{D5CDD505-2E9C-101B-9397-08002B2CF9AE}" pid="3" name="docIndexRef">
    <vt:lpwstr>c7fd4f47-5715-4331-83e9-2b7619edd4c2</vt:lpwstr>
  </property>
  <property fmtid="{D5CDD505-2E9C-101B-9397-08002B2CF9AE}" pid="4" name="bjSaver">
    <vt:lpwstr>H74XOok3ZfiZaM3FfUBDx/p0prfgynmD</vt:lpwstr>
  </property>
  <property fmtid="{D5CDD505-2E9C-101B-9397-08002B2CF9AE}" pid="5" name="bjDocumentSecurityLabel">
    <vt:lpwstr>Uncategorized</vt:lpwstr>
  </property>
  <property fmtid="{D5CDD505-2E9C-101B-9397-08002B2CF9AE}" pid="6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7" name="bjDocumentLabelXML-0">
    <vt:lpwstr>ww.boldonjames.com/2008/01/sie/internal/label"&gt;&lt;element uid="936e22d5-45a7-4cb7-95ab-1aa8c7c88789" value="" /&gt;&lt;element uid="c64218ab-b8d1-40b6-a478-cb8be1e10ecc" value="" /&gt;&lt;/sisl&gt;</vt:lpwstr>
  </property>
  <property fmtid="{D5CDD505-2E9C-101B-9397-08002B2CF9AE}" pid="8" name="Visual Markings Removed">
    <vt:lpwstr>No</vt:lpwstr>
  </property>
  <property fmtid="{D5CDD505-2E9C-101B-9397-08002B2CF9AE}" pid="9" name="ContentTypeId">
    <vt:lpwstr>0x0101002135A8D66889804D93A541DC7FCD6740</vt:lpwstr>
  </property>
</Properties>
</file>